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customProperty1.bin" ContentType="application/vnd.openxmlformats-officedocument.spreadsheetml.customProperty"/>
  <Override PartName="/xl/tables/table2.xml" ContentType="application/vnd.openxmlformats-officedocument.spreadsheetml.table+xml"/>
  <Override PartName="/xl/customProperty2.bin" ContentType="application/vnd.openxmlformats-officedocument.spreadsheetml.customProperty"/>
  <Override PartName="/xl/tables/table3.xml" ContentType="application/vnd.openxmlformats-officedocument.spreadsheetml.table+xml"/>
  <Override PartName="/xl/customProperty3.bin" ContentType="application/vnd.openxmlformats-officedocument.spreadsheetml.customProperty"/>
  <Override PartName="/xl/tables/table4.xml" ContentType="application/vnd.openxmlformats-officedocument.spreadsheetml.table+xml"/>
  <Override PartName="/xl/customProperty4.bin" ContentType="application/vnd.openxmlformats-officedocument.spreadsheetml.customProperty"/>
  <Override PartName="/xl/tables/table5.xml" ContentType="application/vnd.openxmlformats-officedocument.spreadsheetml.table+xml"/>
  <Override PartName="/xl/customProperty5.bin" ContentType="application/vnd.openxmlformats-officedocument.spreadsheetml.customProperty"/>
  <Override PartName="/xl/tables/table6.xml" ContentType="application/vnd.openxmlformats-officedocument.spreadsheetml.table+xml"/>
  <Override PartName="/xl/customProperty6.bin" ContentType="application/vnd.openxmlformats-officedocument.spreadsheetml.customProperty"/>
  <Override PartName="/xl/tables/table7.xml" ContentType="application/vnd.openxmlformats-officedocument.spreadsheetml.table+xml"/>
  <Override PartName="/xl/customProperty7.bin" ContentType="application/vnd.openxmlformats-officedocument.spreadsheetml.customProperty"/>
  <Override PartName="/xl/tables/table8.xml" ContentType="application/vnd.openxmlformats-officedocument.spreadsheetml.table+xml"/>
  <Override PartName="/xl/customProperty8.bin" ContentType="application/vnd.openxmlformats-officedocument.spreadsheetml.customProperty"/>
  <Override PartName="/xl/tables/table9.xml" ContentType="application/vnd.openxmlformats-officedocument.spreadsheetml.table+xml"/>
  <Override PartName="/xl/customProperty9.bin" ContentType="application/vnd.openxmlformats-officedocument.spreadsheetml.customProperty"/>
  <Override PartName="/xl/tables/table10.xml" ContentType="application/vnd.openxmlformats-officedocument.spreadsheetml.table+xml"/>
  <Override PartName="/xl/customProperty10.bin" ContentType="application/vnd.openxmlformats-officedocument.spreadsheetml.customProperty"/>
  <Override PartName="/xl/tables/table11.xml" ContentType="application/vnd.openxmlformats-officedocument.spreadsheetml.table+xml"/>
  <Override PartName="/xl/customProperty11.bin" ContentType="application/vnd.openxmlformats-officedocument.spreadsheetml.customProperty"/>
  <Override PartName="/xl/tables/table12.xml" ContentType="application/vnd.openxmlformats-officedocument.spreadsheetml.table+xml"/>
  <Override PartName="/xl/customProperty12.bin" ContentType="application/vnd.openxmlformats-officedocument.spreadsheetml.customProperty"/>
  <Override PartName="/xl/tables/table13.xml" ContentType="application/vnd.openxmlformats-officedocument.spreadsheetml.table+xml"/>
  <Override PartName="/xl/customProperty13.bin" ContentType="application/vnd.openxmlformats-officedocument.spreadsheetml.customProperty"/>
  <Override PartName="/xl/customProperty14.bin" ContentType="application/vnd.openxmlformats-officedocument.spreadsheetml.customProperty"/>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830"/>
  <workbookPr codeName="ThisWorkbook"/>
  <mc:AlternateContent xmlns:mc="http://schemas.openxmlformats.org/markup-compatibility/2006">
    <mc:Choice Requires="x15">
      <x15ac:absPath xmlns:x15ac="http://schemas.microsoft.com/office/spreadsheetml/2010/11/ac" url="C:\Users\v-viallo\Downloads\"/>
    </mc:Choice>
  </mc:AlternateContent>
  <xr:revisionPtr revIDLastSave="0" documentId="13_ncr:1_{0FF71B45-57C3-45B6-A246-F9AAD3197040}" xr6:coauthVersionLast="47" xr6:coauthVersionMax="47" xr10:uidLastSave="{00000000-0000-0000-0000-000000000000}"/>
  <bookViews>
    <workbookView xWindow="28680" yWindow="-720" windowWidth="29040" windowHeight="15720" tabRatio="793" xr2:uid="{00000000-000D-0000-FFFF-FFFF00000000}"/>
  </bookViews>
  <sheets>
    <sheet name="General info" sheetId="24" r:id="rId1"/>
    <sheet name="2022" sheetId="33" r:id="rId2"/>
    <sheet name="2022 Detailed Fixlist" sheetId="34" r:id="rId3"/>
    <sheet name="2019" sheetId="22" r:id="rId4"/>
    <sheet name="2019 Detailed Fixlist" sheetId="31" r:id="rId5"/>
    <sheet name="2017" sheetId="25" r:id="rId6"/>
    <sheet name="2017 Detailed Fixlist" sheetId="32" r:id="rId7"/>
    <sheet name="2016" sheetId="23" r:id="rId8"/>
    <sheet name="2014" sheetId="26" r:id="rId9"/>
    <sheet name="2012" sheetId="27" r:id="rId10"/>
    <sheet name="2008 R2" sheetId="28" r:id="rId11"/>
    <sheet name="2008" sheetId="29" r:id="rId12"/>
    <sheet name="2005" sheetId="30" r:id="rId13"/>
    <sheet name="Feature" sheetId="35" state="hidden" r:id="rId14"/>
    <sheet name="Component" sheetId="36" state="hidden" r:id="rId15"/>
  </sheets>
  <definedNames>
    <definedName name="_xlnm._FilterDatabase" localSheetId="7" hidden="1">'2016'!$A$1:$H$78</definedName>
    <definedName name="_xlnm._FilterDatabase" localSheetId="6" hidden="1">'2017 Detailed Fixlist'!$A$1:$L$100</definedName>
    <definedName name="_xlnm._FilterDatabase" localSheetId="3" hidden="1">'2019'!$A$1:$H$43</definedName>
    <definedName name="_xlnm._FilterDatabase" localSheetId="2" hidden="1">'2022 Detailed Fixlist'!$A$1:$L$3439</definedName>
  </definedNames>
  <calcPr calcId="191028"/>
  <fileRecoveryPr autoRecover="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4" i="33" l="1"/>
  <c r="C3" i="33"/>
  <c r="C15" i="31"/>
  <c r="C3" i="32"/>
  <c r="C2" i="32"/>
  <c r="C14" i="31"/>
  <c r="C16" i="22"/>
  <c r="C7" i="33"/>
  <c r="C6" i="33"/>
  <c r="C50" i="31"/>
  <c r="C51" i="31"/>
  <c r="C52" i="31"/>
  <c r="C53" i="31"/>
  <c r="C49" i="31"/>
  <c r="C104" i="31"/>
  <c r="C10" i="33"/>
  <c r="C11" i="33"/>
  <c r="C135" i="34"/>
  <c r="C14" i="33"/>
  <c r="C134" i="34"/>
  <c r="C15" i="33"/>
  <c r="C105" i="31"/>
  <c r="C4" i="25"/>
  <c r="C5" i="25"/>
  <c r="C5" i="32"/>
  <c r="C4" i="32"/>
  <c r="C4" i="23"/>
  <c r="C5" i="23"/>
  <c r="C2" i="26"/>
  <c r="C3" i="26"/>
  <c r="C598" i="32"/>
  <c r="C355" i="32"/>
  <c r="C291" i="31"/>
  <c r="C151" i="31"/>
  <c r="C155" i="31"/>
  <c r="C172" i="31"/>
  <c r="C173" i="31"/>
  <c r="C174" i="31"/>
  <c r="C175" i="31"/>
  <c r="C156" i="31"/>
  <c r="C157" i="31"/>
  <c r="C158" i="31"/>
  <c r="C159" i="31"/>
  <c r="C160" i="31"/>
  <c r="C161" i="31"/>
  <c r="C162" i="31"/>
  <c r="C163" i="31"/>
  <c r="C164" i="31"/>
  <c r="C165" i="31"/>
  <c r="C166" i="31"/>
  <c r="C167" i="31"/>
  <c r="C168" i="31"/>
  <c r="C169" i="31"/>
  <c r="C170" i="31"/>
  <c r="C177" i="31"/>
  <c r="C171" i="31"/>
  <c r="C178" i="31"/>
  <c r="C179" i="31"/>
  <c r="C207" i="31"/>
  <c r="C249" i="31"/>
  <c r="C17" i="22"/>
  <c r="C323" i="34"/>
  <c r="C324" i="34"/>
  <c r="C325" i="34"/>
  <c r="C326" i="34"/>
  <c r="C327" i="34"/>
  <c r="C322" i="34"/>
  <c r="C307" i="34"/>
  <c r="C18" i="22"/>
  <c r="C56" i="23"/>
  <c r="C180" i="31"/>
  <c r="C181" i="31"/>
  <c r="C182" i="31"/>
  <c r="C183" i="31"/>
  <c r="C184" i="31"/>
  <c r="C185" i="31"/>
  <c r="C186" i="31"/>
  <c r="C187" i="31"/>
  <c r="C188" i="31"/>
  <c r="C189" i="31"/>
  <c r="C190" i="31"/>
  <c r="C191" i="31"/>
  <c r="C192" i="31"/>
  <c r="C193" i="31"/>
  <c r="C194" i="31"/>
  <c r="C195" i="31"/>
  <c r="C196" i="31"/>
  <c r="C197" i="31"/>
  <c r="C198" i="31"/>
  <c r="C199" i="31"/>
  <c r="C200" i="31"/>
  <c r="C201" i="31"/>
  <c r="C202" i="31"/>
  <c r="C203" i="31"/>
  <c r="C204" i="31"/>
  <c r="C205" i="31"/>
  <c r="C206" i="31"/>
  <c r="C208" i="31"/>
  <c r="C209" i="31"/>
  <c r="C210" i="31"/>
  <c r="C211" i="31"/>
  <c r="C212" i="31"/>
  <c r="C213" i="31"/>
  <c r="C214" i="31"/>
  <c r="C215" i="31"/>
  <c r="C216" i="31"/>
  <c r="C217" i="31"/>
  <c r="C218" i="31"/>
  <c r="C219" i="31"/>
  <c r="C220" i="31"/>
  <c r="C221" i="31"/>
  <c r="C222" i="31"/>
  <c r="C223" i="31"/>
  <c r="C225" i="31"/>
  <c r="C226" i="31"/>
  <c r="C227" i="31"/>
  <c r="C228" i="31"/>
  <c r="C229" i="31"/>
  <c r="C230" i="31"/>
  <c r="C231" i="31"/>
  <c r="C232" i="31"/>
  <c r="C233" i="31"/>
  <c r="C234" i="31"/>
  <c r="C12" i="32"/>
  <c r="C10" i="32"/>
  <c r="C11" i="32"/>
  <c r="C7" i="32"/>
  <c r="C8" i="32"/>
  <c r="C9" i="32"/>
  <c r="C6" i="32"/>
  <c r="C13" i="32"/>
  <c r="C5" i="26"/>
  <c r="C4" i="26"/>
  <c r="C6" i="23"/>
  <c r="C12" i="23"/>
  <c r="C8" i="23"/>
  <c r="C7" i="23"/>
  <c r="C9" i="23"/>
  <c r="C7" i="25"/>
  <c r="C6" i="25"/>
  <c r="C19" i="22"/>
  <c r="C24" i="33"/>
  <c r="C20" i="22"/>
  <c r="C22" i="22"/>
  <c r="C23" i="22"/>
  <c r="C24" i="22"/>
  <c r="C25" i="22"/>
  <c r="C26" i="22"/>
  <c r="C27" i="22"/>
  <c r="C28" i="22"/>
  <c r="C29" i="22"/>
  <c r="C30" i="22"/>
  <c r="C31" i="22"/>
  <c r="C32" i="22"/>
  <c r="C33" i="22"/>
  <c r="C34" i="22"/>
  <c r="C35" i="22"/>
  <c r="C36" i="22"/>
  <c r="C37" i="22"/>
  <c r="C38" i="22"/>
  <c r="C39" i="22"/>
  <c r="C40" i="22"/>
  <c r="C41" i="22"/>
  <c r="C42" i="22"/>
  <c r="C193" i="32"/>
  <c r="C294" i="31"/>
  <c r="C17" i="23"/>
  <c r="C14" i="32"/>
  <c r="C15" i="32"/>
  <c r="C16" i="32"/>
  <c r="C17" i="32"/>
  <c r="C18" i="32"/>
  <c r="C19" i="32"/>
  <c r="C20" i="32"/>
  <c r="C21" i="32"/>
  <c r="C22" i="32"/>
  <c r="C23" i="32"/>
  <c r="C24" i="32"/>
  <c r="C25" i="32"/>
  <c r="C26" i="32"/>
  <c r="C27" i="32"/>
  <c r="C28" i="32"/>
  <c r="C29" i="32"/>
  <c r="C30" i="32"/>
  <c r="C31" i="32"/>
  <c r="C32" i="32"/>
  <c r="C33" i="32"/>
  <c r="C34" i="32"/>
  <c r="C35" i="32"/>
  <c r="C36" i="32"/>
  <c r="C37" i="32"/>
  <c r="C38" i="32"/>
  <c r="C39" i="32"/>
  <c r="C40" i="32"/>
  <c r="C41" i="32"/>
  <c r="C42" i="32"/>
  <c r="C43" i="32"/>
  <c r="C44" i="32"/>
  <c r="C45" i="32"/>
  <c r="C46" i="32"/>
  <c r="C47" i="32"/>
  <c r="C48" i="32"/>
  <c r="C49" i="32"/>
  <c r="C50" i="32"/>
  <c r="C51" i="32"/>
  <c r="C52" i="32"/>
  <c r="C53" i="32"/>
  <c r="C54" i="32"/>
  <c r="C55" i="32"/>
  <c r="C56" i="32"/>
  <c r="C57" i="32"/>
  <c r="C58" i="32"/>
  <c r="C59" i="32"/>
  <c r="C60" i="32"/>
  <c r="C61" i="32"/>
  <c r="C62" i="32"/>
  <c r="C63" i="32"/>
  <c r="C64" i="32"/>
  <c r="C65" i="32"/>
  <c r="C66" i="32"/>
  <c r="C67" i="32"/>
  <c r="C68" i="32"/>
  <c r="C69" i="32"/>
  <c r="C70" i="32"/>
  <c r="C71" i="32"/>
  <c r="C72" i="32"/>
  <c r="C73" i="32"/>
  <c r="C74" i="32"/>
  <c r="C75" i="32"/>
  <c r="C76" i="32"/>
  <c r="C77" i="32"/>
  <c r="C78" i="32"/>
  <c r="C79" i="32"/>
  <c r="C80" i="32"/>
  <c r="C81" i="32"/>
  <c r="C82" i="32"/>
  <c r="C83" i="32"/>
  <c r="C84" i="32"/>
  <c r="C85" i="32"/>
  <c r="C86" i="32"/>
  <c r="C87" i="32"/>
  <c r="C88" i="32"/>
  <c r="C89" i="32"/>
  <c r="C90" i="32"/>
  <c r="C91" i="32"/>
  <c r="C92" i="32"/>
  <c r="C93" i="32"/>
  <c r="C94" i="32"/>
  <c r="C95" i="32"/>
  <c r="C96" i="32"/>
  <c r="C97" i="32"/>
  <c r="C98" i="32"/>
  <c r="C99" i="32"/>
  <c r="C100" i="32"/>
  <c r="C101" i="32"/>
  <c r="C102" i="32"/>
  <c r="C103" i="32"/>
  <c r="C104" i="32"/>
  <c r="C105" i="32"/>
  <c r="C106" i="32"/>
  <c r="C107" i="32"/>
  <c r="C108" i="32"/>
  <c r="C109" i="32"/>
  <c r="C110" i="32"/>
  <c r="C111" i="32"/>
  <c r="C112" i="32"/>
  <c r="C113" i="32"/>
  <c r="C114" i="32"/>
  <c r="C115" i="32"/>
  <c r="C116" i="32"/>
  <c r="C117" i="32"/>
  <c r="C118" i="32"/>
  <c r="C119" i="32"/>
  <c r="C120" i="32"/>
  <c r="C121" i="32"/>
  <c r="C122" i="32"/>
  <c r="C123" i="32"/>
  <c r="C124" i="32"/>
  <c r="C125" i="32"/>
  <c r="C126" i="32"/>
  <c r="C127" i="32"/>
  <c r="C128" i="32"/>
  <c r="C129" i="32"/>
  <c r="C130" i="32"/>
  <c r="C131" i="32"/>
  <c r="C132" i="32"/>
  <c r="C133" i="32"/>
  <c r="C134" i="32"/>
  <c r="C135" i="32"/>
  <c r="C136" i="32"/>
  <c r="C137" i="32"/>
  <c r="C138" i="32"/>
  <c r="C139" i="32"/>
  <c r="C140" i="32"/>
  <c r="C141" i="32"/>
  <c r="C142" i="32"/>
  <c r="C143" i="32"/>
  <c r="C144" i="32"/>
  <c r="C145" i="32"/>
  <c r="C146" i="32"/>
  <c r="C147" i="32"/>
  <c r="C148" i="32"/>
  <c r="C149" i="32"/>
  <c r="C150" i="32"/>
  <c r="C151" i="32"/>
  <c r="C152" i="32"/>
  <c r="C153" i="32"/>
  <c r="C154" i="32"/>
  <c r="C155" i="32"/>
  <c r="C156" i="32"/>
  <c r="C157" i="32"/>
  <c r="C158" i="32"/>
  <c r="C159" i="32"/>
  <c r="C160" i="32"/>
  <c r="C161" i="32"/>
  <c r="C162" i="32"/>
  <c r="C163" i="32"/>
  <c r="C164" i="32"/>
  <c r="C165" i="32"/>
  <c r="C166" i="32"/>
  <c r="C167" i="32"/>
  <c r="C168" i="32"/>
  <c r="C169" i="32"/>
  <c r="C170" i="32"/>
  <c r="C171" i="32"/>
  <c r="C172" i="32"/>
  <c r="C173" i="32"/>
  <c r="C174" i="32"/>
  <c r="C175" i="32"/>
  <c r="C176" i="32"/>
  <c r="C177" i="32"/>
  <c r="C178" i="32"/>
  <c r="C179" i="32"/>
  <c r="C180" i="32"/>
  <c r="C181" i="32"/>
  <c r="C182" i="32"/>
  <c r="C183" i="32"/>
  <c r="C184" i="32"/>
  <c r="C185" i="32"/>
  <c r="C186" i="32"/>
  <c r="C187" i="32"/>
  <c r="C188" i="32"/>
  <c r="C189" i="32"/>
  <c r="C190" i="32"/>
  <c r="C191" i="32"/>
  <c r="C192" i="32"/>
  <c r="C194" i="32"/>
  <c r="C195" i="32"/>
  <c r="C196" i="32"/>
  <c r="C197" i="32"/>
  <c r="C198" i="32"/>
  <c r="C199" i="32"/>
  <c r="C200" i="32"/>
  <c r="C201" i="32"/>
  <c r="C202" i="32"/>
  <c r="C203" i="32"/>
  <c r="C204" i="32"/>
  <c r="C205" i="32"/>
  <c r="C206" i="32"/>
  <c r="C207" i="32"/>
  <c r="C208" i="32"/>
  <c r="C209" i="32"/>
  <c r="C210" i="32"/>
  <c r="C211" i="32"/>
  <c r="C212" i="32"/>
  <c r="C213" i="32"/>
  <c r="C214" i="32"/>
  <c r="C215" i="32"/>
  <c r="C216" i="32"/>
  <c r="C217" i="32"/>
  <c r="C218" i="32"/>
  <c r="C219" i="32"/>
  <c r="C220" i="32"/>
  <c r="C221" i="32"/>
  <c r="C222" i="32"/>
  <c r="C223" i="32"/>
  <c r="C224" i="32"/>
  <c r="C225" i="32"/>
  <c r="C226" i="32"/>
  <c r="C227" i="32"/>
  <c r="C228" i="32"/>
  <c r="C229" i="32"/>
  <c r="C230" i="32"/>
  <c r="C231" i="32"/>
  <c r="C232" i="32"/>
  <c r="C233" i="32"/>
  <c r="C234" i="32"/>
  <c r="C235" i="32"/>
  <c r="C236" i="32"/>
  <c r="C237" i="32"/>
  <c r="C238" i="32"/>
  <c r="C239" i="32"/>
  <c r="C240" i="32"/>
  <c r="C241" i="32"/>
  <c r="C242" i="32"/>
  <c r="C243" i="32"/>
  <c r="C244" i="32"/>
  <c r="C245" i="32"/>
  <c r="C246" i="32"/>
  <c r="C247" i="32"/>
  <c r="C248" i="32"/>
  <c r="C249" i="32"/>
  <c r="C250" i="32"/>
  <c r="C251" i="32"/>
  <c r="C252" i="32"/>
  <c r="C253" i="32"/>
  <c r="C254" i="32"/>
  <c r="C255" i="32"/>
  <c r="C256" i="32"/>
  <c r="C257" i="32"/>
  <c r="C258" i="32"/>
  <c r="C259" i="32"/>
  <c r="C260" i="32"/>
  <c r="C261" i="32"/>
  <c r="C262" i="32"/>
  <c r="C263" i="32"/>
  <c r="C264" i="32"/>
  <c r="C265" i="32"/>
  <c r="C266" i="32"/>
  <c r="C267" i="32"/>
  <c r="C268" i="32"/>
  <c r="C269" i="32"/>
  <c r="C270" i="32"/>
  <c r="C271" i="32"/>
  <c r="C272" i="32"/>
  <c r="C273" i="32"/>
  <c r="C274" i="32"/>
  <c r="C275" i="32"/>
  <c r="C276" i="32"/>
  <c r="C277" i="32"/>
  <c r="C278" i="32"/>
  <c r="C279" i="32"/>
  <c r="C280" i="32"/>
  <c r="C281" i="32"/>
  <c r="C282" i="32"/>
  <c r="C283" i="32"/>
  <c r="C284" i="32"/>
  <c r="C285" i="32"/>
  <c r="C286" i="32"/>
  <c r="C287" i="32"/>
  <c r="C288" i="32"/>
  <c r="C289" i="32"/>
  <c r="C290" i="32"/>
  <c r="C291" i="32"/>
  <c r="C292" i="32"/>
  <c r="C293" i="32"/>
  <c r="C294" i="32"/>
  <c r="C295" i="32"/>
  <c r="C296" i="32"/>
  <c r="C297" i="32"/>
  <c r="C298" i="32"/>
  <c r="C299" i="32"/>
  <c r="C300" i="32"/>
  <c r="C301" i="32"/>
  <c r="C302" i="32"/>
  <c r="C303" i="32"/>
  <c r="C304" i="32"/>
  <c r="C305" i="32"/>
  <c r="C306" i="32"/>
  <c r="C307" i="32"/>
  <c r="C308" i="32"/>
  <c r="C309" i="32"/>
  <c r="C310" i="32"/>
  <c r="C311" i="32"/>
  <c r="C312" i="32"/>
  <c r="C313" i="32"/>
  <c r="C314" i="32"/>
  <c r="C315" i="32"/>
  <c r="C316" i="32"/>
  <c r="C317" i="32"/>
  <c r="C318" i="32"/>
  <c r="C319" i="32"/>
  <c r="C320" i="32"/>
  <c r="C321" i="32"/>
  <c r="C322" i="32"/>
  <c r="C323" i="32"/>
  <c r="C324" i="32"/>
  <c r="C325" i="32"/>
  <c r="C326" i="32"/>
  <c r="C327" i="32"/>
  <c r="C328" i="32"/>
  <c r="C329" i="32"/>
  <c r="C330" i="32"/>
  <c r="C331" i="32"/>
  <c r="C332" i="32"/>
  <c r="C333" i="32"/>
  <c r="C334" i="32"/>
  <c r="C335" i="32"/>
  <c r="C336" i="32"/>
  <c r="C337" i="32"/>
  <c r="C338" i="32"/>
  <c r="C339" i="32"/>
  <c r="C340" i="32"/>
  <c r="C341" i="32"/>
  <c r="C342" i="32"/>
  <c r="C343" i="32"/>
  <c r="C344" i="32"/>
  <c r="C345" i="32"/>
  <c r="C346" i="32"/>
  <c r="C347" i="32"/>
  <c r="C348" i="32"/>
  <c r="C349" i="32"/>
  <c r="C350" i="32"/>
  <c r="C351" i="32"/>
  <c r="C352" i="32"/>
  <c r="C353" i="32"/>
  <c r="C354" i="32"/>
  <c r="C356" i="32"/>
  <c r="C357" i="32"/>
  <c r="C358" i="32"/>
  <c r="C359" i="32"/>
  <c r="C360" i="32"/>
  <c r="C361" i="32"/>
  <c r="C362" i="32"/>
  <c r="C363" i="32"/>
  <c r="C364" i="32"/>
  <c r="C365" i="32"/>
  <c r="C366" i="32"/>
  <c r="C367" i="32"/>
  <c r="C368" i="32"/>
  <c r="C369" i="32"/>
  <c r="C370" i="32"/>
  <c r="C371" i="32"/>
  <c r="C372" i="32"/>
  <c r="C373" i="32"/>
  <c r="C374" i="32"/>
  <c r="C375" i="32"/>
  <c r="C376" i="32"/>
  <c r="C377" i="32"/>
  <c r="C378" i="32"/>
  <c r="C379" i="32"/>
  <c r="C380" i="32"/>
  <c r="C381" i="32"/>
  <c r="C382" i="32"/>
  <c r="C383" i="32"/>
  <c r="C384" i="32"/>
  <c r="C385" i="32"/>
  <c r="C386" i="32"/>
  <c r="C387" i="32"/>
  <c r="C388" i="32"/>
  <c r="C389" i="32"/>
  <c r="C390" i="32"/>
  <c r="C391" i="32"/>
  <c r="C392" i="32"/>
  <c r="C393" i="32"/>
  <c r="C394" i="32"/>
  <c r="C395" i="32"/>
  <c r="C396" i="32"/>
  <c r="C397" i="32"/>
  <c r="C398" i="32"/>
  <c r="C399" i="32"/>
  <c r="C400" i="32"/>
  <c r="C401" i="32"/>
  <c r="C402" i="32"/>
  <c r="C403" i="32"/>
  <c r="C404" i="32"/>
  <c r="C405" i="32"/>
  <c r="C406" i="32"/>
  <c r="C407" i="32"/>
  <c r="C408" i="32"/>
  <c r="C409" i="32"/>
  <c r="C410" i="32"/>
  <c r="C411" i="32"/>
  <c r="C412" i="32"/>
  <c r="C413" i="32"/>
  <c r="C414" i="32"/>
  <c r="C415" i="32"/>
  <c r="C416" i="32"/>
  <c r="C417" i="32"/>
  <c r="C418" i="32"/>
  <c r="C419" i="32"/>
  <c r="C420" i="32"/>
  <c r="C421" i="32"/>
  <c r="C422" i="32"/>
  <c r="C423" i="32"/>
  <c r="C424" i="32"/>
  <c r="C425" i="32"/>
  <c r="C426" i="32"/>
  <c r="C427" i="32"/>
  <c r="C428" i="32"/>
  <c r="C429" i="32"/>
  <c r="C430" i="32"/>
  <c r="C431" i="32"/>
  <c r="C432" i="32"/>
  <c r="C433" i="32"/>
  <c r="C434" i="32"/>
  <c r="C435" i="32"/>
  <c r="C436" i="32"/>
  <c r="C437" i="32"/>
  <c r="C438" i="32"/>
  <c r="C439" i="32"/>
  <c r="C440" i="32"/>
  <c r="C441" i="32"/>
  <c r="C442" i="32"/>
  <c r="C443" i="32"/>
  <c r="C444" i="32"/>
  <c r="C445" i="32"/>
  <c r="C446" i="32"/>
  <c r="C447" i="32"/>
  <c r="C448" i="32"/>
  <c r="C449" i="32"/>
  <c r="C450" i="32"/>
  <c r="C451" i="32"/>
  <c r="C452" i="32"/>
  <c r="C453" i="32"/>
  <c r="C454" i="32"/>
  <c r="C455" i="32"/>
  <c r="C456" i="32"/>
  <c r="C457" i="32"/>
  <c r="C458" i="32"/>
  <c r="C459" i="32"/>
  <c r="C460" i="32"/>
  <c r="C461" i="32"/>
  <c r="C462" i="32"/>
  <c r="C463" i="32"/>
  <c r="C464" i="32"/>
  <c r="C465" i="32"/>
  <c r="C466" i="32"/>
  <c r="C467" i="32"/>
  <c r="C468" i="32"/>
  <c r="C469" i="32"/>
  <c r="C470" i="32"/>
  <c r="C471" i="32"/>
  <c r="C472" i="32"/>
  <c r="C473" i="32"/>
  <c r="C474" i="32"/>
  <c r="C475" i="32"/>
  <c r="C476" i="32"/>
  <c r="C477" i="32"/>
  <c r="C478" i="32"/>
  <c r="C479" i="32"/>
  <c r="C480" i="32"/>
  <c r="C481" i="32"/>
  <c r="C483" i="32"/>
  <c r="C484" i="32"/>
  <c r="C485" i="32"/>
  <c r="C486" i="32"/>
  <c r="C487" i="32"/>
  <c r="C488" i="32"/>
  <c r="C489" i="32"/>
  <c r="C490" i="32"/>
  <c r="C491" i="32"/>
  <c r="C492" i="32"/>
  <c r="C493" i="32"/>
  <c r="C494" i="32"/>
  <c r="C495" i="32"/>
  <c r="C496" i="32"/>
  <c r="C497" i="32"/>
  <c r="C498" i="32"/>
  <c r="C499" i="32"/>
  <c r="C500" i="32"/>
  <c r="C501" i="32"/>
  <c r="C502" i="32"/>
  <c r="C503" i="32"/>
  <c r="C504" i="32"/>
  <c r="C505" i="32"/>
  <c r="C506" i="32"/>
  <c r="C507" i="32"/>
  <c r="C508" i="32"/>
  <c r="C509" i="32"/>
  <c r="C510" i="32"/>
  <c r="C511" i="32"/>
  <c r="C512" i="32"/>
  <c r="C513" i="32"/>
  <c r="C514" i="32"/>
  <c r="C515" i="32"/>
  <c r="C482" i="32"/>
  <c r="C516" i="32"/>
  <c r="C517" i="32"/>
  <c r="C518" i="32"/>
  <c r="C519" i="32"/>
  <c r="C520" i="32"/>
  <c r="C521" i="32"/>
  <c r="C522" i="32"/>
  <c r="C523" i="32"/>
  <c r="C524" i="32"/>
  <c r="C525" i="32"/>
  <c r="C526" i="32"/>
  <c r="C527" i="32"/>
  <c r="C528" i="32"/>
  <c r="C529" i="32"/>
  <c r="C530" i="32"/>
  <c r="C531" i="32"/>
  <c r="C532" i="32"/>
  <c r="C533" i="32"/>
  <c r="C534" i="32"/>
  <c r="C535" i="32"/>
  <c r="C536" i="32"/>
  <c r="C537" i="32"/>
  <c r="C538" i="32"/>
  <c r="C539" i="32"/>
  <c r="C540" i="32"/>
  <c r="C541" i="32"/>
  <c r="C542" i="32"/>
  <c r="C543" i="32"/>
  <c r="C544" i="32"/>
  <c r="C545" i="32"/>
  <c r="C546" i="32"/>
  <c r="C547" i="32"/>
  <c r="C548" i="32"/>
  <c r="C549" i="32"/>
  <c r="C550" i="32"/>
  <c r="C551" i="32"/>
  <c r="C579" i="32"/>
  <c r="C552" i="32"/>
  <c r="C553" i="32"/>
  <c r="C554" i="32"/>
  <c r="C555" i="32"/>
  <c r="C556" i="32"/>
  <c r="C557" i="32"/>
  <c r="C558" i="32"/>
  <c r="C559" i="32"/>
  <c r="C560" i="32"/>
  <c r="C561" i="32"/>
  <c r="C562" i="32"/>
  <c r="C563" i="32"/>
  <c r="C564" i="32"/>
  <c r="C580" i="32"/>
  <c r="C581" i="32"/>
  <c r="C582" i="32"/>
  <c r="C583" i="32"/>
  <c r="C584" i="32"/>
  <c r="C585" i="32"/>
  <c r="C586" i="32"/>
  <c r="C587" i="32"/>
  <c r="C588" i="32"/>
  <c r="C589" i="32"/>
  <c r="C590" i="32"/>
  <c r="C591" i="32"/>
  <c r="C592" i="32"/>
  <c r="C593" i="32"/>
  <c r="C594" i="32"/>
  <c r="C595" i="32"/>
  <c r="C596" i="32"/>
  <c r="C597" i="32"/>
  <c r="C565" i="32"/>
  <c r="C566" i="32"/>
  <c r="C567" i="32"/>
  <c r="C568" i="32"/>
  <c r="C569" i="32"/>
  <c r="C570" i="32"/>
  <c r="C571" i="32"/>
  <c r="C572" i="32"/>
  <c r="C573" i="32"/>
  <c r="C574" i="32"/>
  <c r="C575" i="32"/>
  <c r="C576" i="32"/>
  <c r="C577" i="32"/>
  <c r="C578" i="32"/>
  <c r="C600" i="32"/>
  <c r="C601" i="32"/>
  <c r="C602" i="32"/>
  <c r="C603" i="32"/>
  <c r="C604" i="32"/>
  <c r="C605" i="32"/>
  <c r="C606" i="32"/>
  <c r="C607" i="32"/>
  <c r="C608" i="32"/>
  <c r="C609" i="32"/>
  <c r="C610" i="32"/>
  <c r="C611" i="32"/>
  <c r="C612" i="32"/>
  <c r="C613" i="32"/>
  <c r="C614" i="32"/>
  <c r="C615" i="32"/>
  <c r="C616" i="32"/>
  <c r="C617" i="32"/>
  <c r="C618" i="32"/>
  <c r="C619" i="32"/>
  <c r="C620" i="32"/>
  <c r="C621" i="32"/>
  <c r="C622" i="32"/>
  <c r="C623" i="32"/>
  <c r="C624" i="32"/>
  <c r="C625" i="32"/>
  <c r="C626" i="32"/>
  <c r="C627" i="32"/>
  <c r="C628" i="32"/>
  <c r="C629" i="32"/>
  <c r="C630" i="32"/>
  <c r="C631" i="32"/>
  <c r="C632" i="32"/>
  <c r="C633" i="32"/>
  <c r="C634" i="32"/>
  <c r="C635" i="32"/>
  <c r="C636" i="32"/>
  <c r="C637" i="32"/>
  <c r="C638" i="32"/>
  <c r="C639" i="32"/>
  <c r="C640" i="32"/>
  <c r="C641" i="32"/>
  <c r="C642" i="32"/>
  <c r="C643" i="32"/>
  <c r="C644" i="32"/>
  <c r="C645" i="32"/>
  <c r="C646" i="32"/>
  <c r="C647" i="32"/>
  <c r="C648" i="32"/>
  <c r="C649" i="32"/>
  <c r="C650" i="32"/>
  <c r="C651" i="32"/>
  <c r="C652" i="32"/>
  <c r="C653" i="32"/>
  <c r="C654" i="32"/>
  <c r="C655" i="32"/>
  <c r="C656" i="32"/>
  <c r="C657" i="32"/>
  <c r="C658" i="32"/>
  <c r="C659" i="32"/>
  <c r="C660" i="32"/>
  <c r="C661" i="32"/>
  <c r="C662" i="32"/>
  <c r="C663" i="32"/>
  <c r="C664" i="32"/>
  <c r="C665" i="32"/>
  <c r="C666" i="32"/>
  <c r="C667" i="32"/>
  <c r="C668" i="32"/>
  <c r="C669" i="32"/>
  <c r="C670" i="32"/>
  <c r="C671" i="32"/>
  <c r="C672" i="32"/>
  <c r="C673" i="32"/>
  <c r="C674" i="32"/>
  <c r="C675" i="32"/>
  <c r="C676" i="32"/>
  <c r="C677" i="32"/>
  <c r="C678" i="32"/>
  <c r="C679" i="32"/>
  <c r="C680" i="32"/>
  <c r="C681" i="32"/>
  <c r="C682" i="32"/>
  <c r="C683" i="32"/>
  <c r="C684" i="32"/>
  <c r="C685" i="32"/>
  <c r="C686" i="32"/>
  <c r="C687" i="32"/>
  <c r="C688" i="32"/>
  <c r="C689" i="32"/>
  <c r="C690" i="32"/>
  <c r="C691" i="32"/>
  <c r="C692" i="32"/>
  <c r="C693" i="32"/>
  <c r="C694" i="32"/>
  <c r="C695" i="32"/>
  <c r="C696" i="32"/>
  <c r="C697" i="32"/>
  <c r="C698" i="32"/>
  <c r="C699" i="32"/>
  <c r="C700" i="32"/>
  <c r="C701" i="32"/>
  <c r="C702" i="32"/>
  <c r="C703" i="32"/>
  <c r="C704" i="32"/>
  <c r="C705" i="32"/>
  <c r="C706" i="32"/>
  <c r="C707" i="32"/>
  <c r="C708" i="32"/>
  <c r="C709" i="32"/>
  <c r="C710" i="32"/>
  <c r="C711" i="32"/>
  <c r="C712" i="32"/>
  <c r="C713" i="32"/>
  <c r="C714" i="32"/>
  <c r="C715" i="32"/>
  <c r="C716" i="32"/>
  <c r="C717" i="32"/>
  <c r="C718" i="32"/>
  <c r="C719" i="32"/>
  <c r="C720" i="32"/>
  <c r="C721" i="32"/>
  <c r="C722" i="32"/>
  <c r="C723" i="32"/>
  <c r="C724" i="32"/>
  <c r="C725" i="32"/>
  <c r="C726" i="32"/>
  <c r="C727" i="32"/>
  <c r="C728" i="32"/>
  <c r="C729" i="32"/>
  <c r="C730" i="32"/>
  <c r="C731" i="32"/>
  <c r="C732" i="32"/>
  <c r="C733" i="32"/>
  <c r="C734" i="32"/>
  <c r="C735" i="32"/>
  <c r="C736" i="32"/>
  <c r="C737" i="32"/>
  <c r="C738" i="32"/>
  <c r="C739" i="32"/>
  <c r="C740" i="32"/>
  <c r="C741" i="32"/>
  <c r="C742" i="32"/>
  <c r="C743" i="32"/>
  <c r="C744" i="32"/>
  <c r="C745" i="32"/>
  <c r="C746" i="32"/>
  <c r="C747" i="32"/>
  <c r="C748" i="32"/>
  <c r="C749" i="32"/>
  <c r="C750" i="32"/>
  <c r="C751" i="32"/>
  <c r="C752" i="32"/>
  <c r="C753" i="32"/>
  <c r="C754" i="32"/>
  <c r="C755" i="32"/>
  <c r="C756" i="32"/>
  <c r="C757" i="32"/>
  <c r="C758" i="32"/>
  <c r="C759" i="32"/>
  <c r="C760" i="32"/>
  <c r="C761" i="32"/>
  <c r="C762" i="32"/>
  <c r="C763" i="32"/>
  <c r="C764" i="32"/>
  <c r="C765" i="32"/>
  <c r="C766" i="32"/>
  <c r="C767" i="32"/>
  <c r="C768" i="32"/>
  <c r="C769" i="32"/>
  <c r="C770" i="32"/>
  <c r="C771" i="32"/>
  <c r="C772" i="32"/>
  <c r="C773" i="32"/>
  <c r="C774" i="32"/>
  <c r="C775" i="32"/>
  <c r="C776" i="32"/>
  <c r="C777" i="32"/>
  <c r="C778" i="32"/>
  <c r="C779" i="32"/>
  <c r="C780" i="32"/>
  <c r="C781" i="32"/>
  <c r="C782" i="32"/>
  <c r="C783" i="32"/>
  <c r="C784" i="32"/>
  <c r="C785" i="32"/>
  <c r="C786" i="32"/>
  <c r="C787" i="32"/>
  <c r="C788" i="32"/>
  <c r="C789" i="32"/>
  <c r="C790" i="32"/>
  <c r="C791" i="32"/>
  <c r="C792" i="32"/>
  <c r="C793" i="32"/>
  <c r="C794" i="32"/>
  <c r="C795" i="32"/>
  <c r="C796" i="32"/>
  <c r="C797" i="32"/>
  <c r="C798" i="32"/>
  <c r="C799" i="32"/>
  <c r="C800" i="32"/>
  <c r="C801" i="32"/>
  <c r="C802" i="32"/>
  <c r="C803" i="32"/>
  <c r="C804" i="32"/>
  <c r="C805" i="32"/>
  <c r="C806" i="32"/>
  <c r="C807" i="32"/>
  <c r="C808" i="32"/>
  <c r="C809" i="32"/>
  <c r="C810" i="32"/>
  <c r="C811" i="32"/>
  <c r="C812" i="32"/>
  <c r="C813" i="32"/>
  <c r="C814" i="32"/>
  <c r="C815" i="32"/>
  <c r="C816" i="32"/>
  <c r="C817" i="32"/>
  <c r="C818" i="32"/>
  <c r="C819" i="32"/>
  <c r="C820" i="32"/>
  <c r="C821" i="32"/>
  <c r="C822" i="32"/>
  <c r="C823" i="32"/>
  <c r="C824" i="32"/>
  <c r="C825" i="32"/>
  <c r="C826" i="32"/>
  <c r="C827" i="32"/>
  <c r="C828" i="32"/>
  <c r="C829" i="32"/>
  <c r="C830" i="32"/>
  <c r="C831" i="32"/>
  <c r="C832" i="32"/>
  <c r="C833" i="32"/>
  <c r="C834" i="32"/>
  <c r="C835" i="32"/>
  <c r="C836" i="32"/>
  <c r="C837" i="32"/>
  <c r="C838" i="32"/>
  <c r="C839" i="32"/>
  <c r="C840" i="32"/>
  <c r="C841" i="32"/>
  <c r="C842" i="32"/>
  <c r="C843" i="32"/>
  <c r="C844" i="32"/>
  <c r="C845" i="32"/>
  <c r="C846" i="32"/>
  <c r="C847" i="32"/>
  <c r="C848" i="32"/>
  <c r="C849" i="32"/>
  <c r="C850" i="32"/>
  <c r="C851" i="32"/>
  <c r="C852" i="32"/>
  <c r="C853" i="32"/>
  <c r="C854" i="32"/>
  <c r="C855" i="32"/>
  <c r="C856" i="32"/>
  <c r="C857" i="32"/>
  <c r="C858" i="32"/>
  <c r="C859" i="32"/>
  <c r="C860" i="32"/>
  <c r="C861" i="32"/>
  <c r="C862" i="32"/>
  <c r="C863" i="32"/>
  <c r="C864" i="32"/>
  <c r="C865" i="32"/>
  <c r="C866" i="32"/>
  <c r="C867" i="32"/>
  <c r="C868" i="32"/>
  <c r="C869" i="32"/>
  <c r="C870" i="32"/>
  <c r="C871" i="32"/>
  <c r="C872" i="32"/>
  <c r="C873" i="32"/>
  <c r="C874" i="32"/>
  <c r="C875" i="32"/>
  <c r="C876" i="32"/>
  <c r="C877" i="32"/>
  <c r="C878" i="32"/>
  <c r="C879" i="32"/>
  <c r="C880" i="32"/>
  <c r="C881" i="32"/>
  <c r="C882" i="32"/>
  <c r="C883" i="32"/>
  <c r="C884" i="32"/>
  <c r="C885" i="32"/>
  <c r="C886" i="32"/>
  <c r="C887" i="32"/>
  <c r="C888" i="32"/>
  <c r="C889" i="32"/>
  <c r="C890" i="32"/>
  <c r="C891" i="32"/>
  <c r="C892" i="32"/>
  <c r="C893" i="32"/>
  <c r="C894" i="32"/>
  <c r="C895" i="32"/>
  <c r="C896" i="32"/>
  <c r="C897" i="32"/>
  <c r="C898" i="32"/>
  <c r="C899" i="32"/>
  <c r="C900" i="32"/>
  <c r="C901" i="32"/>
  <c r="C902" i="32"/>
  <c r="C903" i="32"/>
  <c r="C904" i="32"/>
  <c r="C905" i="32"/>
  <c r="C906" i="32"/>
  <c r="C907" i="32"/>
  <c r="C908" i="32"/>
  <c r="C909" i="32"/>
  <c r="C910" i="32"/>
  <c r="C911" i="32"/>
  <c r="C912" i="32"/>
  <c r="C913" i="32"/>
  <c r="C914" i="32"/>
  <c r="C915" i="32"/>
  <c r="C916" i="32"/>
  <c r="C917" i="32"/>
  <c r="C918" i="32"/>
  <c r="C919" i="32"/>
  <c r="C920" i="32"/>
  <c r="C921" i="32"/>
  <c r="C922" i="32"/>
  <c r="C923" i="32"/>
  <c r="C924" i="32"/>
  <c r="C925" i="32"/>
  <c r="C926" i="32"/>
  <c r="C927" i="32"/>
  <c r="C928" i="32"/>
  <c r="C929" i="32"/>
  <c r="C930" i="32"/>
  <c r="C931" i="32"/>
  <c r="C932" i="32"/>
  <c r="C933" i="32"/>
  <c r="C934" i="32"/>
  <c r="C254" i="31"/>
  <c r="C253" i="31"/>
  <c r="C240" i="31"/>
  <c r="C244" i="31"/>
  <c r="C236" i="31"/>
  <c r="C250" i="31"/>
  <c r="C252" i="31"/>
  <c r="C251" i="31"/>
  <c r="C237" i="31"/>
  <c r="C239" i="31"/>
  <c r="C247" i="31"/>
  <c r="C245" i="31"/>
  <c r="C241" i="31"/>
  <c r="C246" i="31"/>
  <c r="C243" i="31"/>
  <c r="C248" i="31"/>
  <c r="C238" i="31"/>
  <c r="C235" i="31"/>
  <c r="C242" i="31"/>
  <c r="C281" i="31"/>
  <c r="C259" i="31"/>
  <c r="C292" i="31"/>
  <c r="C264" i="31"/>
  <c r="C266" i="31"/>
  <c r="C286" i="31"/>
  <c r="C283" i="31"/>
  <c r="C287" i="31"/>
  <c r="C285" i="31"/>
  <c r="C269" i="31"/>
  <c r="C260" i="31"/>
  <c r="C257" i="31"/>
  <c r="C270" i="31"/>
  <c r="C293" i="31"/>
  <c r="C289" i="31"/>
  <c r="C278" i="31"/>
  <c r="C261" i="31"/>
  <c r="C268" i="31"/>
  <c r="C274" i="31"/>
  <c r="C272" i="31"/>
  <c r="C271" i="31"/>
  <c r="C265" i="31"/>
  <c r="C290" i="31"/>
  <c r="C288" i="31"/>
  <c r="C277" i="31"/>
  <c r="C276" i="31"/>
  <c r="C273" i="31"/>
  <c r="C262" i="31"/>
  <c r="C255" i="31"/>
  <c r="C256" i="31"/>
  <c r="C267" i="31"/>
  <c r="C280" i="31"/>
  <c r="C279" i="31"/>
  <c r="C284" i="31"/>
  <c r="C263" i="31"/>
  <c r="C258" i="31"/>
  <c r="C275" i="31"/>
  <c r="C282" i="31"/>
  <c r="C295" i="31"/>
  <c r="C301" i="31"/>
  <c r="C313" i="31"/>
  <c r="C338" i="31"/>
  <c r="C300" i="31"/>
  <c r="C319" i="31"/>
  <c r="C308" i="31"/>
  <c r="C316" i="31"/>
  <c r="C337" i="31"/>
  <c r="C335" i="31"/>
  <c r="C334" i="31"/>
  <c r="C331" i="31"/>
  <c r="C298" i="31"/>
  <c r="C296" i="31"/>
  <c r="C297" i="31"/>
  <c r="C302" i="31"/>
  <c r="C336" i="31"/>
  <c r="C327" i="31"/>
  <c r="C323" i="31"/>
  <c r="C310" i="31"/>
  <c r="C309" i="31"/>
  <c r="C311" i="31"/>
  <c r="C303" i="31"/>
  <c r="C304" i="31"/>
  <c r="C318" i="31"/>
  <c r="C321" i="31"/>
  <c r="C330" i="31"/>
  <c r="C333" i="31"/>
  <c r="C320" i="31"/>
  <c r="C315" i="31"/>
  <c r="C325" i="31"/>
  <c r="C324" i="31"/>
  <c r="C305" i="31"/>
  <c r="C329" i="31"/>
  <c r="C328" i="31"/>
  <c r="C299" i="31"/>
  <c r="C314" i="31"/>
  <c r="C312" i="31"/>
  <c r="C332" i="31"/>
  <c r="C306" i="31"/>
  <c r="C317" i="31"/>
  <c r="C322" i="31"/>
  <c r="C326" i="31"/>
  <c r="C307" i="31"/>
  <c r="C345" i="31"/>
  <c r="C362" i="31"/>
  <c r="C344" i="31"/>
  <c r="C358" i="31"/>
  <c r="C372" i="31"/>
  <c r="C373" i="31"/>
  <c r="C360" i="31"/>
  <c r="C339" i="31"/>
  <c r="C365" i="31"/>
  <c r="C374" i="31"/>
  <c r="C370" i="31"/>
  <c r="C367" i="31"/>
  <c r="C354" i="31"/>
  <c r="C343" i="31"/>
  <c r="C355" i="31"/>
  <c r="C352" i="31"/>
  <c r="C361" i="31"/>
  <c r="C356" i="31"/>
  <c r="C366" i="31"/>
  <c r="C359" i="31"/>
  <c r="C363" i="31"/>
  <c r="C364" i="31"/>
  <c r="C349" i="31"/>
  <c r="C341" i="31"/>
  <c r="C357" i="31"/>
  <c r="C346" i="31"/>
  <c r="C350" i="31"/>
  <c r="C371" i="31"/>
  <c r="C348" i="31"/>
  <c r="C369" i="31"/>
  <c r="C351" i="31"/>
  <c r="C340" i="31"/>
  <c r="C353" i="31"/>
  <c r="C368" i="31"/>
  <c r="C342" i="31"/>
  <c r="C347" i="31"/>
  <c r="C396" i="31"/>
  <c r="C383" i="31"/>
  <c r="C398" i="31"/>
  <c r="C394" i="31"/>
  <c r="C406" i="31"/>
  <c r="C404" i="31"/>
  <c r="C387" i="31"/>
  <c r="C391" i="31"/>
  <c r="C395" i="31"/>
  <c r="C405" i="31"/>
  <c r="C390" i="31"/>
  <c r="C403" i="31"/>
  <c r="C386" i="31"/>
  <c r="C376" i="31"/>
  <c r="C375" i="31"/>
  <c r="C401" i="31"/>
  <c r="C397" i="31"/>
  <c r="C380" i="31"/>
  <c r="C393" i="31"/>
  <c r="C388" i="31"/>
  <c r="C381" i="31"/>
  <c r="C400" i="31"/>
  <c r="C402" i="31"/>
  <c r="C399" i="31"/>
  <c r="C392" i="31"/>
  <c r="C382" i="31"/>
  <c r="C389" i="31"/>
  <c r="C377" i="31"/>
  <c r="C385" i="31"/>
  <c r="C379" i="31"/>
  <c r="C378" i="31"/>
  <c r="C384" i="31"/>
  <c r="C412" i="31"/>
  <c r="C424" i="31"/>
  <c r="C425" i="31"/>
  <c r="C422" i="31"/>
  <c r="C414" i="31"/>
  <c r="C418" i="31"/>
  <c r="C417" i="31"/>
  <c r="C411" i="31"/>
  <c r="C413" i="31"/>
  <c r="C416" i="31"/>
  <c r="C409" i="31"/>
  <c r="C419" i="31"/>
  <c r="C408" i="31"/>
  <c r="C421" i="31"/>
  <c r="C407" i="31"/>
  <c r="C420" i="31"/>
  <c r="C423" i="31"/>
  <c r="C410" i="31"/>
  <c r="C415" i="31"/>
  <c r="C430" i="31"/>
  <c r="C450" i="31"/>
  <c r="C447" i="31"/>
  <c r="C427" i="31"/>
  <c r="C429" i="31"/>
  <c r="C452" i="31"/>
  <c r="C442" i="31"/>
  <c r="C446" i="31"/>
  <c r="C434" i="31"/>
  <c r="C449" i="31"/>
  <c r="C431" i="31"/>
  <c r="C440" i="31"/>
  <c r="C455" i="31"/>
  <c r="C451" i="31"/>
  <c r="C437" i="31"/>
  <c r="C432" i="31"/>
  <c r="C441" i="31"/>
  <c r="C428" i="31"/>
  <c r="C443" i="31"/>
  <c r="C438" i="31"/>
  <c r="C445" i="31"/>
  <c r="C454" i="31"/>
  <c r="C435" i="31"/>
  <c r="C433" i="31"/>
  <c r="C426" i="31"/>
  <c r="C436" i="31"/>
  <c r="C444" i="31"/>
  <c r="C439" i="31"/>
  <c r="C448" i="31"/>
  <c r="C453" i="31"/>
  <c r="C483" i="31"/>
  <c r="C479" i="31"/>
  <c r="C472" i="31"/>
  <c r="C465" i="31"/>
  <c r="C463" i="31"/>
  <c r="C460" i="31"/>
  <c r="C475" i="31"/>
  <c r="C474" i="31"/>
  <c r="C459" i="31"/>
  <c r="C481" i="31"/>
  <c r="C490" i="31"/>
  <c r="C456" i="31"/>
  <c r="C480" i="31"/>
  <c r="C476" i="31"/>
  <c r="C466" i="31"/>
  <c r="C471" i="31"/>
  <c r="C482" i="31"/>
  <c r="C488" i="31"/>
  <c r="C477" i="31"/>
  <c r="C478" i="31"/>
  <c r="C491" i="31"/>
  <c r="C487" i="31"/>
  <c r="C489" i="31"/>
  <c r="C486" i="31"/>
  <c r="C473" i="31"/>
  <c r="C469" i="31"/>
  <c r="C468" i="31"/>
  <c r="C462" i="31"/>
  <c r="C461" i="31"/>
  <c r="C467" i="31"/>
  <c r="C457" i="31"/>
  <c r="C484" i="31"/>
  <c r="C458" i="31"/>
  <c r="C485" i="31"/>
  <c r="C464" i="31"/>
  <c r="C470" i="31"/>
  <c r="C523" i="31"/>
  <c r="C519" i="31"/>
  <c r="C494" i="31"/>
  <c r="C499" i="31"/>
  <c r="C495" i="31"/>
  <c r="C528" i="31"/>
  <c r="C526" i="31"/>
  <c r="C522" i="31"/>
  <c r="C493" i="31"/>
  <c r="C492" i="31"/>
  <c r="C514" i="31"/>
  <c r="C504" i="31"/>
  <c r="C520" i="31"/>
  <c r="C530" i="31"/>
  <c r="C529" i="31"/>
  <c r="C498" i="31"/>
  <c r="C509" i="31"/>
  <c r="C516" i="31"/>
  <c r="C501" i="31"/>
  <c r="C527" i="31"/>
  <c r="C510" i="31"/>
  <c r="C496" i="31"/>
  <c r="C517" i="31"/>
  <c r="C515" i="31"/>
  <c r="C506" i="31"/>
  <c r="C507" i="31"/>
  <c r="C525" i="31"/>
  <c r="C511" i="31"/>
  <c r="C518" i="31"/>
  <c r="C512" i="31"/>
  <c r="C521" i="31"/>
  <c r="C503" i="31"/>
  <c r="C497" i="31"/>
  <c r="C524" i="31"/>
  <c r="C513" i="31"/>
  <c r="C500" i="31"/>
  <c r="C505" i="31"/>
  <c r="C508" i="31"/>
  <c r="C502" i="31"/>
  <c r="C531" i="31"/>
  <c r="C572" i="31"/>
  <c r="C571" i="31"/>
  <c r="C594" i="31"/>
  <c r="C614" i="31"/>
  <c r="C620" i="31"/>
  <c r="C593" i="31"/>
  <c r="C543" i="31"/>
  <c r="C591" i="31"/>
  <c r="C603" i="31"/>
  <c r="C578" i="31"/>
  <c r="C570" i="31"/>
  <c r="C533" i="31"/>
  <c r="C562" i="31"/>
  <c r="C554" i="31"/>
  <c r="C588" i="31"/>
  <c r="C587" i="31"/>
  <c r="C575" i="31"/>
  <c r="C567" i="31"/>
  <c r="C557" i="31"/>
  <c r="C538" i="31"/>
  <c r="C539" i="31"/>
  <c r="C586" i="31"/>
  <c r="C545" i="31"/>
  <c r="C544" i="31"/>
  <c r="C607" i="31"/>
  <c r="C553" i="31"/>
  <c r="C552" i="31"/>
  <c r="C534" i="31"/>
  <c r="C597" i="31"/>
  <c r="C613" i="31"/>
  <c r="C576" i="31"/>
  <c r="C619" i="31"/>
  <c r="C617" i="31"/>
  <c r="C568" i="31"/>
  <c r="C566" i="31"/>
  <c r="C550" i="31"/>
  <c r="C556" i="31"/>
  <c r="C616" i="31"/>
  <c r="C573" i="31"/>
  <c r="C560" i="31"/>
  <c r="C601" i="31"/>
  <c r="C600" i="31"/>
  <c r="C599" i="31"/>
  <c r="C582" i="31"/>
  <c r="C581" i="31"/>
  <c r="C580" i="31"/>
  <c r="C579" i="31"/>
  <c r="C569" i="31"/>
  <c r="C564" i="31"/>
  <c r="C549" i="31"/>
  <c r="C548" i="31"/>
  <c r="C547" i="31"/>
  <c r="C537" i="31"/>
  <c r="C536" i="31"/>
  <c r="C535" i="31"/>
  <c r="C561" i="31"/>
  <c r="C565" i="31"/>
  <c r="C615" i="31"/>
  <c r="C540" i="31"/>
  <c r="C606" i="31"/>
  <c r="C605" i="31"/>
  <c r="C602" i="31"/>
  <c r="C559" i="31"/>
  <c r="C542" i="31"/>
  <c r="C618" i="31"/>
  <c r="C612" i="31"/>
  <c r="C604" i="31"/>
  <c r="C595" i="31"/>
  <c r="C609" i="31"/>
  <c r="C610" i="31"/>
  <c r="C596" i="31"/>
  <c r="C592" i="31"/>
  <c r="C577" i="31"/>
  <c r="C611" i="31"/>
  <c r="C574" i="31"/>
  <c r="C546" i="31"/>
  <c r="C598" i="31"/>
  <c r="C563" i="31"/>
  <c r="C555" i="31"/>
  <c r="C621" i="31"/>
  <c r="C590" i="31"/>
  <c r="C608" i="31"/>
  <c r="C541" i="31"/>
  <c r="C585" i="31"/>
  <c r="C558" i="31"/>
  <c r="C532" i="31"/>
  <c r="C584" i="31"/>
  <c r="C583" i="31"/>
  <c r="C551" i="31"/>
  <c r="C622" i="31"/>
  <c r="C589" i="31"/>
  <c r="C631" i="31"/>
  <c r="C637" i="31"/>
  <c r="C647" i="31"/>
  <c r="C643" i="31"/>
  <c r="C630" i="31"/>
  <c r="C640" i="31"/>
  <c r="C632" i="31"/>
  <c r="C629" i="31"/>
  <c r="C644" i="31"/>
  <c r="C638" i="31"/>
  <c r="C628" i="31"/>
  <c r="C627" i="31"/>
  <c r="C624" i="31"/>
  <c r="C641" i="31"/>
  <c r="C636" i="31"/>
  <c r="C635" i="31"/>
  <c r="C634" i="31"/>
  <c r="C625" i="31"/>
  <c r="C646" i="31"/>
  <c r="C645" i="31"/>
  <c r="C639" i="31"/>
  <c r="C649" i="31"/>
  <c r="C633" i="31"/>
  <c r="C648" i="31"/>
  <c r="C626" i="31"/>
  <c r="C623" i="31"/>
  <c r="C642" i="31"/>
  <c r="C675" i="31"/>
  <c r="C669" i="31"/>
  <c r="C680" i="31"/>
  <c r="C670" i="31"/>
  <c r="C694" i="31"/>
  <c r="C695" i="31"/>
  <c r="C679" i="31"/>
  <c r="C667" i="31"/>
  <c r="C660" i="31"/>
  <c r="C663" i="31"/>
  <c r="C698" i="31"/>
  <c r="C676" i="31"/>
  <c r="C650" i="31"/>
  <c r="C683" i="31"/>
  <c r="C678" i="31"/>
  <c r="C658" i="31"/>
  <c r="C693" i="31"/>
  <c r="C655" i="31"/>
  <c r="C654" i="31"/>
  <c r="C652" i="31"/>
  <c r="C665" i="31"/>
  <c r="C662" i="31"/>
  <c r="C674" i="31"/>
  <c r="C672" i="31"/>
  <c r="C673" i="31"/>
  <c r="C697" i="31"/>
  <c r="C682" i="31"/>
  <c r="C696" i="31"/>
  <c r="C664" i="31"/>
  <c r="C661" i="31"/>
  <c r="C659" i="31"/>
  <c r="C656" i="31"/>
  <c r="C653" i="31"/>
  <c r="C688" i="31"/>
  <c r="C681" i="31"/>
  <c r="C651" i="31"/>
  <c r="C666" i="31"/>
  <c r="C671" i="31"/>
  <c r="C668" i="31"/>
  <c r="C689" i="31"/>
  <c r="C677" i="31"/>
  <c r="C686" i="31"/>
  <c r="C657" i="31"/>
  <c r="C687" i="31"/>
  <c r="C692" i="31"/>
  <c r="C685" i="31"/>
  <c r="C699" i="31"/>
  <c r="C684" i="31"/>
  <c r="C690" i="31"/>
  <c r="C691" i="31"/>
  <c r="C734" i="31"/>
  <c r="C739" i="31"/>
  <c r="C738" i="31"/>
  <c r="C730" i="31"/>
  <c r="C732" i="31"/>
  <c r="C717" i="31"/>
  <c r="C702" i="31"/>
  <c r="C701" i="31"/>
  <c r="C705" i="31"/>
  <c r="C704" i="31"/>
  <c r="C722" i="31"/>
  <c r="C720" i="31"/>
  <c r="C714" i="31"/>
  <c r="C703" i="31"/>
  <c r="C740" i="31"/>
  <c r="C724" i="31"/>
  <c r="C743" i="31"/>
  <c r="C731" i="31"/>
  <c r="C727" i="31"/>
  <c r="C715" i="31"/>
  <c r="C707" i="31"/>
  <c r="C711" i="31"/>
  <c r="C742" i="31"/>
  <c r="C728" i="31"/>
  <c r="C726" i="31"/>
  <c r="C721" i="31"/>
  <c r="C719" i="31"/>
  <c r="C718" i="31"/>
  <c r="C716" i="31"/>
  <c r="C713" i="31"/>
  <c r="C712" i="31"/>
  <c r="C709" i="31"/>
  <c r="C708" i="31"/>
  <c r="C706" i="31"/>
  <c r="C700" i="31"/>
  <c r="C710" i="31"/>
  <c r="C741" i="31"/>
  <c r="C735" i="31"/>
  <c r="C725" i="31"/>
  <c r="C733" i="31"/>
  <c r="C736" i="31"/>
  <c r="C723" i="31"/>
  <c r="C729" i="31"/>
  <c r="C737" i="31"/>
  <c r="C765" i="31"/>
  <c r="C764" i="31"/>
  <c r="C763" i="31"/>
  <c r="C787" i="31"/>
  <c r="C779" i="31"/>
  <c r="C794" i="31"/>
  <c r="C784" i="31"/>
  <c r="C746" i="31"/>
  <c r="C769" i="31"/>
  <c r="C796" i="31"/>
  <c r="C771" i="31"/>
  <c r="C766" i="31"/>
  <c r="C762" i="31"/>
  <c r="C791" i="31"/>
  <c r="C749" i="31"/>
  <c r="C748" i="31"/>
  <c r="C801" i="31"/>
  <c r="C751" i="31"/>
  <c r="C788" i="31"/>
  <c r="C777" i="31"/>
  <c r="C761" i="31"/>
  <c r="C753" i="31"/>
  <c r="C747" i="31"/>
  <c r="C797" i="31"/>
  <c r="C783" i="31"/>
  <c r="C795" i="31"/>
  <c r="C780" i="31"/>
  <c r="C772" i="31"/>
  <c r="C750" i="31"/>
  <c r="C744" i="31"/>
  <c r="C760" i="31"/>
  <c r="C767" i="31"/>
  <c r="C768" i="31"/>
  <c r="C785" i="31"/>
  <c r="C775" i="31"/>
  <c r="C774" i="31"/>
  <c r="C773" i="31"/>
  <c r="C759" i="31"/>
  <c r="C758" i="31"/>
  <c r="C757" i="31"/>
  <c r="C756" i="31"/>
  <c r="C754" i="31"/>
  <c r="C799" i="31"/>
  <c r="C782" i="31"/>
  <c r="C752" i="31"/>
  <c r="C789" i="31"/>
  <c r="C790" i="31"/>
  <c r="C755" i="31"/>
  <c r="C793" i="31"/>
  <c r="C781" i="31"/>
  <c r="C778" i="31"/>
  <c r="C786" i="31"/>
  <c r="C776" i="31"/>
  <c r="C798" i="31"/>
  <c r="C770" i="31"/>
  <c r="C792" i="31"/>
  <c r="C745" i="31"/>
  <c r="C800" i="31"/>
  <c r="C837" i="31"/>
  <c r="C827" i="31"/>
  <c r="C836" i="31"/>
  <c r="C804" i="31"/>
  <c r="C826" i="31"/>
  <c r="C807" i="31"/>
  <c r="C810" i="31"/>
  <c r="C808" i="31"/>
  <c r="C806" i="31"/>
  <c r="C803" i="31"/>
  <c r="C820" i="31"/>
  <c r="C835" i="31"/>
  <c r="C817" i="31"/>
  <c r="C824" i="31"/>
  <c r="C823" i="31"/>
  <c r="C813" i="31"/>
  <c r="C834" i="31"/>
  <c r="C829" i="31"/>
  <c r="C802" i="31"/>
  <c r="C805" i="31"/>
  <c r="C815" i="31"/>
  <c r="C809" i="31"/>
  <c r="C831" i="31"/>
  <c r="C811" i="31"/>
  <c r="C819" i="31"/>
  <c r="C825" i="31"/>
  <c r="C822" i="31"/>
  <c r="C832" i="31"/>
  <c r="C830" i="31"/>
  <c r="C814" i="31"/>
  <c r="C812" i="31"/>
  <c r="C821" i="31"/>
  <c r="C833" i="31"/>
  <c r="C828" i="31"/>
  <c r="C818" i="31"/>
  <c r="C816" i="31"/>
  <c r="C843" i="31"/>
  <c r="C842" i="31"/>
  <c r="C844" i="31"/>
  <c r="C854" i="31"/>
  <c r="C851" i="31"/>
  <c r="C847" i="31"/>
  <c r="C845" i="31"/>
  <c r="C840" i="31"/>
  <c r="C841" i="31"/>
  <c r="C839" i="31"/>
  <c r="C846" i="31"/>
  <c r="C860" i="31"/>
  <c r="C838" i="31"/>
  <c r="C849" i="31"/>
  <c r="C857" i="31"/>
  <c r="C856" i="31"/>
  <c r="C848" i="31"/>
  <c r="C852" i="31"/>
  <c r="C853" i="31"/>
  <c r="C859" i="31"/>
  <c r="C858" i="31"/>
  <c r="C855" i="31"/>
  <c r="C850" i="31"/>
  <c r="C919" i="31"/>
  <c r="C909" i="31"/>
  <c r="C914" i="31"/>
  <c r="C924" i="31"/>
  <c r="C903" i="31"/>
  <c r="C917" i="31"/>
  <c r="C931" i="31"/>
  <c r="C906" i="31"/>
  <c r="C880" i="31"/>
  <c r="C934" i="31"/>
  <c r="C941" i="31"/>
  <c r="C904" i="31"/>
  <c r="C905" i="31"/>
  <c r="C936" i="31"/>
  <c r="C870" i="31"/>
  <c r="C943" i="31"/>
  <c r="C911" i="31"/>
  <c r="C874" i="31"/>
  <c r="C912" i="31"/>
  <c r="C932" i="31"/>
  <c r="C907" i="31"/>
  <c r="C868" i="31"/>
  <c r="C876" i="31"/>
  <c r="C875" i="31"/>
  <c r="C864" i="31"/>
  <c r="C877" i="31"/>
  <c r="C869" i="31"/>
  <c r="C930" i="31"/>
  <c r="C940" i="31"/>
  <c r="C897" i="31"/>
  <c r="C922" i="31"/>
  <c r="C942" i="31"/>
  <c r="C882" i="31"/>
  <c r="C928" i="31"/>
  <c r="C898" i="31"/>
  <c r="C920" i="31"/>
  <c r="C908" i="31"/>
  <c r="C925" i="31"/>
  <c r="C923" i="31"/>
  <c r="C938" i="31"/>
  <c r="C935" i="31"/>
  <c r="C902" i="31"/>
  <c r="C901" i="31"/>
  <c r="C900" i="31"/>
  <c r="C899" i="31"/>
  <c r="C892" i="31"/>
  <c r="C891" i="31"/>
  <c r="C890" i="31"/>
  <c r="C889" i="31"/>
  <c r="C888" i="31"/>
  <c r="C873" i="31"/>
  <c r="C872" i="31"/>
  <c r="C871" i="31"/>
  <c r="C867" i="31"/>
  <c r="C866" i="31"/>
  <c r="C862" i="31"/>
  <c r="C894" i="31"/>
  <c r="C893" i="31"/>
  <c r="C887" i="31"/>
  <c r="C886" i="31"/>
  <c r="C881" i="31"/>
  <c r="C861" i="31"/>
  <c r="C926" i="31"/>
  <c r="C884" i="31"/>
  <c r="C937" i="31"/>
  <c r="C879" i="31"/>
  <c r="C918" i="31"/>
  <c r="C915" i="31"/>
  <c r="C913" i="31"/>
  <c r="C929" i="31"/>
  <c r="C921" i="31"/>
  <c r="C895" i="31"/>
  <c r="C885" i="31"/>
  <c r="C878" i="31"/>
  <c r="C910" i="31"/>
  <c r="C863" i="31"/>
  <c r="C896" i="31"/>
  <c r="C933" i="31"/>
  <c r="C883" i="31"/>
  <c r="C927" i="31"/>
  <c r="C865" i="31"/>
  <c r="C916" i="31"/>
  <c r="C939" i="31"/>
  <c r="C995" i="31"/>
  <c r="C997" i="31"/>
  <c r="C992" i="31"/>
  <c r="C993" i="31"/>
  <c r="C972" i="31"/>
  <c r="C971" i="31"/>
  <c r="C970" i="31"/>
  <c r="C969" i="31"/>
  <c r="C968" i="31"/>
  <c r="C966" i="31"/>
  <c r="C962" i="31"/>
  <c r="C967" i="31"/>
  <c r="C974" i="31"/>
  <c r="C964" i="31"/>
  <c r="C965" i="31"/>
  <c r="C961" i="31"/>
  <c r="C944" i="31"/>
  <c r="C1001" i="31"/>
  <c r="C989" i="31"/>
  <c r="C978" i="31"/>
  <c r="C977" i="31"/>
  <c r="C1004" i="31"/>
  <c r="C1003" i="31"/>
  <c r="C991" i="31"/>
  <c r="C984" i="31"/>
  <c r="C983" i="31"/>
  <c r="C982" i="31"/>
  <c r="C981" i="31"/>
  <c r="C980" i="31"/>
  <c r="C976" i="31"/>
  <c r="C949" i="31"/>
  <c r="C1002" i="31"/>
  <c r="C956" i="31"/>
  <c r="C954" i="31"/>
  <c r="C953" i="31"/>
  <c r="C947" i="31"/>
  <c r="C985" i="31"/>
  <c r="C957" i="31"/>
  <c r="C955" i="31"/>
  <c r="C952" i="31"/>
  <c r="C951" i="31"/>
  <c r="C948" i="31"/>
  <c r="C945" i="31"/>
  <c r="C975" i="31"/>
  <c r="C979" i="31"/>
  <c r="C959" i="31"/>
  <c r="C994" i="31"/>
  <c r="C999" i="31"/>
  <c r="C986" i="31"/>
  <c r="C973" i="31"/>
  <c r="C950" i="31"/>
  <c r="C988" i="31"/>
  <c r="C958" i="31"/>
  <c r="C963" i="31"/>
  <c r="C998" i="31"/>
  <c r="C996" i="31"/>
  <c r="C990" i="31"/>
  <c r="C1000" i="31"/>
  <c r="C960" i="31"/>
  <c r="C946" i="31"/>
  <c r="C987" i="31"/>
  <c r="C1005" i="31"/>
  <c r="C13" i="23"/>
  <c r="C10" i="23"/>
  <c r="C14" i="23"/>
  <c r="C15" i="23"/>
  <c r="C16" i="23"/>
  <c r="C18" i="23"/>
  <c r="C19" i="23"/>
  <c r="C20" i="23"/>
  <c r="C21" i="23"/>
  <c r="C22" i="23"/>
  <c r="C24" i="23"/>
  <c r="C25" i="23"/>
  <c r="C26" i="23"/>
  <c r="C27" i="23"/>
  <c r="C31" i="23"/>
  <c r="C33" i="23"/>
  <c r="C35" i="23"/>
  <c r="C37" i="23"/>
  <c r="C39" i="23"/>
  <c r="C42" i="23"/>
  <c r="C45" i="23"/>
  <c r="C47" i="23"/>
  <c r="C11" i="23"/>
  <c r="C23" i="23"/>
  <c r="C28" i="23"/>
  <c r="C43" i="23"/>
  <c r="C49" i="23"/>
  <c r="C29" i="23"/>
  <c r="C32" i="23"/>
  <c r="C34" i="23"/>
  <c r="C36" i="23"/>
  <c r="C38" i="23"/>
  <c r="C40" i="23"/>
  <c r="C44" i="23"/>
  <c r="C46" i="23"/>
  <c r="C48" i="23"/>
  <c r="C50" i="23"/>
  <c r="C53" i="23"/>
  <c r="C55" i="23"/>
  <c r="C57" i="23"/>
  <c r="C59" i="23"/>
  <c r="C63" i="23"/>
  <c r="C65" i="23"/>
  <c r="C67" i="23"/>
  <c r="C30" i="23"/>
  <c r="C41" i="23"/>
  <c r="C54" i="23"/>
  <c r="C60" i="23"/>
  <c r="C69" i="23"/>
  <c r="C72" i="23"/>
  <c r="C51" i="23"/>
  <c r="C58" i="23"/>
  <c r="C61" i="23"/>
  <c r="C64" i="23"/>
  <c r="C66" i="23"/>
  <c r="C68" i="23"/>
  <c r="C71" i="23"/>
  <c r="C73" i="23"/>
  <c r="C75" i="23"/>
  <c r="C77" i="23"/>
  <c r="C52" i="23"/>
  <c r="C62" i="23"/>
  <c r="C70" i="23"/>
  <c r="C74" i="23"/>
  <c r="C76" i="23"/>
  <c r="C21" i="22"/>
</calcChain>
</file>

<file path=xl/sharedStrings.xml><?xml version="1.0" encoding="utf-8"?>
<sst xmlns="http://schemas.openxmlformats.org/spreadsheetml/2006/main" count="19059" uniqueCount="3130">
  <si>
    <t>Version</t>
  </si>
  <si>
    <t>Link to Lifecyle page</t>
  </si>
  <si>
    <t>SQL Server 2022</t>
  </si>
  <si>
    <t>https://learn.microsoft.com/lifecycle/products/sql-server-2022</t>
  </si>
  <si>
    <t>SQL Server 2019</t>
  </si>
  <si>
    <t>https://learn.microsoft.com/lifecycle/products/sql-server-2019</t>
  </si>
  <si>
    <t>SQL Server 2017</t>
  </si>
  <si>
    <t>https://learn.microsoft.com/lifecycle/products/sql-server-2017</t>
  </si>
  <si>
    <t>SQL Server 2016</t>
  </si>
  <si>
    <t>https://learn.microsoft.com/lifecycle/products/sql-server-2016</t>
  </si>
  <si>
    <t>SQL Server 2014</t>
  </si>
  <si>
    <t>https://learn.microsoft.com/lifecycle/products/sql-server-2014</t>
  </si>
  <si>
    <t>SQL Server 2012</t>
  </si>
  <si>
    <t>https://learn.microsoft.com/lifecycle/products/microsoft-sql-server-2012</t>
  </si>
  <si>
    <t>SQL Server 2008 R2</t>
  </si>
  <si>
    <t>https://learn.microsoft.com/lifecycle/products/microsoft-sql-server-2008-r2</t>
  </si>
  <si>
    <t>SQL Server 2008</t>
  </si>
  <si>
    <t>https://learn.microsoft.com/lifecycle/products/microsoft-sql-server-2008</t>
  </si>
  <si>
    <t>SQL Server 2005</t>
  </si>
  <si>
    <t>https://learn.microsoft.com/lifecycle/products/microsoft-sql-server-2005</t>
  </si>
  <si>
    <t>Build Number</t>
  </si>
  <si>
    <t>KB Number</t>
  </si>
  <si>
    <t>KB URL</t>
  </si>
  <si>
    <t>Release Date</t>
  </si>
  <si>
    <t>Service Pack Level</t>
  </si>
  <si>
    <t>Cumulative Update or Security ID</t>
  </si>
  <si>
    <t>Servicing Model</t>
  </si>
  <si>
    <t>Notes</t>
  </si>
  <si>
    <t>16.0.4135.4</t>
  </si>
  <si>
    <t>https://learn.microsoft.com/troubleshoot/sql/releases/sqlserver-2022/cumulativeupdate14</t>
  </si>
  <si>
    <t>NA</t>
  </si>
  <si>
    <t>CU14</t>
  </si>
  <si>
    <t>Cumulative Update</t>
  </si>
  <si>
    <t>16.0.4131.2</t>
  </si>
  <si>
    <t>CU13 + GDR</t>
  </si>
  <si>
    <t>Cumulative Update with GDR</t>
  </si>
  <si>
    <t>16.0.1121.4</t>
  </si>
  <si>
    <t>RTM + GDR</t>
  </si>
  <si>
    <t>GDR</t>
  </si>
  <si>
    <t>16.0.4125.3</t>
  </si>
  <si>
    <t>https://learn.microsoft.com/troubleshoot/sql/releases/sqlserver-2022/cumulativeupdate13</t>
  </si>
  <si>
    <t>CU13</t>
  </si>
  <si>
    <t>16.0.4120.1</t>
  </si>
  <si>
    <t>CU12 + GDR</t>
  </si>
  <si>
    <t>16.0.1115.1</t>
  </si>
  <si>
    <t>16.0.4115.5</t>
  </si>
  <si>
    <t>https://learn.microsoft.com/troubleshoot/sql/releases/sqlserver-2022/cumulativeupdate12</t>
  </si>
  <si>
    <t>CU12</t>
  </si>
  <si>
    <t>16.0.4105.2</t>
  </si>
  <si>
    <t>https://learn.microsoft.com/troubleshoot/sql/releases/sqlserver-2022/cumulativeupdate11</t>
  </si>
  <si>
    <t>CU11</t>
  </si>
  <si>
    <t>16.0.4100.1</t>
  </si>
  <si>
    <t>CU10 + GDR</t>
  </si>
  <si>
    <t>16.0.1110.1</t>
  </si>
  <si>
    <t>16.0.4095.4</t>
  </si>
  <si>
    <t>https://learn.microsoft.com/troubleshoot/sql/releases/sqlserver-2022/cumulativeupdate10</t>
  </si>
  <si>
    <t>CU10</t>
  </si>
  <si>
    <t>16.0.4085.2</t>
  </si>
  <si>
    <t>https://learn.microsoft.com/troubleshoot/sql/releases/sqlserver-2022/cumulativeupdate9</t>
  </si>
  <si>
    <t>CU9</t>
  </si>
  <si>
    <t>16.0.4080.1</t>
  </si>
  <si>
    <t>CU8 + GDR</t>
  </si>
  <si>
    <t>16.0.1105.1</t>
  </si>
  <si>
    <t>16.0.4075.1</t>
  </si>
  <si>
    <t>https://learn.microsoft.com/troubleshoot/sql/releases/sqlserver-2022/cumulativeupdate8</t>
  </si>
  <si>
    <t>CU8</t>
  </si>
  <si>
    <t>16.0.4065.3</t>
  </si>
  <si>
    <t>https://learn.microsoft.com/troubleshoot/sql/releases/sqlserver-2022/cumulativeupdate7</t>
  </si>
  <si>
    <t>CU7</t>
  </si>
  <si>
    <t>16.0.4055.4</t>
  </si>
  <si>
    <t>https://learn.microsoft.com/troubleshoot/sql/releases/sqlserver-2022/cumulativeupdate6</t>
  </si>
  <si>
    <t>CU6</t>
  </si>
  <si>
    <t>16.0.4045.3</t>
  </si>
  <si>
    <t>https://learn.microsoft.com/troubleshoot/sql/releases/sqlserver-2022/cumulativeupdate5</t>
  </si>
  <si>
    <t>CU5</t>
  </si>
  <si>
    <t>16.0.4035.4</t>
  </si>
  <si>
    <t>https://learn.microsoft.com/troubleshoot/sql/releases/sqlserver-2022/cumulativeupdate4</t>
  </si>
  <si>
    <t>CU4</t>
  </si>
  <si>
    <t>16.0.4025.1</t>
  </si>
  <si>
    <t>https://learn.microsoft.com/troubleshoot/sql/releases/sqlserver-2022/cumulativeupdate3</t>
  </si>
  <si>
    <t>CU3</t>
  </si>
  <si>
    <t>16.0.4015.1</t>
  </si>
  <si>
    <t>https://learn.microsoft.com/troubleshoot/sql/releases/sqlserver-2022/cumulativeupdate2</t>
  </si>
  <si>
    <t>CU2</t>
  </si>
  <si>
    <t>16.0.4003.1</t>
  </si>
  <si>
    <t>https://learn.microsoft.com/troubleshoot/sql/releases/sqlserver-2022/cumulativeupdate1</t>
  </si>
  <si>
    <t>CU1</t>
  </si>
  <si>
    <t>16.0.1050.5</t>
  </si>
  <si>
    <t>16.0.1000.6</t>
  </si>
  <si>
    <t>RTM</t>
  </si>
  <si>
    <t>ADO_ID</t>
  </si>
  <si>
    <t>KB Article</t>
  </si>
  <si>
    <t>Description</t>
  </si>
  <si>
    <t>Feature</t>
  </si>
  <si>
    <t>Component</t>
  </si>
  <si>
    <t>Platform</t>
  </si>
  <si>
    <t>UpdateType</t>
  </si>
  <si>
    <t>Update</t>
  </si>
  <si>
    <t>Fix Build</t>
  </si>
  <si>
    <t>Fixes an issue in which the remote secondary replica shows Not Synchronizing for several minutes after successive failovers between local replicas. It occurs when configured in multi-subnet, multi-region configurations in the cloud with two or more local replicas and one or more remote replicas.</t>
  </si>
  <si>
    <t>SQL Server Engine</t>
  </si>
  <si>
    <t>High Availability and Disaster Recovery</t>
  </si>
  <si>
    <t>Windows</t>
  </si>
  <si>
    <t>CU</t>
  </si>
  <si>
    <t>Fixes an assertion dump issue (Location: hadrlogcapture.cpp:&lt;LineNumber&gt;; Expression: m_pFsManager-&gt;GetEnqueuedBlockId () &lt; capturedLogBlockId || capturedLogBlockId == m_pDbPartner-&gt;GetFirstLogBlockIdToCapture ()) that you encounter when there are FILESTREAM transactions in an Always On availability group (AG).</t>
  </si>
  <si>
    <t>Linux;Windows</t>
  </si>
  <si>
    <t>Fixes an issue in which maintenance plan logs might report garbled characters when the message reported involves non-ASCII characters.</t>
  </si>
  <si>
    <t>SQL Server Client Tools</t>
  </si>
  <si>
    <t>Management Services</t>
  </si>
  <si>
    <t>Fixes an assertion failure (Location: sosmemobj.cpp:2744; Expression: pvb-&gt;FInUse()) in CVariableInfo::PviRelease that you encounter when you use UTF-8 collations and the WITH RESULT SETS clause.</t>
  </si>
  <si>
    <t>Programmability</t>
  </si>
  <si>
    <t>Adds performance monitor counters to the cluster log report when the health check timeout is reported.</t>
  </si>
  <si>
    <t>Fixes two issues related to cardinality estimation (CE) feedback: plan cache leaks and access violations due to race conditions with statement recompilations.</t>
  </si>
  <si>
    <t>Query Optimizer</t>
  </si>
  <si>
    <t>https://learn.microsoft.com/troubleshoot/sql/releases/sqlserver-2022/memory-exceed-configured-limits-memory-memorylimitmb</t>
  </si>
  <si>
    <t>FIX: Memory exceeds the configured limits that are specified by memory.memorylimitmb in SQL Server</t>
  </si>
  <si>
    <t>Linux</t>
  </si>
  <si>
    <t>Starting with SQL Server 2022 (16.x) CU 14 , container images include the new mssql-tools18 package. The previous directory /opt/mssql-tools/bin is phased out. The new directory for Microsoft ODBC 18 tools is /opt/mssql-tools18/bin, aligning with the latest tools offering. For more information about changes and security enhancements, see ODBC Driver 18.0 for SQL Server Released.</t>
  </si>
  <si>
    <t>Command Line Tools</t>
  </si>
  <si>
    <t>Fixes an issue in which change tracking auto cleanup consumes CPU in cycles every 30 minutes even if change tracking isn't enabled on any databases. Note: After applying the fix, if you see some rows in sys.syscommittab or dbo.MSchange_tracking_history tables in databases where change tracking is disabled, you need to re-enable and then disable change tracking on these databases. This will clean all tracking data. For more information, see Enable and Disable Change Tracking.</t>
  </si>
  <si>
    <t>Replication</t>
  </si>
  <si>
    <t>Improves cardinality estimation (CE) for predicates that request ranges disjoint with column statistics when statistics have only one histogram step.</t>
  </si>
  <si>
    <t>Fixes the following error that you encounter during a Volume Shadow Copy Service (VSS) restore on a SQL Server instance that has previously deleted databases: Volume Shadow Copy Service error: Unexpected error calling routine GetVolumePathName is fail on the path &lt;PathName&gt; ... The system cannot find the file specified.</t>
  </si>
  <si>
    <t>Backup Restore</t>
  </si>
  <si>
    <t>Fixes an issue in which the SQL Server Launchpad service can't shut down properly when certain errors occur during startup.</t>
  </si>
  <si>
    <t>Extensibility</t>
  </si>
  <si>
    <t>Adds a validation for the MODEL parameter when running PREDICT to avoid errors due to the input of wrong models.</t>
  </si>
  <si>
    <t>Query Execution</t>
  </si>
  <si>
    <t>https://support.microsoft.com/kb/5040939</t>
  </si>
  <si>
    <t>Removes unused components from SQL Server Setup.</t>
  </si>
  <si>
    <t>Stretch DB</t>
  </si>
  <si>
    <t>https://support.microsoft.com/kb/5040936</t>
  </si>
  <si>
    <t>https://support.microsoft.com/kb/4034376</t>
  </si>
  <si>
    <t>FIX: Can't disable "change data capture" if any column is encrypted by "Always Encrypted" feature in SQL Server</t>
  </si>
  <si>
    <t>Adds a new advanced option 'max RPC request params (KB)' configured by using sp_configure to limit the maximum memory allocated for handling remote procedure call (RPC) request parameters.</t>
  </si>
  <si>
    <t>Fixes an issue in which using the INSERT statement with the CAST or CONVERT function from a string representing negative zero to a decimal or numeric datatype succeeds, but you see the following error message on DBCC CHECKDB and DBCC CHECKTABLE: Msg 2570, Level 16, State 3, Line &lt;LineNumber&gt; Page (1:360), slot 0 in object ID &lt;ObjectID&gt;, index ID &lt;IndexID&gt;, partition ID &lt;PartitionID&gt;, alloc unit ID &lt;UnitID&gt; (type "In-row data"). Column "&lt;ColumnName&gt;" value is out of range for data type "decimal". Update column to a legal value.</t>
  </si>
  <si>
    <t>Fixes the following error that you encounter when updating a view with a linked server connection to another instance if dynamic data masking (DDM) is enabled: Msg 15905, Level 16, State 6, Procedure &lt;ProcedureName&gt;, Line &lt;LineNumber&gt; [Batch Start Line 34] Query not supported: Cannot determine result column sources.Invalid metadata.</t>
  </si>
  <si>
    <t>Security Infrastructure</t>
  </si>
  <si>
    <t>Fixes an issue in the lock manager that might cause random access violations and dumps on secondary replicas when the primary replica has 16 or more processors, and the secondary replicas have less than 16 processors.</t>
  </si>
  <si>
    <t>Metadata</t>
  </si>
  <si>
    <t>Fixes an issue in which the secondary databases of an availability group might fail to be online intermittently. Additionally, you see the following error message: Database 'DatabaseName' (database ID &lt;IDNumber&gt;) startup failed with error 3602, severity 25, state 145.</t>
  </si>
  <si>
    <t>Fixes an issue in which some changes might not be captured into the change data capture (CDC) change tables (cdc.&lt;capture_instance&gt;_CT) when CDC runs in parallel with a switch partition operation.</t>
  </si>
  <si>
    <t>Fixes the following error that you encounter when running sys.sp_flush_CT_internal_table_on_demand in a SQL Server instance that has the Case-sensitive (_CS) collation option: Msg 137, Level 15, State 2, Procedure sp_ManualCTCleanup, Line &lt;LineNumber&gt; [Batch Start Line 3] Must declare the scalar variable "@TableName". Msg 137, Level 15, State 2, Procedure sp_ManualCTCleanup, Line &lt;LineNumber&gt; [Batch Start Line 3] Must declare the scalar variable "@TableName". Total rows deleted: (null). Total rows deleted: (null).</t>
  </si>
  <si>
    <t>Fixes an assertion failure (Location: HadrArProxy.cpp:4314; Expression: !CFeatureSwitchesMin::GetCurrentInstance()-&gt;FHadrCheckXClusterAgUcsSizeEnabled() || cbBlob &lt; x_cbMsgBodyMax) that you might encounter when you use read-scale availability groups without a cluster configuration.</t>
  </si>
  <si>
    <t>Adds the following log message when high I/O latencies are detected in Bufferpool Lazy Writer (ntdll!ZwWriteFile system call) due to a performance issue in the underlying storage: WARNING Long asynchronous API Call: The scheduling fairness of scheduler can be impacted by an asynchronous API invocation unexpectedly exceeding xxx ms.</t>
  </si>
  <si>
    <t>SQL OS</t>
  </si>
  <si>
    <t>Adds the error message to the comments column of dbo.MSchange_tracking_history to help you understand the failure if a failure occurs during the auto cleanup or manual cleanup process.</t>
  </si>
  <si>
    <t>Fixes an issue in which the full-text auto crawl function might stop working when you use full-text search.</t>
  </si>
  <si>
    <t>Search</t>
  </si>
  <si>
    <t>Fixes a latch time-out issue that you encounter when fetching the next value for sequence objects, which is due to self-deadlock during lock escalation.</t>
  </si>
  <si>
    <t>Caches the maximum number of histogram steps in a global configuration variable to reduce PREEMPTIVE_OS_REGISTRY waits when creating statistics on temporary tables.</t>
  </si>
  <si>
    <t>Fixes an error that you encounter when using conversation timers in Service Broker while the SQL Server instance is under memory pressure. This causes queries to fail and the instance to stop responding.</t>
  </si>
  <si>
    <t>Adds a link to error 824 to improve the troubleshooting experience. For more information, see MSSQLSERVER_824. Error Message: SQL Server detected a logical consistency-based I/O error: &lt;Incorrect PageID&gt;. It occurred during a &lt;Read/Write&gt; of page &lt;PageID&gt; in database ID &lt;DatabaseID&gt; at offset &lt;Offset&gt; in file '&lt;FileName&gt;'. Additional messages in the SQL Server error log or operating system error log may provide more detail. This is a severe error condition that threatens database integrity and must be corrected immediately. Complete a full database consistency check (DBCC CHECKDB). This error can be caused by many factors; for more information, see https://go.microsoft.com/fwlink/?linkid=2252374.</t>
  </si>
  <si>
    <t>Storage Management</t>
  </si>
  <si>
    <t>Fixes an issue in which the automatic seeding operation for a database remains in LIMIT_CONCURRENT_BACKUPS after adding the database to a new availability group or an existing one created with automatic seeding, even though this SQL Server instance doesn't have any other active seeding, virtual device interface (VDI), or backup threads.</t>
  </si>
  <si>
    <t>Fixes the following error that you encounter in conflict detection and in the Replication Merge Agent when converting the generation to int: Error converting data type bigint to int.</t>
  </si>
  <si>
    <t>Fixes the following errors that you encounter when using sp_addsubscription to create the Subscriber on secondary replicas if the distribution database is in an availability group: Msg 20032, Level 16, State 1, Procedure distribution.dbo.sp_MSadd_subscription, Line &lt;LineNumber&gt; [Batch Start Line 33] &lt;SubscriberName&gt; is not defined as a Subscriber for &lt;PublisherName&gt;. Msg 14070, Level 16, State 1, Procedure sys.sp_MSrepl_changesubstatus, Line &lt;LineNumber&gt; [Batch Start Line 33] Could not update the distribution database subscription table. The subscription status could not be changed. Msg 14057, Level 16, State 1, Procedure sys.sp_MSrepl_addsubscription_article, Line &lt;LineNumber&gt; [Batch Start Line 33] The subscription could not be created.</t>
  </si>
  <si>
    <t>Fixes inconsistent results that are caused by the parallel spool in the plan for the INSERT, UPDATE, or DELETE query.</t>
  </si>
  <si>
    <t>Fixes an access violation dump issue that you might encounter when resuming an index rebuild that includes partitions (for example, ALTER INDEX [index_name] ON [schema].[TableName] RESUME WITH ( MAX_DURATION = 1, MAXDOP = 1 )).</t>
  </si>
  <si>
    <t>Table Index Partition</t>
  </si>
  <si>
    <t>Fixes an assertion failure (Location: "sql\\ntdbms\\storeng\\dfs\\trans\\PageFlush.cpp":1840; Expression: IS_OFF (BUF_LOG_BUFWRITE, buf-&gt;bstat) || IS_ON (BUF_DIRTY, buf-&gt;bstat) || m_ownerXdes-&gt;GetPru ()-&gt;IsSuspect ()) that you encounter when running the BULK INSERT statement.</t>
  </si>
  <si>
    <t>Methods to access stored data</t>
  </si>
  <si>
    <t>Fixes an issue that might cause the database file to be associated with an incorrect filegroup in the clone database created by using DBCC CLONEDATABASE.</t>
  </si>
  <si>
    <t>DB Management</t>
  </si>
  <si>
    <t>Fixes a non-yielding scheduler issue due to spinlock contention on the Redo Manager on secondary replicas of an availability group.</t>
  </si>
  <si>
    <t>Transaction Services</t>
  </si>
  <si>
    <t>Prevents the creation of read-scale availability groups that have a large number of databases to avoid the subsequent assertion failure (Location: ucsconnectionsend.cpp:103; Expression: 'm_pcscBoxcar-&gt;GetMessageCount () &gt; 0').</t>
  </si>
  <si>
    <t>Adds trace flag 2616 to enable the stack signature feature when a dump occurs on a SQL Server instance, which avoids multiple dumps for the same exception.</t>
  </si>
  <si>
    <t>Adds mitigation to avoid an assertion failure (Location: lobss.cpp:707; Expression: 'FALSE' Lob not found for read) that you might encounter when you run a complex query that uses large value data types such as varchar(max). Note: The mitigation doesn't apply in all situations.</t>
  </si>
  <si>
    <t>Fixes an issue in which the database audit might not record the action when a database audit specification is initially created against the instance name (not the contained availability group listener), and future transactions are executed against the contained availability group listener.</t>
  </si>
  <si>
    <t>Fixes a deadlock issue that you encounter when creating or updating statistics by turning off the blocking Auto Stats feature. The blocking Auto Stats feature is turned on when you use PolyBase. Turning off the blocking Auto Stats feature might cause a different query plan and execution time because query compilation isn't blocked by statistics collection.</t>
  </si>
  <si>
    <t>PolyBase</t>
  </si>
  <si>
    <t>Removes the following incorrect error that's related to ca-certificates when starting SQL Server on Linux: Error searching first file in /var/opt/mssql/security/ca-certificates</t>
  </si>
  <si>
    <t>Fixes an issue in which a Volume Shadow Copy Service (VSS) restore process with the Restore with Move feature might restore an incorrect file or fail if the file path for the .mdf file includes a trailing space. Additionally, you receive the following error message if the restore process fails: NativeError: 1384 The file '&lt;FilePath&gt; ' cannot be overwritten. It is being used by database '&lt;DatabaseName&gt;'</t>
  </si>
  <si>
    <t>Fixes a potential process termination issue that you might encounter when an adhoc query that uses the binary large object (BLOB) encounters an error and tries to clean up during the query shutdown.</t>
  </si>
  <si>
    <t>Fixes race conditions in which certain variables aren't initialized correctly when a batch mode sort query is aborted, which causes an access violation and INVALID_POINTER_READ_c0000005_sqlmin.dll!CBpSortLessFunctor_127,0,1,0_::OptLessFunction exception.</t>
  </si>
  <si>
    <t>Fixes an access violation exception that you encounter at sqlmin!CBpXteHashJoin::FSeparateHash when you try to run a query that involves an Adaptive Join (CONCAT) operator in the query plan.</t>
  </si>
  <si>
    <t>Fixes an issue that might cause a recursive hierarchy to fail to load all levels.</t>
  </si>
  <si>
    <t>Master Data Services</t>
  </si>
  <si>
    <t>Fixes an access violation that you might encounter when adding or deleting an empty partition with row-level security (RLS) on a table.</t>
  </si>
  <si>
    <t>Analysis Services</t>
  </si>
  <si>
    <t>Fixes an issue in which overriding the MakeGenerationInterval parameter that uses a custom value doesn't work properly when you run replmerg.exe.</t>
  </si>
  <si>
    <t>Fixes an issue in which running Data Analysis Expressions (DAX) queries failed with error "Memory Allocation failure" even though the SQL Server Analysis Services instance still has a lot of available memory.</t>
  </si>
  <si>
    <t>Fixes an issue in which an upgrade process in Master Data Services models might fail if you set an inappropriate entity name such as "Entity".</t>
  </si>
  <si>
    <t>Fixes an issue in which the sp_helpsubscription stored procedure doesn't return any results after an in-place upgrade of the Publisher instance to SQL Server 2022, which causes you to fail to reinitialize the subscription with the following error message: The Subscription does not exist.</t>
  </si>
  <si>
    <t>Fixes an issue in which the size of the _$update_bitmap column of dbo.conflict_&lt;owner&gt;_&lt;table&gt; doesn't get updated with changes in the number of columns of the original conflicting table, which causes the Distributor agent in peer-to-peer replication to fail with the following error message: String or binary data would be truncated in table '&lt;TableName&gt;', column '&lt;ColumnName&gt;'. Truncated value: "."</t>
  </si>
  <si>
    <t>Fixes an issue in which the exported delimited text file created by using CREATE EXTERNAL TABLE AS SELECT (CETAS) is incorrect if the FIELD_TERMINATOR character is '\t'.</t>
  </si>
  <si>
    <t>Adds the following fields to the sqlserver.fulltext_filter_usage Extended Event (XEvent) to improve the telemetry reporting for the XEvent: - min_input_size - max_input_size - min_output_size - max_output_size</t>
  </si>
  <si>
    <t>Fixes a performance degradation that might be encountered during the execution of the ProcessAdd command, which causes an increase in CPU usage and execution time.</t>
  </si>
  <si>
    <t>Fixes an issue that you encounter when references to plan cache entries become dereferenced in memory without allowing the plans to be properly removed from memory. This issue might occur for queries that are analyzed by the Cardinality Estimation (CE) feedback feature.</t>
  </si>
  <si>
    <t>Fixes an issue in which the global primary or forwarder in a distributed availability group can't connect to the listener of the other availability group for a while after the local availability group fails over between replicas in multi-subnet configurations.</t>
  </si>
  <si>
    <t>Makes the following improvements to the compressed memory dump feature: - Adds the use of the FILE_FLAG_NO_BUFFERING flag to improve I/O performance and prevent excessive growth of the file cache. - Adds the dynamic auto-tuning parallelism to the feature to take advantage of the available CPU cores.</t>
  </si>
  <si>
    <t>Fixes an issue that causes the SQL Server Agent to terminate with the following error message: Exception 5 caught at line &lt;LineNumber&gt; of file &lt;FileName&gt;. SQLServerAgent initiating self-termination.</t>
  </si>
  <si>
    <t>SQL Agent</t>
  </si>
  <si>
    <t>Fixes a contention issue that you encounter when using sys.dm_exec_query_statistics_xml from multiple concurrent connections.</t>
  </si>
  <si>
    <t>Fixes an access violation that you encounter when a Plan Cache object type differs from what Cardinality Estimation (CE) feedback expects. In this scenario, CE feedback casts the object type into the expected one and tries to access to a field that doesn't exist in the object type.</t>
  </si>
  <si>
    <t>Adds support for iterated and salted hash password verifiers. This is a more secure process than simply storing the SHA-512 hash of the password. This feature is available only in SQL Server 2022 CU12 and later versions. For more information, see Support for Iterated and Salted Hash Password Verifiers in SQL Server 2022 CU12.</t>
  </si>
  <si>
    <t>Fixes an issue in which an unreliable network connection causes an unsuccessful status during backup to a network share, which causes the SQL Server instance to stop responding.</t>
  </si>
  <si>
    <t>Fixes an issue in which the SQLdiag tool doesn't start when trying to read the default XML configuration file. Additionally, you receive the following error message: &lt;DateTime&gt; SQLDIAG Output path: &lt;FolderPath&gt; &lt;DateTime&gt; SQLDIAG Failed to load XML configuration file: ErrCode:0xC00CE169,Reason:"'16' violates enumeration constraint of '7 8 9 10 10.5 10.50 11 12 13 14 15 *'.</t>
  </si>
  <si>
    <t>SQLDiag</t>
  </si>
  <si>
    <t>Fixes an issue that you encounter in sys.dm_hadr_database_replica_cluster_states for read-scale availability groups after you install SQL Server 2022 CU10 or later versions, which causes the Availability Databases folder in SQL Server Management Studio (SSMS) not to show the databases in the availability group (AG).</t>
  </si>
  <si>
    <t>Fixes an issue in which error 18482 is caused when using sp_adddistributor to add a remote distributor if the Publisher server name contains lowercase characters and the Distributor server has the case-sensitive (_CS) collation.</t>
  </si>
  <si>
    <t>Fixes an overflow issue of the word occurrence that you encounter during the full-text merging process.</t>
  </si>
  <si>
    <t>https://support.microsoft.com/kb/4538581</t>
  </si>
  <si>
    <t>FIX: Scalar UDF Inlining issues in SQL Server 2022 and 2019</t>
  </si>
  <si>
    <t>Fixes an issue in which running Delta table queries requires the sysadmin server role. For more information, see Delta table query may fail with errors 2571 and 16513.</t>
  </si>
  <si>
    <t>Fixes an issue in which the sp_server_diagnostics stored procedure doesn't respond to the Always On availability group (AG) resource DLL within the HealthCheckTimeout when the I/O takes a long time, which causes unnecessary restart and failover. For example, when the sp_server_diagnostics stored procedure is waiting for the PREEMPTIVE_OS_GETFINALFILEPATHBYHANDLE wait type. Note: To apply this fix, you need to turn on trace flag 16301, which is off by default. Tracing is added for this event regardless of the trace flag.</t>
  </si>
  <si>
    <t>Before the improvement, a generic error message (configuration error during initialization) is reported when creating an event_file target for an Extended Events session if the Azure blob target is invalid. After applying the improvement, the error will be reported more specifically, such as "due to invalid or expired credentials."</t>
  </si>
  <si>
    <t>Fixes an issue in which the SQL Server instance fails to start on Linux kernels 6.7 and later versions.</t>
  </si>
  <si>
    <t>Fixes an out-of-memory (OOM) issue that's caused by spikes in CACHESTORE_PHDR usage.</t>
  </si>
  <si>
    <t>Adds the support of the Extensible Key Management (EKM) feature for SQL Server on Linux.</t>
  </si>
  <si>
    <t>SQL Connectivity</t>
  </si>
  <si>
    <t>Fixes an issue in which the distribution agent fails when you set up transactional replication with memory-optimized tables at the Subscriber that has the "replication support only" option. Additionally, you receive the following error message: MSupd_articlename stored procedure fails with error 12302 when the subscription is created with @sync_type = "replication support only".</t>
  </si>
  <si>
    <t>Fixes an access violation at InitCollationSensitiveLookupHash that you encounter when running a string column point search on an In-Memory OLTP columnstore table.</t>
  </si>
  <si>
    <t>Column Stores</t>
  </si>
  <si>
    <t>Fixes an issue in which the creation of a contained availability group fails with a dump generated if a login has the sysadmin role and some other server-level roles that only exist in the SQL Server instance, which causes the SQL Server instance to stop responding.</t>
  </si>
  <si>
    <t>Fixes an issue in which the setup might fail to add the SQL_SNAC_SDK feature when you install SQL Server if the machine has a later version of the SQL_SNAC_CORE feature in msoledbsql.msi installed than that of the SQL Server installation media. After applying the fix, SQL Server Setup detects this condition, and it will block a new installation and prevent a failure during the installation. Note: To work around this issue and unblock SQL Server Setup, go to Uninstall or change a program in the Control Panel, select Microsoft OLE DB Driver for SQL Server, and then select Change to install all features in Microsoft OLE DB Driver for SQL Server Setup. Rerun SQL Server Setup when it's finished.</t>
  </si>
  <si>
    <t>SQL Setup</t>
  </si>
  <si>
    <t>Deployment Platform</t>
  </si>
  <si>
    <t>Fixes a non-yielding scheduler dump issue with sqldk!SOS_Node::SpreadMultipleTasksAcrossNodes that you encounter when running an instance on hardware that has more than 64 logical processors per NUMA node. After applying the fix, SQL Server detects machines that have more than 64 logical processors per NUMA node at startup and shuts the SQL Server service down. For more information, see the note in Compute capacity limits by edition of SQL Server.</t>
  </si>
  <si>
    <t>Fixes a performance issue in query execution time that you encounter after you run the OPTIMIZE operation for a delta table in S3-compatible object storage. After applying the fix, it also improves the performance of querying delta tables from Azure Blob Storage and Azure Data Lake Storage Gen2.</t>
  </si>
  <si>
    <t>Fixes an intra-query deadlock that you might encounter when running some query plans that involve nested loop joins in batch mode.</t>
  </si>
  <si>
    <t>Fixes an access violation dump issue that you encounter when dropping a distributed availability group (AG) that has a suspect AG database on a forwarder.</t>
  </si>
  <si>
    <t>Fixes an issue in which the Find Parent feature fails if the target of the feature is a node that is searched.</t>
  </si>
  <si>
    <t>Fixes an assertion failure (Location: IntSafeWrapperRetail.cpp:31; Expression: !"Arithmetic operation failed") that you encounter while using the LIKE predicate.</t>
  </si>
  <si>
    <t>Fixes an issue in which downloading an attachment fails if an entity newly created uses a code value existing in a deletion record.</t>
  </si>
  <si>
    <t>Consider the following scenario: - You create a table that has a full-text index. - The full-text index fragment is partitioned because it's too large. - You clone the database and then run DBCC CHECKDB to check the clone database. In this scenario, the command fails and the following error 2601 occurs: Msg 2601, Level 14, State 1, Line &lt;LineNumber&gt; Cannot insert duplicate key row in object '&lt;ObjectName&gt;' with unique index '&lt;IndexName&gt;'. The duplicate key value is &lt;KeyValue&gt;.</t>
  </si>
  <si>
    <t>Fixes a "Stalled Resource Monitor" dump issue that you might encounter after out-of-memory (OOM) exceptions are raised, such as error 701.</t>
  </si>
  <si>
    <t>Fixes an issue in which the Cardinality Estimation (CE) feedback generates an empty USE HINT clause as the query hint.</t>
  </si>
  <si>
    <t>Fixes the following error 9833 that you encounter when running the sp_helplogins stored procedure against a database with UTF-8 character encoding: Msg 9833, Level 16, State 2, Procedure sp_helplogins, Line &lt;LineNumber&gt; [Batch State Line 0] Invalid data for UTF8-encoded characters</t>
  </si>
  <si>
    <t>Fixes a dump issue and INVALID_POINTER_WRITE_c0000005_sqllang.dll!CBatch::PTaskGetWithAddRef exception that you might encounter when the reference on a connection object that's obtained by the session monitor isn't released under a failure condition, which can cause dangling session objects.</t>
  </si>
  <si>
    <t>Updates the errors 1101 and 1105 to explicitly reflect the fact that even UNLIMITED database files are limited to 16 TB. Error message: 1101: Could not allocate a new page for database '&lt;DatabaseName&gt;' because the '&lt;FilegroupName&gt;' filegroup is full due to lack of storage space or database files reaching the maximum allowed size. Note that UNLIMITED files are still limited to 16TB. Create the necessary space by dropping objects in the filegroup, adding additional files to the filegroup, or setting autogrowth on for existing files in the filegroup. 1105: Could not allocate space for object '&lt;ObjectName&gt;' in database '&lt;DatabaseName&gt;' because the '&lt;FilegroupName&gt;' filegroup is full due to lack of storage space or database files reaching the maximum allowed size. Note that UNLIMITED files are still limited to 16TB. Create the necessary space by dropping objects in the filegroup, adding additional files to the filegroup, or setting autogrowth on for existing files in the filegroup.</t>
  </si>
  <si>
    <t>Fixes an issue in which running sys.dm_db_xtp_transactions might fail with the following error if a large number of transactions are in the In-Memory OLTP database engine: Msg 701, Level 17, State 157, Line &lt;LineNumber&gt; There is insufficient system memory in resource pool 'default' to run this query.</t>
  </si>
  <si>
    <t>In-Memory OLTP</t>
  </si>
  <si>
    <t>Fixes the following error that you encounter on the target instance when configuring a Service Broker communication with transport security and the certificate serial number length is greater than 16 bytes: The certificate serial number size is 19, however it must be no greater than 16 bytes in length. This occurred in the message with Conversation ID, Initiator: 1, and Message sequence number: 0.</t>
  </si>
  <si>
    <t>The Log Reader Agent creates a dynamic linked server for the listener to verify the metadata when you configure a transactional publication on an Always On availability group (AG). This dynamic linked server is temporary and dropped after the verification. When the AG is deployed with replicas in different subnets, this dynamic linked server connection might time out as it tries to connect serially. After applying the fix, if the Log Reader Agent is configured to use the MultiSubnetFailover parameter as 1, the dynamic linked server is also created with the MultiSubnetFailover parameter as 1, which allows connection to occur in parallel.</t>
  </si>
  <si>
    <t>Fixes an issue in which the exported delimited text file always uses a comma (',') as the field terminator when you use CREATE EXTERNAL TABLE AS SELECT (CETAS) to export data to a delimited text file, even if the FIELD_TERMINATOR character is specified in CREATE EXTERNAL FILE FORMAT.</t>
  </si>
  <si>
    <t>Fixes unexpected characters that you encounter in the name column of the sys.availability_groups_cluster dynamic management view (DMV) when you use the read-scale availability group.</t>
  </si>
  <si>
    <t>Fixes an assertion failure (Location: "cxrowset.cpp":2006; Expression: cstePrefix &gt;= 1) that you encounter when updating statistics fails with the following error: Msg 3624, Level 20, State 1, Line &lt;LineNumber&gt; A system assertion check has failed. Check the SQL Server error log for details. Typically, an assertion failure is caused by a software bug or data corruption. To check for database corruption, consider running DBCC CHECKDB. If you agreed to send dumps to Microsoft during setup, a mini dump will be sent to Microsoft. An update might be available from Microsoft in the latest Service Pack or in a Hotfix from Technical Support.</t>
  </si>
  <si>
    <t>Before this update, in some rare cases, if IDENTITY_INSERT is set to ON, the identity value for the target table is set to the highest value in the source table when joining tables, even if the highest value doesn't satisfy the join condition or the predicate. This update improves the current design and fixes this issue. Note: To apply this update, you need to set the QUERY_OPTIMIZER_HOTFIXES database scoped configuration to ON. To turn off this update, you can enable trace flag 13193.</t>
  </si>
  <si>
    <t>Fixes an access violation dump issue that you encounter when you run a query on the clustered columnstore table that uses the READPAST hint.</t>
  </si>
  <si>
    <t>Fixes an issue in which the following assertion failure occurs while you try to restore a database to a disk with insufficient storage, which causes the SQL Server instance to stop responding: &lt;DateTime&gt; Error: 17066, Severity: 16, State: 1. &lt;DateTime&gt; SQL Server Assertion: File: &lt;buffer.cpp&gt;, line=12797 Failed Assertion = 'bufDiscarded'. This error may be timing-related. If the error persists after rerunning the statement, use DBCC CHECKDB to check the database for structural integrity, or restart the server to ensure in-memory data structures are not corrupted.</t>
  </si>
  <si>
    <t>Fixes an issue in which the plan cache entry is evicted when the Cardinality Estimation (CE) feedback tries to get the associated profile, which causes a memory corruption.</t>
  </si>
  <si>
    <t>Updates the SQDSFeedbackEEFunctors constructor to prevent race conditions, which can cause double deletion during the construction.</t>
  </si>
  <si>
    <t>Fixes an issue in which an INSERT (or any Data Manipulation Language (DML)) statement is blocked if you run the statement before a clustered columnstore index (CCI) online rebuild or drop and then run the statement during the online rebuild or drop if the statement is still in the procedure cache.</t>
  </si>
  <si>
    <t>Fixes an access violation issue that occurs when removing the database snapshot files on the readable secondary replica of an Always On availability group that has the buffer pool extension enabled.</t>
  </si>
  <si>
    <t>This improvement adds Extended Events functionality to enhance the periodic primary replica to secondary replica notification investigation in availability groups for an in-memory database. New events are generated that provide the oldest active transaction and end of log values. This new tracing will help diagnose errors such as the following: &lt;DateTime&gt; Error: 41316, Severity: 23, State: 7. &lt;DateTime&gt; Restore operation failed for database 'DatabaseName' with internal error code '0x84000004'.</t>
  </si>
  <si>
    <t>Fixes an issue that you encounter in the following scenario: - Configure the "Replication: agent custom shutdown" alert to respond to error 20578. - Run sp_publication_validation with @shutdown_agent as 1 to initiate an article validation. In this scenario, you notice that the "Replication: agent custom shutdown" alert doesn't respond, which occurs as error 20578 isn't logged in the application log.</t>
  </si>
  <si>
    <t>Fixes an issue in which the Snapshot Agent incorrectly generates the script of the XXX_msrepl_ccs stored procedure if @sync_method is concurrent, and replication stored procedures are specified under a custom schema.</t>
  </si>
  <si>
    <t>Enables the JSON_ARRAY and JSON_OBJECT functions by default in SQL Server 2022.</t>
  </si>
  <si>
    <t>Fixes an issue in which restoring a transaction log backup to the specific point in time fails with the following error: Msg 9003, Level 20, State 9, Line &lt;LineNumber&gt; The log scan number (xxx:xxx:xxx) passed to log scan in database 'DatabaseName' is not valid.</t>
  </si>
  <si>
    <t>Fixes an issue in which the cardinality estimation (CE) uniformly increases after each LEFT JOIN or RIGHT JOIN combines, which causes overestimation. This fix adds a limitation to the CE when the join predicates are the primary keys of the tables that are involved. Note: Trace flag 9440 will turn off the functionality provided by this fix for databases with a compatibility level of 160 and earlier.</t>
  </si>
  <si>
    <t>Fixes an access violation that may be encountered when querying the sys.dm_os_memory_objects dynamic management view (DMV).</t>
  </si>
  <si>
    <t>The RemoveDiscontinuedFeatures command that has the EnsureProperEncryption option is extended to support multidimensional model databases. For more information, see Multidimensional mode.</t>
  </si>
  <si>
    <t>Improves Data Definition Language (DDL) performance to create a large number of tables and partitions when the number of databases on a SQL Server instance exceeds 100.</t>
  </si>
  <si>
    <t>Fixes an issue in which you search for a specific node and then fail to expand the node on the hierarchy page.</t>
  </si>
  <si>
    <t>An attacker can send a malformed TDS (Tabular Data Stream) packet that causes a login failure, unavailability, or other undefined behavior.</t>
  </si>
  <si>
    <t>Updates the version of the Microsoft ODBC driver to 17.10.5.1. For more information, see Release Notes for Microsoft ODBC Driver for SQL Server on Windows.</t>
  </si>
  <si>
    <t>Updates the version of the Microsoft OLE DB driver to 18.6.7. For more information, see Release notes for the Microsoft OLE DB Driver for SQL Server.</t>
  </si>
  <si>
    <t>Fixes an assertion failure (Location: setypes.cpp:1274; Expression: !IsInRowDiff()) that you might encounter at FAILED_ASSERTION_42ac_sqlmin.dll!VersionRecPtr::IsNull when you have multiple nested inserts. Note: You can enable trace flag (TF) 7117 to mitigate the issue. Turn off TF 7117 after the mitigation is done, which means after the version cleaner cleans the problematic page.</t>
  </si>
  <si>
    <t>Reduces the overall size of Ubuntu-based SQL Server container images.</t>
  </si>
  <si>
    <t>Updates the Pacemaker agent code to support Red Hat Enterprise Linux (RHEL) 9 and Ubuntu 22.</t>
  </si>
  <si>
    <t>Fixes error 207 (Invalid column name '&lt;ColumnName&gt;') that you encounter when you run a user-defined function (UDF), which references a dropped column that uses data classification.</t>
  </si>
  <si>
    <t>Fixes an error that you encounter when reading some .XEL files by using sys.fn_MSxe_read_event_stream.</t>
  </si>
  <si>
    <t>Resource Governor</t>
  </si>
  <si>
    <t>Fixes the incorrect results that you encounter when you use JSON_ARRAY or JSON_OBJECT as a default column during the table creation.</t>
  </si>
  <si>
    <t>Fixes an issue in Cardinality Estimation (CE) feedback involving uninitialized variables in PStmtGetSafe.</t>
  </si>
  <si>
    <t>Fixes an assertion dump issue (Location: sebind.h:1206; Expression: bufferLen &gt;= colLen) that you encounter when running an INSERT statement against the table that has the nvarchar(n) column as an index column.</t>
  </si>
  <si>
    <t>Fixes an issue in which the Query Store (QDS) cleanup task doesn't clean up statistics. Before applying the fix, the QDS size keeps growing when you keep running more workloads until it switches to the READ_ONLY state. Additionally, without this fix, the cleanup task randomly deletes queries instead of deleting queries that have lower importance when the QDS size approaches the maximum size.</t>
  </si>
  <si>
    <t>Query Store</t>
  </si>
  <si>
    <t>Fixes an issue in which the dynamic snapshot fails with the error "Arithmetic overflow error converting expression to data type int" in the partition_id_eval_proc column when you try to add new subscriptions to merge publications.</t>
  </si>
  <si>
    <t>Fixes error 692 that occurs when you create a non-clustered index under the following scenario: - A clustered index already exists in the table. - You create a non-clustered index that has the RESUMABLE option. - The non-clustered index has an INCLUDE clause that has the key columns from the clustered index but in a different order. Error message: Msg 692, Level 22, State 1, line &lt;LineNumber&gt; Internal error. Buffer provided to write a fixed column value is too large. Run DBCC CHECKDB to check for any corruption. Note: Specifying the included columns in the same order as in the clustered index or removing them from the INCLUDE clause can prevent the error.</t>
  </si>
  <si>
    <t>Fixes an issue in which an availability group that has database level health detection enabled triggers needless failover for the following error 1105 when data files reach the limit size or the configured maximization: &lt;DateTime&gt; Error: 1105, Severity: 17, State: 2. &lt;DateTime&gt; Could not allocate space for object '&lt;TableName&gt;' in database '&lt;DatabaseName&gt;' because the '&lt;FilegroupName&gt;' filegroup is full. Create disk space by deleting unneeded files, dropping objects in the filegroup, adding additional files to the filegroup, or setting autogrowth on for existing files in the filegroup.</t>
  </si>
  <si>
    <t>Provides the details of the corrupt checkpoint file that's associated with the in-memory database when you try to restore a database but it fails with the following error: [ERROR] Recovery failed with error 0x84000004 on database 10. This error will be mapped to 'HK_E_RESTORE_ABORTED' (0x82000018). (sql\ntdbms\hekaton\runtime\src\hkruntime.cpp : 5051 - 'HkRtRestoreDatabase')</t>
  </si>
  <si>
    <t>Enables IO error mode history in retail builds by using trace flag 3139 to allow the investigation of the assertion failure (Location: readEncoded.cpp:2988; Expression: m_pDecodeSplitInput-&gt;GetAvailableFreeSize () &gt;= lengthInNext) that may occur while restoring transaction log backups.</t>
  </si>
  <si>
    <t>Fixes the error "The service cannot be started, either because it is disabled or because it has no enabled devices associated with it" that you encounter when performing an in-place upgrade to SQL Server 2022 while the SQL Writer service is disabled.</t>
  </si>
  <si>
    <t>Patching</t>
  </si>
  <si>
    <t>Adds a compressed memory dump feature that helps create a compressed memory stream to replace the conventional memory stream to speed up the dump process and reduce the size of the dump file. For more information, see Use the Sqldumper.exe tool to generate a dump file in SQL Server.</t>
  </si>
  <si>
    <t>Fixes an issue in which the log shipping backup fails with the error "Could not retrieve backup settings for primary ID" when you upgrade a SQL Server instance that has a log shipping configuration to SQL Server 2022.</t>
  </si>
  <si>
    <t>2022</t>
  </si>
  <si>
    <t>Fixes an issue that you encounter when selecting other non-entity nodes after selecting an entity node in Master Data Services models.</t>
  </si>
  <si>
    <t>Fixes the following error 2570 that you encounter when you run DBCC CHECKDB against a database, which is caused by using negative parameters in the RANDOM function against a column that uses dynamic data masking (DDM): Msg 2570, Level 16, State 3, Line &lt;LineNumber&gt; Page (&lt;PageID&gt;), slot &lt;SlotID&gt; in object ID &lt;ObjectID&gt;, index ID &lt;IndexID&gt;, partition ID &lt;PartitionID&gt;, alloc unit ID &lt;UnitID&gt; (type "&lt;Type&gt;"). Column "&lt;ColumnName&gt;" value is out of range for data type "&lt;DataType&gt;". Update column to a legal value.</t>
  </si>
  <si>
    <t>Fixes an issue in which the BACKUP or RESTORE statement doesn't time out even after a long time when the S3 server is unreachable or the hostname/IP address/port number that's given in the URL is incorrect. After applying this fix, backing up or restoring a database to the S3 server fails quickly.</t>
  </si>
  <si>
    <t>Fixes an issue in which running DBCC CHECKTABLE may create snapshot files, even if a user fails the table-level permission check.</t>
  </si>
  <si>
    <t>https://support.microsoft.com/help/4538581</t>
  </si>
  <si>
    <t>Fixes the following SQL Server assertion failure: Error: 17065, Severity: 16, State: 1. Server Assertion: File: &lt;typinfo.cpp&gt;, line = 1153 Failed Assertion = 'false' Invalid comparison due to NO COLLATION.</t>
  </si>
  <si>
    <t>Fixes a manual cleanup issue in which the repeated lock escalations on the tables cause contention and slowness in cleaning up the expired change tracking metadata. Note: You need to turn on trace flag 8284.</t>
  </si>
  <si>
    <t>Fixes an issue in which the validation of a custom input mask fails. After applying this fix, you can use a custom input mask with the time part.</t>
  </si>
  <si>
    <t>https://learn.microsoft.com/troubleshoot/sql/releases/sqlserver-2022/make-enhancements-sqliosim-utility</t>
  </si>
  <si>
    <t>Improvement: Make several enhancements to the SQLIOSim utility</t>
  </si>
  <si>
    <t>Fixes an issue in which running sp_change_users_login reports the following error if the database collation is Chinese_PRC_CI_AS: Msg 9833, Level 16, State 3, Line &lt;LineNumber&gt; Invalid data for DBCS-encoded characters.</t>
  </si>
  <si>
    <t>Fixes an issue in which a checkpoint process on an In-Memory OLTP database may get stuck, and the log size keeps increasing.</t>
  </si>
  <si>
    <t>Fixes an issue in which the number of the Log Writer threads is inconsistent when the SQL Server instance is affinitized to a subset of NUMA nodes.</t>
  </si>
  <si>
    <t>Fixes a memory leak issue that you encounter on MEMOBJ_STORAGEMANAGEMENT when you try to use Backup TO URL for AWS S3-compatible object storage.</t>
  </si>
  <si>
    <t>Fixes an access violation in sqllang!FReadDataDirect that you encounter during network exchanges between an instance of SQL Server and a client.</t>
  </si>
  <si>
    <t>Improves sp_addpublication_snapshot by exposing additional parameters (@distributor_security_mode, @distributor_login, and @distributor_password). With these parameters, you can configure the Snapshot Agent to connect to the Distributor using SQL Server Authentication. Before this fix, the Snapshot Agent connects to the Distributor with Windows Authentication, and you can't configure it to connect to the Distributor using SQL Server Authentication.</t>
  </si>
  <si>
    <t>Fixes an access violation that you encounter during the initialization of Query Store if a parameter sensitive plan (PSP) optimization query variant has inconsistent data within the Query Store.</t>
  </si>
  <si>
    <t>Fixes an issue in which you can't see the Created By and Updated By fields in the View History window when you use the Master Data Services (MDS) Add-in for Excel.</t>
  </si>
  <si>
    <t>Fixes an issue in which an error may occur when you download an attachment uploaded previously in a Master Data Services model.</t>
  </si>
  <si>
    <t>Fixes the incorrect masking behavior that you encounter when you use an INSTEAD OF trigger that's defined on a table, which contains columns that use dynamic data masking (DDM).</t>
  </si>
  <si>
    <t>Fixes error 207 (Invalid column name '&lt;ColumnName&gt;') that you encounter when you run a user-defined function (UDF), which references a dropped column that uses dynamic data masking (DDM).</t>
  </si>
  <si>
    <t>Fixes a dump issue that you encounter when you run the APPROX_COUNT_DISTINCT query, which affects the query that has at least two approximate count aggregates where at least one aggregate is on a char column and the char column isn't the first aggregate in the query.</t>
  </si>
  <si>
    <t>Fixes an issue in which a thread deadlock between Query Store (QDS) background tasks blocks the database shutdown.</t>
  </si>
  <si>
    <t>Fixes an issue in which the node profile information from parallel threads for Cardinality Estimation (CE) feedback is missing. After you apply this fix, CE feedback can suggest hints for parallel queries.</t>
  </si>
  <si>
    <t>Fixes an access violation that you encounter under a race condition if the parameter sensitive plan (PSP) optimization feature has Query Store integration enabled, and a query variant's reference to its associated dispatcher or original parent statement is dereferenced prematurely within the in-memory representation of the Query Store.</t>
  </si>
  <si>
    <t>Fixes an issue in which applying a patch on the secondary replica or performing an in-place upgrade fails if a database has change data capture (CDC) enabled and is in an availability group. The following error is returned: &lt;DateTime&gt; Error: 912, Severity: 21, State: 2. &lt;DateTime&gt; Script level upgrade for database 'master' failed because upgrade step 'repl_upgrade.sql' encountered error 35262, state 4, severity 10. This is a serious error condition which might interfere with regular operation and the database will be taken offline. If the error happened during upgrade of the 'master' database, it will prevent the entire SQL Server instance from starting. Examine the previous errorlog entries for errors, take the appropriate corrective actions and re-start the database so that the script upgrade steps run to completion.</t>
  </si>
  <si>
    <t>Adds a new error 673 that helps avoid the assertion failure (Location: IndexRowScanner.cpp:1449; Expression: m_versionStatus.IsVisible ()) that you might encounter when you enable change tracking on a database that has snapshot isolation turned on. Error message: Failure to access row object in snapshot isolation. Note: You need to turn on trace flag 8285.</t>
  </si>
  <si>
    <t>Enables Azure Active Directory (Azure AD) authentication for SQL Server replication. Azure AD authentication for replication can be disabled by using trace flag 11561. Using Azure AD authentication for replication is currently in public preview. For more information, see Configure replication with Azure AD authentication.</t>
  </si>
  <si>
    <t>Fixes the following error 41313 that you encounter when you create a natively compiled stored procedure that contains a CASE statement and a column that uses dynamic data masking (DDM): Msg 41313, Level 16, State 1, Procedure &lt;ProcedureName&gt;, Line &lt;LineNumber&gt; [Batch Start Line &lt;LineNumber&gt;] The C compiler encountered a failure. The exit code was 2.</t>
  </si>
  <si>
    <t>Fixes an issue in which running DBCC CHECKDB reports RBPEX::NotifyFileShutdown in the SQL Server error log.</t>
  </si>
  <si>
    <t>Fixes a non-yielding scheduler condition (Msg 17883) that you encounter when backup operations can't handle abort signals correctly in some cases while waiting for pending I/O writes.</t>
  </si>
  <si>
    <t>Fixes an issue in which the SQL Server instance stops responding when it calls a memory-optimized stored procedure from another memory-optimized stored procedure in which the called procedure isn't yet in the plan cache, and a statistics update is triggered during query compilation.</t>
  </si>
  <si>
    <t>Fixes potential memory access violations and incorrect results when executing specific Data Analysis Expressions (DAX) queries that trigger the internal Horizontal Fusion query optimization. Note: Before you apply the cumulative update, you can disable the feature by setting the DAX\HorizontalFusion configuration option to 0 as a workaround.</t>
  </si>
  <si>
    <t>Fixes a non-yielding dump issue that you encounter when the IORequestDispenser is waiting for the I/O to finish.</t>
  </si>
  <si>
    <t>Fixes an issue in which upgrading SQL Server 2017 to SQL Server 2022 on Linux fails and returns an error such as "'model_replicatedmaster.ldf' file does not exist."</t>
  </si>
  <si>
    <t>Fixes an issue in which an alias error occurs during a database upgrade if you apply the name "en" to an attribute.</t>
  </si>
  <si>
    <t>https://support.microsoft.com/help/4052136</t>
  </si>
  <si>
    <t>FIX: SQL Server Audit Events fail to write to the Security log</t>
  </si>
  <si>
    <t>Adds the sp_validate_certificate_ca_chain stored procedure for checking the validity of the certificate chain used for certificate-based authentication on endpoints of Service Broker, availability groups, and Managed Instance link.</t>
  </si>
  <si>
    <t>Adds additional enforcement of write operations to the encryption algorithm that's used to encrypt data sources and connection strings in SQL Server Analysis Services (SSAS) models. For more information, see Upgrade encryption.</t>
  </si>
  <si>
    <t>Fixes an issue where a hierarchy created in Master Data Services (MDS) doesn't expand correctly (on both the Edit Derived Hierarchy page and the Hierarchy page in the Explorer area).</t>
  </si>
  <si>
    <t>Adds an option for the Master Data Services (MDS) configuration tool to decide whether to enable the PerformanceImprovementEnable performance improvement setting.</t>
  </si>
  <si>
    <t>Fixes the following error that you may encounter when selecting any cell of a domain-based attribute column that has a different name and display name in a Master Data Services (MDS) entity and then selecting the drop-down arrow: The current cell column title was not found. If the column title was changed, close the sheet and try again.</t>
  </si>
  <si>
    <t>Updates the support for predicate pushdown when filtering on the session_id column of the sys.dm_exec_connections dynamic management view (DMV).</t>
  </si>
  <si>
    <t>Fixes a network socket crash that affects SQL connectivity during a large number of connections.</t>
  </si>
  <si>
    <t>Updates the version of the Microsoft ODBC driver to 17.10.4.1. For more information, see Release Notes for Microsoft ODBC Driver for SQL Server on Windows.</t>
  </si>
  <si>
    <t>Updates the version of the Microsoft OLE DB driver to 18.6.6. For more information, see Release notes for the Microsoft OLE DB Driver for SQL Server.</t>
  </si>
  <si>
    <t>Fixes an issue where applying the option ONLINE in the ALTER INDEX REBUILD statement is invalid when running the index rebuild task created in an index maintenance plan.</t>
  </si>
  <si>
    <t>Fixes a memory leak issue that you encounter when you run queries that use an equals (=) string predicate on a clustered columnstore index (CCI).</t>
  </si>
  <si>
    <t>Fixes a performance issue that you may encounter when the String Min/Max for Rowgroup Elimination feature is enabled, and you query a clustered columnstore index (CCI) that's built with the feature disabled. The queries that contain simple string predicates may incorrectly qualify a rowgroup.</t>
  </si>
  <si>
    <t>Consider the following scenario: 1. You have an instance of SQL Server that connects to Azure Active Directory (Azure AD). 2. You enable Transport Layer Security (TLS) encryption on this instance of SQL Server. In this scenario, you may receive the following error 39011 if you run the sp_execute_external_script query against the instance: Msg 39011, Level 16, State 7, Line &lt;LineNumber&gt; SQL Server was unable to communicate with the LaunchPad service for request id: &lt;ID&gt;. Please verify the configuration of the service.</t>
  </si>
  <si>
    <t>Fixes an issue where the following error occurs when you disable the FILESTREAM feature on a SQL Server failover cluster instance (FCI) by using SQL Server Configuration Manager (SSCM): There was an unknown error applying FILESTREAM settings. Check the parameters are valid. (0x800713d6)</t>
  </si>
  <si>
    <t>FileStream and FileTable</t>
  </si>
  <si>
    <t>Fixes an issue where messages in the sys.transmission_queue of the initiator database in a SQL Server Service Broker conversation are missing or stuck after a failover of the target database.</t>
  </si>
  <si>
    <t>Fixes an issue where restoring an In-Memory OLTP database backup that has Transparent data encryption (TDE) enabled fails and returns the following error message: Error: 33126, Severity: 16, State: 1. Database encryption key is corrupted and cannot be read. Note: To apply this fix, you need to enable a trace flag (TF) to relax TDE checks for In-Memory tables and disable the TF after the restoration is completed. For more information, contact Microsoft Customer Service and Support.</t>
  </si>
  <si>
    <t>Fixes an assertion dump issue (Location: "sql\\ntdbms\\hekaton\\engine\\core\\tx.cpp":4753; Expression: 0 == Dependencies.CommitDepCountOut) that causes an availability group failover.</t>
  </si>
  <si>
    <t>Fixes a dump issue where a huge number of concurrent In-Memory OLTP transactions cause a stack overflow.</t>
  </si>
  <si>
    <t>Removes the need for running the sys.sp_xtp_force_gc stored procedure twice to free up allocated and used XTP memory, and running it once is enough. You need at least the ALTER SERVER STATE permission to run this procedure.</t>
  </si>
  <si>
    <t>Adds support for Azure Data Lake Storage (ADLS) Gen2 as a storage location in CREATE EXTERNAL TABLE AS SELECT (CETAS), which fixes the following error 15883 that you encounter when you try to use them: Msg 15883, Level 16, State 1, Line &lt;LineNumber&gt; Access check for 'CREATE/WRITE' operation against '&lt;Location&gt;' failed with HRESULT = '0x80070057'.</t>
  </si>
  <si>
    <t>Fixes an issue where external data sources that use the generic ODBC connector may not work after you install SQL Server 2022 CU2 or later versions. You may encounter the following scenarios: 1. When you try to query an external table that was created before you install this fix on a generic ODBC data source, and the CONNECTION_OPTIONS argument uses a DSN parameter without the Driver keyword, you receive the following error message: Msg 7320, Level 16, State 110, Line &lt;LineNumber&gt; Cannot execute the query "Remote Query" against OLE DB provider "MSOLEDBSQL" for linked server "(null)". Object reference not set to an instance of an object. 2. If you try to create a new external table, you receive the following error message: Msg 110813, Level 16, State 1, Line &lt;LineNumber&gt; Object reference not set to an instance of an object. Note: Before you apply this fix, you can uninstall SQL Server 2022 CU2 or later versions, or add the Driver keyword to the CONNECTION_OPTIONS argument as a workaround. For more information, see Generic ODBC external data sources may not work after installing Cumulative Update.</t>
  </si>
  <si>
    <t>Fixes an access violation caused by transient race conditions in certain scenarios when parameter sensitive plan (PSP) optimization has Query Store integration enabled.</t>
  </si>
  <si>
    <t>https://learn.microsoft.com/troubleshoot/sql/releases/sqlserver-2022/incorrect-results-run-queries</t>
  </si>
  <si>
    <t>FIX: Incorrect results may occur when you run queries against tables that contain indexes using a descending sort order</t>
  </si>
  <si>
    <t>Fixes a dump issue where the Cardinality Estimation (CE) feedback validation flag is set on statements that come after the statement analyzed by CE Feedback within a batch.</t>
  </si>
  <si>
    <t>Fixes an issue where applying a patch on a secondary replica or performing an in-place upgrade fails when the distribution database is in an availability group. The following error is returned: Error: There was an error executing the Replication upgrade scripts. See the SQL Server error log for details. You can see the following error details in the SQL Server error log: Executing sp_vupgrade_replication. Could not open distribution database distribution because it is offline or being recovered. Replication settings and system objects could not be upgraded. Be sure this database is available and run sp_vupgrade_replication again.</t>
  </si>
  <si>
    <t>Fixes an issue that you encounter in the following scenario: - A SQL Server 2017 instance is configured as the Publisher, and a SQL Server 2022 instance is configured as the Distributor. - The Publication database is configured as a part of an availability group. In this configuration, the Log Reader Agent fails together with the following error: &lt;DateTime&gt; Status: 0, code: 20011, text: 'The process could not execute 'sp_replcmds' on 'publisherserver'. &lt;DateTime&gt; Status: 0, code: 18751, text: 'sp_replcmds procedure was called with the wrong number of parameters.'.</t>
  </si>
  <si>
    <t>Fixes an issue where high PREEMPTIVE_OS_QUERYREGISTRY waits occur. To apply this fix, you need to turn on trace flag 12502, which is used to disable external authorization policies for on-premises SQL Server instances.</t>
  </si>
  <si>
    <t>Consider the following scenario: 1. You connect to SQL Server as user A. 2. In the meantime, user B's password is changed in the background. In this scenario, the following error may occur when you create a database and then try to use it: Msg 916, Level 14, State 2, Line &lt;LineNumber&gt; The server principal "&lt;LoginName&gt;" is not able to access the database "&lt;DatabaseName&gt;" under the current security context.</t>
  </si>
  <si>
    <t>Fixes an issue where upgrading to SQL Server 2022 database mirroring fails and returns the following errors: Error: 37526, Severity: 16, State: 1. A ledger table cannot be created while database mirroring is enabled. Error: 928, Severity: 20, State: 1. During upgrade, database raised exception 3602, severity 25, state 51, address 00007FFFC67A3614. Use the exception number to determine the cause.</t>
  </si>
  <si>
    <t>Fixes an issue where the following error occurs when you try to manually enter the product key while configuring SQL Server by using the command /opt/mssql/bin/mssql-conf setup or sudo /opt/mssql/bin/sqlservr --pid XXXXX-XXXXX-XXXXX-XXXXX-XXXXX: The provided PID [XXXXX-XXXXX-XXXXX-XXXXX-XXXXX] is invalid.The PID must be in the form #####-#####-#####-#####-##### where '#' is a number or letter.</t>
  </si>
  <si>
    <t>Fixes a non-yielding dump issue that you encounter when creating an Extended Events (XEvents) session that captures the sql_text field and has several kilobytes of T-SQL queries.</t>
  </si>
  <si>
    <t>After applying this update, master databases that are part of contained availability groups will no longer incorrectly report errors when DBCC CHECKDB is being run against them outside of the contained context.</t>
  </si>
  <si>
    <t>Fixes a DateTime issue where the month and day are incorrectly recognized in Master Data Services (MDS) that you encounter when the input format doesn't match the preset format.</t>
  </si>
  <si>
    <t>Fixes an access violation issue, most often seen on a database in an availability group, that you encounter during virtual device interface (VDI) backups.</t>
  </si>
  <si>
    <t>Fixes an issue where SQL Server Agent job steps fail with the following error after the management data warehouse (MDW) is configured on a server: Executed as user: NT Service\SQLSERVERAGENT. SSIS error. Component name: GenerateTSQLPackageTask, Code: -1073548540, Subcomponent: Generate T-SQL Package Task, Description: An error occurred with the following error message: "The given key was not present in the dictionary.". . SSIS error. Component name: GenerateTSQLPackageTask, Code: -1073548540, Subcomponent: Generate T-SQL Package Task, Description: An error occurred with the following error message: "The given key was not present in the dictionary.". . The master package exited with error, previous error messages should explain the cause. Process Exit Code 5. The step failed.</t>
  </si>
  <si>
    <t>Fixes access violations and INVALID_POINTER_READ_c0000005_sqlmin.dll!CProfileList::FGetPartitionSummaryXML exceptions that you may encounter during the execution of sys.dm_exec_query_plan_stats.</t>
  </si>
  <si>
    <t>Fixes an issue where running the ALTER ASSEMBLY command for a complex common language runtime (CLR) assembly can cause some of the other commands that are executed in parallel to time out.</t>
  </si>
  <si>
    <t>Adds two new trace flags (TF) to the automatic plan correction (APC) feature of automatic tuning. TF 12618 introduces a new plan regression detection model that includes multiple consecutive checks. TF 12656 introduces the ability to use a time-based plan regression check that will occur five minutes after a plan change is discovered, which avoids biasing the regression checks by queries that execute quickly.</t>
  </si>
  <si>
    <t>Fixes an issue where parameter sensitive plan (PSP) optimization produces a dispatcher expression but fails to create a query variant when an application attempts to use the SET FMTONLY ON T-SQL statement to return only metadata.</t>
  </si>
  <si>
    <t>Fixes an issue where parameter sensitive plan (PSP) optimization can't successfully remove a query from the in-memory portion of the Query Store when PSP optimization has Query Store integration enabled.</t>
  </si>
  <si>
    <t>Fixes an access violation when parameter sensitive plan (PSP) optimization has Query Store integration enabled under certain conditions when query variants and dispatcher plans are being flushed from the in-memory portion of the Query Store data to disk.</t>
  </si>
  <si>
    <t>Fixes an access violation when parameter sensitive plan (PSP) optimization has Query Store integration enabled when an inconsistent state exists within the PSP-related Query Store. An improvement has also been made to the sp_query_store_consistency_check stored procedure, which will fix query variant and dispatch plan consistency issues.</t>
  </si>
  <si>
    <t>Fixes an issue when parameter sensitive plan (PSP) optimization has Query Store integration enabled when a dispatcher plan is removed from the Query Store.</t>
  </si>
  <si>
    <t>Fixes an issue where incorrect results are returned when you use the LAG or LEAD window functions while using the IGNORE NULLS clause.</t>
  </si>
  <si>
    <t>Fixes an issue where the KILL STATS JOB process leaks reference counts on some items when multiple asynchronous statistics jobs are running, which causes those items to remain in the queue (visible via sys.dm_exec_background_job_queue) until the SQL Server instance is restarted.</t>
  </si>
  <si>
    <t>Fixes incorrect results for queries that filter on ROW_NUMBER and involve nullable columns.</t>
  </si>
  <si>
    <t>Fixes the following errors and access violations that are caused by an incorrect plan in the case of multiple occurrences of the same scalar subquery: Msg 596, Level 21, State 1, Line &lt;LineNumber&gt; Cannot continue the execution because the session is in the kill state. Msg 0, Level 20, State 0, Line &lt;LineNumber&gt; A severe error occurred on the current command. The results, if any, should be discarded.</t>
  </si>
  <si>
    <t>Fixes a memory leak issue in the Cardinality Estimation (CE) feedback when an OOM (Out of Memory) error occurs in a constructor function.</t>
  </si>
  <si>
    <t>Fixes an issue that prevents you from dropping table groups on a database that has Azure Synapse Link enabled and the collation is set to Latin1_General_BIN2.</t>
  </si>
  <si>
    <t>Fixes an issue where error 22836 occurs when you add the change data capture (CDC) job again after deleting CDC capture and removing a job in SQL Server Agent.</t>
  </si>
  <si>
    <t>https://learn.microsoft.com/troubleshoot/sql/releases/sqlserver-2022/errors-apply-cu-contained-availability-group</t>
  </si>
  <si>
    <t>FIX: Errors occur after you apply a cumulative update to an instance of SQL Server that has a contained availability group</t>
  </si>
  <si>
    <t>Fixes an issue where the SQL Server service on Linux exits with an unsuccessful code when you request to stop it.</t>
  </si>
  <si>
    <t>Fixes an issue where the change tracking auto cleanup process generates dumps under rare conditions when the parent table name that the system tries to access isn't available during runtime, and then the process runs into an access violation.</t>
  </si>
  <si>
    <t>Adds a new feature that helps parallelize the version cleaner, which will help clean up the stale versions faster on databases that have the persistent version store.</t>
  </si>
  <si>
    <t>Fixes a failure in SQL Server Analysis Services (SSAS) that you encounter after you rename partitions to the same name in a multidimensional model.</t>
  </si>
  <si>
    <t>Updates the error message that's returned in the SqlBackendNotSupported exception when you run CREATE EXTERNAL TABLE by using a Synapse serverless external data source to the following one: Azure Synapse Serverless SQL Pool is not a supported data source.</t>
  </si>
  <si>
    <t>Fixes a failure where the DateTime field can't be pushed down to some PolyBase generic ODBC external data sources such as Denodo when you query an external table by using a filter clause for a DateTime field.</t>
  </si>
  <si>
    <t>Fixes a memory leak issue that you encounter when configuring SQL Server log shipping that's in standby or read-only mode for an In-memory OLTP database. Note: You need to turn on trace flag 9953 during startup to avoid the issue.</t>
  </si>
  <si>
    <t>Fixes security vulnerabilities CVE-2015-6420 and CVE-2017-15708.</t>
  </si>
  <si>
    <t>Integration Services</t>
  </si>
  <si>
    <t>Fixes an issue where the mssql-conf commands give incorrect errors even if they succeed on Linux.</t>
  </si>
  <si>
    <t>Fixes an issue where the sqlcmd utility doesn't honor the sqlcmd command ":!!" when you run operating system (OS) commands. For more information, see sqlcmd commands.</t>
  </si>
  <si>
    <t>Fixes an issue where the full cleanup failure in the first side table and partial cleanup failure in others can cause incorrect syscommittab table cleanup in change tracking auto cleanup. This issue can leave orphaned records in the side tables.</t>
  </si>
  <si>
    <t>Fixes an issue where the DataAccess property for the linked server is reset to False when you execute the sp_addsubscription stored procedure or create a subscription through the New Subscription Wizard on server A after: 1. You have a linked server on server A for server B and have used the linked server for data access. 2. You configure server A as the Publisher and server B as the Subscriber and create transactional replication.</t>
  </si>
  <si>
    <t>Fixes an issue where interleaved execution for multi-statement table-valued functions (MSTVFs) uses the OPTIMIZE FOR query hint value and returns an incorrect result on the first execution when the runtime constant value is different from the OPTIMIZE FOR query hint value. After you apply this fix, the interleaved execution will check the OPTIMIZE FOR query hint in all cases to avoid using the OPTIMIZE FOR query hint value on the first execution.</t>
  </si>
  <si>
    <t>Fixes a memory issue when a recursive graph query is aborted during execution.</t>
  </si>
  <si>
    <t>Fixes the incorrect primary key column indexing issue during the schema export phase of Azure Synapse Link replication. This issue occurs when you drop one or more columns that are in front of the primary key column of a table and then enable Azure Synapse Link replication for the table.</t>
  </si>
  <si>
    <t>https://learn.microsoft.com/troubleshoot/sql/releases/sqlserver-2022/error-set-sql-server-agent-job-history-log</t>
  </si>
  <si>
    <t>FIX: Error may occur when setting the SQL Server Agent job history log (KB5024352)</t>
  </si>
  <si>
    <t>Fixes an issue that's caused by automatic parameterization of queries where interleaved execution of multi-statement table-valued functions (MSTVFs) may return incorrect results or cause a deadlock on the first execution.</t>
  </si>
  <si>
    <t>Starting in SQL Server 2022 CU2, CREATE EXTERNAL DATA SOURCE supports the use of TNS files when connecting to Oracle by using the CONNECTION_OPTIONS parameter.</t>
  </si>
  <si>
    <t>Before the fix, you can still enable transactional replication or change data capture (CDC) and delayed durability on a database at the same time, even if transactional replication or CDC and delayed durability aren't compatible. This fix explicitly prevents you from enabling transactional replication or CDC and delayed durability on a database at the same time by returning the following error 22891 or 22892: 22891: Could not enable '&lt;FeatureName&gt;' for database '&lt;DatabaseName&gt;'. '&lt;FeatureName&gt;' cannot be enabled on a DB with delayed durability set. 22892: Could not enable delayed durability on DB. Delayed durability cannot be enabled on a DB while '&lt;FeatureName&gt;' is enabled. For more information, see Delayed durability and other SQL Server features.</t>
  </si>
  <si>
    <t>https://support.microsoft.com/kb/5017009</t>
  </si>
  <si>
    <t>FIX: sp_replmonitorsubscriptionpendingcmds returns incorrect pending commands for P2P replication (KB5017009)</t>
  </si>
  <si>
    <t>Fixes error 35221 that occurs in the following scenarios: - You attempt to add a file to a FILESTREAM filegroup or a memory-optimized filegroup. - You attempt to add additional transaction log files to a database. Error message: Msg 35221, Level 16, State 1, Line &lt;LineNumber&gt; Could not process the operation. Always On Availability Groups replica manager is disabled on this instance of SQL Server. Enable Always On Availability Groups, by using the SQL Server Configuration Manager. Then, restart the SQL Server service, and retry the currently operation. For information about how to enable and disable Always On Availability Groups, see SQL Server Books Online.</t>
  </si>
  <si>
    <t>Fixes a self-deadlock issue where internal update statistic transactions persist locks, which can cause unresolved deadlocks with user queries. The issue occurs because the lock isn't released when the system runs the update query statistics. After you apply this fix, the lock can be released as intended.</t>
  </si>
  <si>
    <t>Fixes an access violation exception that occurs on the primary replica when the secondary replica sends cursor plans to the primary replica for storage in Query Store (QDS).</t>
  </si>
  <si>
    <t>Updates Microsoft.Data.SqlClient assemblies used by the mashup engine to address security vulnerability discussed in CVE-2022-41064.</t>
  </si>
  <si>
    <t>This fix is a safeguard for issues that can cause unavailability due to memory capacity in some rare queries (nested queries performing table scans). Before issuing these queries, it tries to make sure sufficient space is available and avoids causing any further capacity issues.</t>
  </si>
  <si>
    <t>Fixes an issue with differential backup skipping new Page Free Space (PFS) pages after a data file grows around a PFS boundary (a multiple of 8,088 pages; 64,704 KB), resulting in database corruption and a possible crash dump when this differential backup is restored.</t>
  </si>
  <si>
    <t>Enhances the encryption algorithm that's used to encrypt data sources and connection strings in SQL Server Analysis Services (SSAS) models. For more information, see Upgrade encryption.</t>
  </si>
  <si>
    <t>Fixes an assertion failure that occurs in natively compiled modules when the Inner FOR JSON operator is followed by an operator that buffers the corresponding objects, such as another FOR JSON or ORDER BY operator. Additionally, you may see the following assert expression: Location: memilb.cpp:&lt;LineNumber&gt; Expression: (*ppilb)-&gt;m_cRef == 0 SPID: &lt;SPID&gt; Process ID: &lt;ProcessID&gt;</t>
  </si>
  <si>
    <t>Fixes an assertion failure (Location: execcoll.cpp:1317; Expression: 'savepointId &gt; HkTxSavePointDefault') that occurs during the savepoint cleanup in a Hekaton transaction.</t>
  </si>
  <si>
    <t>Fixes an issue where the Transact-SQL snapshot backup fails with the following errors when a database is suspended in single-user mode: Msg 3081, Level 16, State 9, Line &lt;LineNumber&gt; Database &lt;'DatabaseName'&gt; was previously suspended for snapshot backup. Msg 5069, Level 16, State 1, Line &lt;LineNumber&gt; ALTER DATABASE statement failed.</t>
  </si>
  <si>
    <t>Fixes an access violation and INVALID_POINTER_READ_CPP_EXCEPTION_c0000005_sqldk.dll!ex_oomCheck exceptions triggered by an out-of-memory (OOM) exception when the SQL Server instance is under memory pressure.</t>
  </si>
  <si>
    <t>SQL performance</t>
  </si>
  <si>
    <t>Reverts the length of ROUTINE_DEFINITION column to 4000 in the INFORMATION_SCHEMA.ROUTINES view as the previous change in the length may cause unexpected inconsistencies.</t>
  </si>
  <si>
    <t>Fixes an issue where In-Memory OLTP stored procedures that have streaming table-valued functions (STVFs), expressions, or constraint checks may generate inconsistent query plan hashes.</t>
  </si>
  <si>
    <t>Fixes an issue where the Distribution Agent returns a general message code 20046 instead of the connection failure message code 20084 when it fails to connect to the Subscriber by using the non-cached connection. These errors are specific to the Replication Distribution Agent. Error message: 20046: The process encountered a general external error. 20084: The process could not connect to server.</t>
  </si>
  <si>
    <t>Fixes a failure to raise the proper data type overflow error when a comma-separated values (CSV) file has an integer (int) value larger than the maximum value of int and you run SELECT &lt;integer_column_name&gt; FROM OPENROWSET on this CSV file.</t>
  </si>
  <si>
    <t>Removes a case of multiple inheritance in the RSA encryption code in SQL Server 2022.</t>
  </si>
  <si>
    <t>Fixes a spelling issue in error 33025 (Invalid cryptographic provider property: %S_MSG) when you use the Extensible Key Management (EKM) feature.</t>
  </si>
  <si>
    <t>Fixes the following error that can occur when you load audit logs from SQL Server Management Studio (SSMS): Item has already been added. Key in dictionary: 'MNDO' Key being added: 'MNDO'</t>
  </si>
  <si>
    <t>Before you apply this update, the key name in the JSON_OBJECT function output isn't quoted when the data type is a numeric, Boolean, or internal JSON data type. After you apply this update, keys in JSON_OBJECT are quoted.</t>
  </si>
  <si>
    <t>https://learn.microsoft.com/troubleshoot/sql/releases/sqlserver-2022/database-accessibility-issues-high-volume-customer-workloads</t>
  </si>
  <si>
    <t>FIX: Database accessibility issues with high-volume customer workloads that use EKM for encryption and key generation</t>
  </si>
  <si>
    <t>Improvement: Automatically enables the binary large object (BLOB) trace ring buffer feature when a BLOB assertion failure is detected. This improvement helps to better investigate such issues.</t>
  </si>
  <si>
    <t>Fixes a rare issue where memory corruption in the ODBC driver can occur in communications between two SQL Server instances. This issue occurs when the target SQL Server instance uses a down-level version of the Tabular Data Stream (TDS) protocol. An improper version check causes image data types to be decoded improperly on the client-side of the connection.</t>
  </si>
  <si>
    <t>Enhancement: Split the FT_IFTS_RWLOCK wait type into more granular wait types for more accurate diagnostics of the problem. For more information about these wait types, see sys.dm_os_wait_stats (Transact-SQL).</t>
  </si>
  <si>
    <t>Adds a new sys.dm_external_provider_certificate_info dynamic management view (DMV), which returns information about the Azure cloud certificates used in SQL Server to set up and maintain an Azure Active Directory (Azure AD) administrator for Azure AD authentication. For more information, see sys.dm_external_provider_certificate_info (Transact-SQL).</t>
  </si>
  <si>
    <t>Fixes error 8992 [Check Catalog Msg 3853, State 1: Attribute (owning_principal_id=&lt;ID&gt;) of row (principal_id=&lt;ID&gt;) in sys.database_principals does not have a matching row (principal_id=&lt;ID&gt;) in sys.database_principals.] generated by DBCC CHECKDB when executed against a database clone of a change data capture (CDC) enabled source database that has system-defined roles owned by CDC users.</t>
  </si>
  <si>
    <t>Resolves a query performance issue that affects change tracking autocleanup and manual cleanup queries. Note You need to turn on trace flags 8286 and 8287, as this forces the cleanup query to use the FORCE ORDER and FORCESEEK hints to speed up the performance.</t>
  </si>
  <si>
    <t>Fixes the following issues with attribute-based policies of Purview - Azure Attribute-based access control (Azure ABAC): - Attributes don't synchronize correctly. - The synchronization process can't move past the table that didn't have attribute synchronization. - On retry, the synchronization process encounters exceptions because it expected the database state to be planning not synchronization.</t>
  </si>
  <si>
    <t>Fixes a DBCC CLONEDATABASE failure when upgrading the source database from an earlier version of SQL Server.</t>
  </si>
  <si>
    <t>Fixes an issue where schema modification (Sch-M) locks are acquired on foreign key tables when altering columns on the primary tables even if the transaction isn't related to the foreign key column. After you apply this fix, SQL Server only acquires schema stability (Sch-S) locks on foreign key tables. For more information, see Schema locks.</t>
  </si>
  <si>
    <t>Fixes a primary key violation error that's caused by a timing issue in change data capture (CDC) in SQL Server 2022. The CDC capture process may try to insert a duplicate start_lsn value in the cdc.lsn_time_mapping table, and you may see an error message that resembles the following one: Violation of PRIMARY KEY constraint 'lsn_time_mapping_clustered_idx'. Cannot insert duplicate key in object 'cdc.lsn_time_mapping'. The duplicate key value is (Value). Note This fix covers all the causes of this error. For the same issue that occurs in SQL Server 2019 that has a previous cumulative update installed, SQL Server 2017, and SQL Server 2016, see the previous fix KB 4521739. However, the previous fix didn't cover all the cases.</t>
  </si>
  <si>
    <t>Fixes error 302 in SQL Server replication. When the Distribution Agent attempts to apply a snapshot generated on a table that has a primary key with the NEWSEQUENTIALID function as a default value, the following error occurs: Msg 302, Severity 16 The newsequentialid() built-in function can only be used in a DEFAULT expression for a column of type 'uniqueidentifier' in a CREATE TABLE or ALTER TABLE statement. It cannot be combined with other operators to form a complex scalar expression.</t>
  </si>
  <si>
    <t>Improvement: The sp_invoke_external_rest_endpoint stored procedure is only supported in Azure SQL Database environments. If you try to use this procedure in on-premises environments, you'll receive a spurious error like the following one: Msg 2812, Level 16, State 99, Procedure sys.sp_invoke_external_rest_endpoint_internal, Line &lt;LineNumber&gt; [Batch Start Line &lt;LineNumber&gt;] Could not find stored procedure 'sp_invoke_external_rest_endpoint_internal'. The fix improves the message to read as follows: "sp_invoke_external_rest_endpoint" is not supported on this edition of SQL Server.</t>
  </si>
  <si>
    <t>Fixes error 241 that occurs while running the Snapshot Agent, and the system date format was changed to a different format than the one used by SQL Server. Error message: Conversion failed when converting date and/or time from character string.</t>
  </si>
  <si>
    <t>Fixes an issue where a memory dump may occur in CMIterStatsDisk::GetNextStatForLeadingColumn caused by some metadata inconsistencies.</t>
  </si>
  <si>
    <t>Fixes an issue where the Azure Active Directory (Azure AD) administrator isn't added to the sysadmin group after you configure Azure AD for SQL Server 2022</t>
  </si>
  <si>
    <t>Updates the error message 37517 used for the Microsoft Purview access policies in SQL Server to the following one: Internal error occurred while obtaining ARC resource information from IMDS endpoint. Substate: '%ls', status: 0x%08x.</t>
  </si>
  <si>
    <t>Fixes an exception that generates a dump file when using Microsoft Purview access policies for SQL Server 2022 and running the sp_external_policy_refresh stored procedure as a non-admin Azure Active Directory (Azure AD) user.</t>
  </si>
  <si>
    <t>Fixes an issue where the temporary linked server created by the Log Reader Agent isn't always properly dropped when the publisher is in an Always On availability group (AG) and there's a failover at the distributor. After you apply this fix, the linked server is properly removed.</t>
  </si>
  <si>
    <t>Fixes an issue where Full-text Search generates memory leaks and high waits in full-text queries.</t>
  </si>
  <si>
    <t>This fix resolves the following issues that can occur when you rename databases: Issue 1: SQL Server crashes when a user who has a non-default schema (for example: CREATE USER &lt;user_name&gt; FOR LOGIN &lt;login_name&gt; WITH DEFAULT_SCHEMA = &lt;schema_name&gt;) executes queries in the following sequence: 1. Executes a query like the following with an implicit name (a schema name that isn't explicitly specified requires SQL Server to determine the same name): SELECT * FROM &lt;database_name&gt;..&lt;table_name&gt; 2. Renames the database. 3. Reruns the implicit query from step 1. Issue 2: Fixes SQL Server error 942 that occurs when you perform the following steps in the same sequence on your SQL Server instance: 1. You query a table in a database (for example: SELECT * FROM DatabaseA.sys.columns). 2. You rename an existing database (for example: ALTER DATABASE DatabaseA MODIFY NAME = DatabaseA_old). 3. You take this renamed database offline (for example: ALTER DATABASE DatabaseA_old SET OFFLINE). 4. You rename another database on the server to have the same name as the database that you renamed in step 2 (for example: ALTER DATABASE DatabaseA_new MODIFY NAME = DatabaseA). 5. Now if you query a table in this database (for example: SELECT * FROM DatabaseA.sys.columns), you'll receive the following 942 error: Msg 942, Level 14, State 4, Line &lt;LineNumber&gt; Database 'DatabaseA_old' cannot be opened because it is offline.</t>
  </si>
  <si>
    <t>This update removes the requirement for the trace flag (TF) 809 for the hybrid buffer pool with direct write feature. After you apply this update, this feature is enabled by default in SQL Server 2022. This update introduces TF 898 to disable the Direct Write behavior of the hybrid buffer pool for troubleshooting or debugging purposes.</t>
  </si>
  <si>
    <t>Fixes error 41842 that's incorrectly shown even when natively compiled stored procedures or in-memory transactions don't insert many records in a single transaction. Here's the error message: Error 41842: Too many rows inserted or updated in this transaction. You can insert or update at most 4,294,967,294 rows in memory-optimized tables in a single transaction.</t>
  </si>
  <si>
    <t>Fixes a high CPU usage condition that occurs when you enable change tracking on a large number of tables and do automatic or manual cleanup of the change tracking tables.</t>
  </si>
  <si>
    <t>Fixes errors 12300 (Computed columns are not supported) and 12301 (Nullable columns in the index key are not supported) when transactional replication is enabled on memory optimized tables with computed columns and the index on nullable columns respectively. After applying this fix, you can enable transactional replication on memory optimized tables with computed columns and the index on nullable columns.</t>
  </si>
  <si>
    <t>Fixes the following error that occurs when you try to start the SQL Server Import and Export Wizard after you install the SQL Server Database Engine: An error occurred which the SQL Server Integration Services Wizard was not prepared to handle. (SQL Server Import and Export Wizard) =================================== Could not load file or assembly 'Microsoft.DataTransformationServices.ScaleHelper, Version=16.0.0.0, Culture=neutral, PublicKeyToken=89845dcd8080cc91' or one of its dependencies. The system cannot find the file specified. (DTSWizard)</t>
  </si>
  <si>
    <t>Fixes error 8657 when running queries that use percentile mode for memory grant feedback.</t>
  </si>
  <si>
    <t>Fixes spelling issues in Database Engine error messages in SQL Server 2022.</t>
  </si>
  <si>
    <t>Fixes "The incoming tabular data stream (TDS) remote procedure call (RPC) protocol stream is incorrect. Parameter 1 (""): Data type 0x00 is unknown" error that occurs when using the strict encryption option in your connection settings. For an example about this scenario, see Invalid TDS Stream errors with Encrypt=Strict when executing Stored Procedures.</t>
  </si>
  <si>
    <t>Consider the following scenario: - You have a transactional replication setup. - You execute the sp_changearticle stored procedure to change the property of an article on the publisher, and data manipulation language (DML) changes occur on the published table. In this scenario, the Log Reader Agent reader thread may generate the following assertion dump when processing the log records: * Location: replrowset.cpp:&lt;LineNumber&gt; * Expression: (LSN)m_curLSN &lt; (LSN)(pSchemas-&gt;schema_lsn_begin) * SPID: &lt;SPID&gt; * Process ID: &lt;ProcessID&gt;</t>
  </si>
  <si>
    <t>After you apply this update, you can audit events (EXTERNAL GOVERNANCE TURNED ON and EXTERNAL GOVERNANCE TURNED OFF) that correspond to external governance enable/disable actions (Microsoft Purview access policies). The correctness of audit records is ensured when evaluating data reader and writer permissions. This update introduces trace flag (TF) 12481 to disable logging auditing information for external permissions in the external_policy_permission_checked field of audit records.</t>
  </si>
  <si>
    <t>Fixes a gradual memory leak in the SQL Server process (the high usage under MEMORYCLERK_SOSNODE) caused by the Log Reader Agent in transactional replication.</t>
  </si>
  <si>
    <t>Fixes an issue where Database Mail fails to send email messages and logs the following error message in the SQL Server error log, when used in a contained availability group (AG): The activated proc '[dbo].[sp_sysmail_activate]' running on queue '&lt;DatabaseName&gt;_msdb.dbo.ExternalMailQueue' output the following: 'Cannot find the object 'ExternalMailQueue' because it does not exist or you do not have permissions.'</t>
  </si>
  <si>
    <t>Database Mail</t>
  </si>
  <si>
    <t>Fixes an issue where the read query on a readable secondary replica may be aborted or return unexpected results if the query uses a heap and forwarding records are present in the heap.</t>
  </si>
  <si>
    <t>Fixes the following error that occurs when running the change data capture (CDC) Control task fails: Could not load file or assembly 'Microsoft.SqlServer.DtsMsg, Version=16.100.0.0,Culture=neutral, PublicKeyToken=89845dcd8080cc91' or one of its dependencies. The located assembly's manifest definition does not match the assembly reference.(Exception from HRESULT: 0x80131040)</t>
  </si>
  <si>
    <t>Fixes potential memory access violations and incorrect results when executing specific Data Analysis Expressions (DAX) queries that trigger the internal Horizontal Fusion query optimization. Note Before you apply the cumulative update, you can disable the feature by setting the DAX\HorizontalFusion configuration option to 0 as a workaround.</t>
  </si>
  <si>
    <t>Fixes an exception that occurs when JSON_ARRAY/JSON_OBJECT return values are used in a parameter in functions that take strings. After you apply this fix, return values of JSON_ARRAY and JSON_OBJECT are made coercible and can be used as string parameters.</t>
  </si>
  <si>
    <t>Fixes an issue where any member who has the DQS KB Operator (dqs_kb_operator) role or a higher privilege level role can create or overwrite arbitrary files on the machine hosting SQL Server as the account that runs the SQL Server service (the default account is NT SERVICE\MSSQLSERVER).</t>
  </si>
  <si>
    <t>Data Quality Services</t>
  </si>
  <si>
    <t>Data Quality Services (DQS)</t>
  </si>
  <si>
    <t>Fixes index inconsistency or incorrect results that may occur in the following scenario: 1. You enable accelerated database recovery (ADR) and snapshot isolation. 2. You roll back to a savepoint. 3. You update on top of aborted rows and the version cleanup lags behind this update.</t>
  </si>
  <si>
    <t>Fixes an issue where an authenticated attacker could affect SQL Server memory when executing a specially crafted CREATE STATISTICS or UPDATE STATISTICS statement.</t>
  </si>
  <si>
    <t>After you apply this update, you need at least the control server permission to run the procedure sys.sp_xtp_force_gc. This update changes the implementation of the procedure to a single call for allocated and used bytes to be freed. Before you apply this update, you need to call it twice. For more information, see Gradual increase in XTP memory consumption.</t>
  </si>
  <si>
    <t>Adds the queries and category of the Microsoft Customer Experience Improvement Program (CEIP) telemetry to SQL Server 2022.</t>
  </si>
  <si>
    <t>An authenticated attacker could affect SQL Server memory when running a specially crafted CREATE or UPDATE STATISTICS statement.</t>
  </si>
  <si>
    <t>All</t>
  </si>
  <si>
    <t>Any member who has the DQS KB Operator (dqs_kb_operator) role or a higher privilege-level role can run codes on the computer that's hosting SQL Server as the account that's running the SQL Server service (default account is NT SERVICE\MSSQLSERVER).</t>
  </si>
  <si>
    <t>Error when running remote procedure call (RPC) over strict connections.</t>
  </si>
  <si>
    <t>In rare circumstances, a memory corruption in the ODBC driver can occur in communications between two SQL Server-based servers. This issue occurs if the target SQL server uses a down-level version of the Tabular Data Stream (TDS) protocol. An improper version check causes image data types to be decoded incorrectly on the client-side of the connection.</t>
  </si>
  <si>
    <t>Any member who has the DQS KB Operator (dqs_kb_operator) role or a higher privilege-level role can create or overwrite arbitrary files on the computer that's hosting SQL Server as the account that's running the SQL Server service (default account is NT SERVICE\MSSQLSERVER).</t>
  </si>
  <si>
    <t>Updates Microsoft.Data.SqlClient assemblies used by the mashup engine to address security vulnerability discussed in CVE-2022-41064.</t>
  </si>
  <si>
    <t>15.0.4385.2</t>
  </si>
  <si>
    <t>https://learn.microsoft.com/troubleshoot/sql/releases/sqlserver-2019/cumulativeupdate28</t>
  </si>
  <si>
    <t>CU28</t>
  </si>
  <si>
    <t>15.0.4382.1</t>
  </si>
  <si>
    <t>https://support.microsoft.com/kb/5040948</t>
  </si>
  <si>
    <t>CU27 + GDR</t>
  </si>
  <si>
    <t>15.0.2116.2</t>
  </si>
  <si>
    <t>https://support.microsoft.com/kb/5040986</t>
  </si>
  <si>
    <t>15.0.4375.4</t>
  </si>
  <si>
    <t>https://learn.microsoft.com/troubleshoot/sql/releases/sqlserver-2019/cumulativeupdate27</t>
  </si>
  <si>
    <t>CU27</t>
  </si>
  <si>
    <t>15.0.4365.2</t>
  </si>
  <si>
    <t>https://learn.microsoft.com/troubleshoot/sql/releases/sqlserver-2019/cumulativeupdate26</t>
  </si>
  <si>
    <t>CU26</t>
  </si>
  <si>
    <t>15.0.4360.2</t>
  </si>
  <si>
    <t>https://support.microsoft.com/kb/5036335</t>
  </si>
  <si>
    <t>CU25 + GDR</t>
  </si>
  <si>
    <t>15.0.2110.4</t>
  </si>
  <si>
    <t>https://support.microsoft.com/kb/5035434</t>
  </si>
  <si>
    <t>15.0.4355.3</t>
  </si>
  <si>
    <t>https://learn.microsoft.com/troubleshoot/sql/releases/sqlserver-2019/cumulativeupdate25</t>
  </si>
  <si>
    <t>CU25</t>
  </si>
  <si>
    <t>15.0.4345.5</t>
  </si>
  <si>
    <t>https://learn.microsoft.com/troubleshoot/sql/releases/sqlserver-2019/cumulativeupdate24</t>
  </si>
  <si>
    <t>CU24</t>
  </si>
  <si>
    <t>15.0.4335.1</t>
  </si>
  <si>
    <t>https://learn.microsoft.com/troubleshoot/sql/releases/sqlserver-2019/cumulativeupdate23</t>
  </si>
  <si>
    <t>CU23</t>
  </si>
  <si>
    <t>15.0.4326.1</t>
  </si>
  <si>
    <t>https://support.microsoft.com/kb/5029378</t>
  </si>
  <si>
    <t>CU22 + GDR</t>
  </si>
  <si>
    <t>15.0.2104.1</t>
  </si>
  <si>
    <t>https://support.microsoft.com/kb/5029377</t>
  </si>
  <si>
    <t>15.0.4322.2</t>
  </si>
  <si>
    <t>https://learn.microsoft.com/troubleshoot/sql/releases/sqlserver-2019/cumulativeupdate22</t>
  </si>
  <si>
    <t>CU22</t>
  </si>
  <si>
    <t>15.0.4316.3</t>
  </si>
  <si>
    <t>https://learn.microsoft.com/troubleshoot/sql/releases/sqlserver-2019/cumulativeupdate21</t>
  </si>
  <si>
    <t>CU21</t>
  </si>
  <si>
    <t>15.0.4312.2</t>
  </si>
  <si>
    <t>CU20</t>
  </si>
  <si>
    <t>15.0.4298.1</t>
  </si>
  <si>
    <t>CU19</t>
  </si>
  <si>
    <t>15.0.4280.7</t>
  </si>
  <si>
    <t>CU18 + GDR</t>
  </si>
  <si>
    <t>15.0.2101.7</t>
  </si>
  <si>
    <t>15.0.4261.1</t>
  </si>
  <si>
    <t>CU18</t>
  </si>
  <si>
    <t>15.0.4249.2</t>
  </si>
  <si>
    <t>CU17</t>
  </si>
  <si>
    <t>15.0.4236.7</t>
  </si>
  <si>
    <t>CU16 + GDR</t>
  </si>
  <si>
    <t>15.0.2095.3</t>
  </si>
  <si>
    <t>15.0.4223.1</t>
  </si>
  <si>
    <t>CU16</t>
  </si>
  <si>
    <t>15.0.4198.2</t>
  </si>
  <si>
    <t>CU15</t>
  </si>
  <si>
    <t>15.0.4188.2</t>
  </si>
  <si>
    <t>15.0.4178.1</t>
  </si>
  <si>
    <t>15.0.4153.1</t>
  </si>
  <si>
    <t>15.0.4138.2</t>
  </si>
  <si>
    <t>15.0.4123.1</t>
  </si>
  <si>
    <t>15.0.4102.2</t>
  </si>
  <si>
    <t>15.0.4083.2</t>
  </si>
  <si>
    <t>15.0.2080.9</t>
  </si>
  <si>
    <t>15.0.4073.23</t>
  </si>
  <si>
    <t>15.0.4063.15</t>
  </si>
  <si>
    <t>15.0.4053.23</t>
  </si>
  <si>
    <t>15.0.4043.16</t>
  </si>
  <si>
    <t>15.0.4033.1</t>
  </si>
  <si>
    <t>15.0.4023.6</t>
  </si>
  <si>
    <t>15.0.4013.40</t>
  </si>
  <si>
    <t>15.0.4003.23</t>
  </si>
  <si>
    <t>15.0.2070.41</t>
  </si>
  <si>
    <t>15.0.2000.5</t>
  </si>
  <si>
    <t>VSTS_ID</t>
  </si>
  <si>
    <t>Fixes an out of memory issue that you encounter when running a stored procedure on a remote SQL Server instance by using a linked server.</t>
  </si>
  <si>
    <t>Starting with SQL Server 2019 (15.x) CU 28, container images include the new mssql-tools18 package. The previous directory /opt/mssql-tools/bin is phased out. The new directory for Microsoft ODBC 18 tools is /opt/mssql-tools18/bin, aligning with the latest tools offering. For more information about changes and security enhancements, see ODBC Driver 18.0 for SQL Server Released.</t>
  </si>
  <si>
    <t>Fixes an issue in which PolyBase throws the following error at service startup if the SQL Server instance is configured to listen on multiple TCP ports: System.ArgumentException: Unable to parse port, instance = '&lt;InstanceName&gt;', text = '&lt;Text&gt;'</t>
  </si>
  <si>
    <t>Digitally signs the Intel Threading Building Blocks (Intel TBB) assemblies by using a Microsoft certificate.</t>
  </si>
  <si>
    <t>Increases the threshold of the following log message when high I/O latencies are detected in Bufferpool Lazy Writer (ntdll!ZwWriteFile system call) due to a performance issue in the underlying storage: WARNING Long asynchronous API Call: The scheduling fairness of scheduler can be impacted by an asynchronous API invocation unexpectedly exceeding xxx ms. The SQL Server error log might be filled by excessive logging of the log message.</t>
  </si>
  <si>
    <t>Fixes a non-yielding scheduler dump issue that you might encounter when forcing a query plan in the Query Store (QDS).</t>
  </si>
  <si>
    <t>Fixes an issue in which error 18752 occurs and transactional replication stops working when you use a heavy workload in combination with availability groups and after a failover occurs. Error message: Only one Log Reader Agent or log-related procedure (sp_repldone, sp_replcmds, and sp_replshowcmds) can connect to a database at a time. If you executed a log-related procedure, drop the connection with session ID &lt;SessionID&gt; over which the procedure was executed or execute sp_replflush over that connection before starting the Log Reader Agent or executing another log-related procedure.</t>
  </si>
  <si>
    <t>Fixes the following error 21890 that you encounter when you use the case-sensitive collation and run sp_validate_redirected_publisher: The SQL Server instance '&lt;InstanceName&gt;' with distributor '&lt;DistributorName&gt;' and distribution database '&lt;DatabaseName&gt;' cannot be used with publisher database '&lt;DatabaseName&gt;'. Reconfigure the publisher to make use of distributor '&lt;DistributorName&gt;' and distribution database '&lt;DatabaseName&gt;'.</t>
  </si>
  <si>
    <t>Fixes a dump issue that you might encounter in sqlmin.dll!ParallelRedoManager::ReleaseDelayedTran.</t>
  </si>
  <si>
    <t>Fixes an issue that can cause the "Network path not found" error when you use a domain account on a non-domain controller machine.</t>
  </si>
  <si>
    <t>Fixes the following error 1204 that you encounter when lock escalation doesn't occur if you apply the fix of Bug 2830668: SQL Server Database Engine cannot obtain a LOCK resource at this time.</t>
  </si>
  <si>
    <t>Fixes an access violation caused by a race between a database and a parallel redo shutdown.</t>
  </si>
  <si>
    <t>Fixes the following SQL Server assertion failure: Error: 17065, Severity: 16, State: 1. Server Assertion: File: &lt;FileName&gt;, line = &lt;LineNumber&gt; Failed Assertion = 'false' Invalid comparison due to NO COLLATION.</t>
  </si>
  <si>
    <t>Limits the extra number of user tokens created by sys.sysprocesses or sys.dm_exec_requests by using trace flag 4673.</t>
  </si>
  <si>
    <t>FIX: "9003 error, sev 20, state 1" error when a backup operation fails on a secondary replica that is running in asynchronous-commit mode</t>
  </si>
  <si>
    <t>Fixes an issue in which the sp_helpsubscription stored procedure doesn't return any results after an in-place upgrade of the Publisher instance to SQL Server 2019, which causes you to fail to reinitialize the subscription with the following error message: The Subscription does not exist.</t>
  </si>
  <si>
    <t>Fixes an issue that you encounter in sys.dm_hadr_database_replica_cluster_states for read-scale availability groups after you install SQL Server 2019 CU24 or later versions, which causes the Availability Databases folder in SQL Server Management Studio (SSMS) not to show the databases in the availability group (AG).</t>
  </si>
  <si>
    <t>Adds additional telemetry to the security caches to improve the debuggability.</t>
  </si>
  <si>
    <t xml:space="preserve">Fixes an issue in which an INSERT (or any Data Manipulation Language (DML)) statement is blocked if you run the statement before a clustered columnstore index (CCI) online rebuild or drop and then run the statement during the online rebuild or drop if the statement is still in the procedure cache. </t>
  </si>
  <si>
    <t xml:space="preserve">Improves Data Definition Language (DDL) performance to create a large number of tables and partitions when the number of databases on a SQL Server instance exceeds 100. </t>
  </si>
  <si>
    <t>Enables IO error mode history in retail builds by using trace flag 3139 to allow the investigation of the assertion failure (Location: readEncoded.cpp:2988; Expression: m_pDecodeSplitInput-&gt;GetAvailableFreeSize () &gt;= lengthInNext) that may occur while restoring transaction log backups.​</t>
  </si>
  <si>
    <t xml:space="preserve">Fixes an issue that you encounter when selecting other non-entity nodes after selecting an entity node in Master Data Services models. </t>
  </si>
  <si>
    <t xml:space="preserve">Fixes an issue in which the Snapshot Agent incorrectly generates the script of the XXX_msrepl_ccs stored procedure if @sync_method is concurrent, and replication stored procedures are specified under a custom schema. </t>
  </si>
  <si>
    <t xml:space="preserve">An attacker can send a malformed TDS (Tabular Data Stream) packet that causes a login failure, unavailability, or other undefined behavior. </t>
  </si>
  <si>
    <t xml:space="preserve">Fixes an issue in which SQL Server continues to generate new dump files when the dump file size is larger than 2 gigabytes (GB). </t>
  </si>
  <si>
    <t>Fixes inconsistent results that you encounter when you use Read Committed Snapshot Isolation (RCSI) and the full-text index doesn't pick up the updated data in an incremental crawl.</t>
  </si>
  <si>
    <t>Starting in SQL Server 2019 CU23, Azul Java is no longer available, and the Microsoft Build of OpenJDK 11 is provided instead.</t>
  </si>
  <si>
    <t xml:space="preserve">Fixes an issue in which you search for a specific node and then fail to expand the node on the hierarchy page. </t>
  </si>
  <si>
    <t>Increases the threshold for the number of OR clauses that can be converted to Index Union plans.</t>
  </si>
  <si>
    <t>Fixes an issue caused by a change introduced in SQL Server 2019 CU20 for the Managed Instance link feature. For more information, see Issue three.</t>
  </si>
  <si>
    <t>Enables trace flag 9135 (TRCFLG_QP_DONT_USE_INDEXED_VIEWS) in retail builds to allow the EXPAND VIEWS behavior without the per-query hint.</t>
  </si>
  <si>
    <t>Fixes a latch time-out issue that you might encounter in the ghost cleanup process or version cleaner when there's a long chain of Index Allocation Map (IAM) pages for a table.</t>
  </si>
  <si>
    <t>Fixes a stack overflow in HaDrUndoMgr::InitSystemPages that's caused by a loop getting all the Page Free Space (PFS) pages from the primary availability group.</t>
  </si>
  <si>
    <t>Fixes an issue in which a pointer is outside the empty result buffer when the output of CONCAT_WS is empty. This fix adds a check for the empty result before doing the pointer arithmetic.</t>
  </si>
  <si>
    <t>Fixes an issue where external data sources that use the generic ODBC connector may not work after you install SQL Server 2019 CU19 or later versions. You may encounter the following scenarios: 1. When you try to query an external table that was created before you install this fix on a generic ODBC data source, and the CONNECTION_OPTIONS argument uses a DSN parameter without the Driver keyword, you receive the following error message: Msg 7320, Level 16, State 110, Line &lt;LineNumber&gt; Cannot execute the query "Remote Query" against OLE DB provider "MSOLEDBSQL" for linked server "(null)". Object reference not set to an instance of an object. 2. If you try to create a new external table, you receive the following error message: Msg 110813, Level 16, State 1, Line &lt;LineNumber&gt; Object reference not set to an instance of an object. Note: Before you apply this fix, you can uninstall SQL Server 2019 CU19 or later versions, or add the Driver keyword to the CONNECTION_OPTIONS argument as a workaround. For more information, see Generic ODBC external data sources may not work after installing Cumulative Update.</t>
  </si>
  <si>
    <t>Polybase</t>
  </si>
  <si>
    <t>Fixes an issue that can cause the query execution to encounter an access violation error when the query has an aggregate function or a GROUP BY clause against a columnstore table that contains data in uncompressed row groups, and the cleanup may sometimes not complete correctly. Note: Before you apply this cumulative update, you can rebuild the columnstore index to move all data into compressed row groups as a workaround.</t>
  </si>
  <si>
    <t>Fixes an assertion failure (Location: tmpilb.cpp:3540; Expression: RTL_ASSERTSZ(fFalse, "Attempt to access expired blob handle (1)")) and the following errors that you encounter when you run a common language runtime (CLR) stored procedure twice: Msg 3624, Level 20, State 1, Procedure &lt;ProcedureName&gt;, Line &lt;LineNumber&gt; [Batch Start Line &lt;LineNumber&gt;] A system assertion check has failed. Check the SQL Server error log for details. Typically, an assertion failure is caused by a software bug or data corruption. To check for database corruption, consider running DBCC CHECKDB. If you agreed to send dumps to Microsoft during setup, a mini dump will be sent to Microsoft. An update might be available from Microsoft in the latest Service Pack or in a Hotfix from Technical Support. Msg 596, Level 21, State 1, Line &lt;LineNumber&gt; Cannot continue the execution because the session is in the kill state. Msg 0, Level 20, State 0, Line &lt;LineNumber&gt; A severe error occurred on the current command.  The results, if any, should be discarded.</t>
  </si>
  <si>
    <t>Fixes the following errors and access violations that are caused by an incorrect plan in the case of multiple occurrences of the same scalar subquery: Msg 596, Level 21, State 1, Line &lt;LineNumber&gt; Cannot continue the execution because the session is in the kill state. Msg 0, Level 20, State 0, Line &lt;LineNumber&gt; A severe error occurred on the current command.  The results, if any, should be discarded.</t>
  </si>
  <si>
    <t>Improves the cardinality estimation (CE) for "AND" conjunctions that are composed of point predicates when the predicates have a multi-column statistic covering them, and the predicate values are outside the histogram bounds.</t>
  </si>
  <si>
    <t>Fixes an issue where applying an update on a secondary replica or performing an in-place upgrade fails when the distribution database is in an availability group. The following error is returned: Error: There was an error executing the Replication upgrade scripts. See the SQL Server error log for details. You can see the following error details in the SQL Server error log: Executing sp_vupgrade_replication. Could not open distribution database distribution because it is offline or being recovered. Replication settings and system objects could not be upgraded. Be sure this database is available and run sp_vupgrade_replication again.</t>
  </si>
  <si>
    <t>Fixes a manual cleanup issue where the repeated lock escalations on the tables cause contention and slowness in cleaning up the expired change tracking metadata. Note: You need to turn on trace flag 8284.</t>
  </si>
  <si>
    <t>SOS_BLOCKALLOCPARTIALLIST spinlock contention and elevated CPU utilization occur on large-memory machines. DBCC DROPCLEANBUFFERS provides temporary mitigation for this issue when encountered. This occurs when multiple threads concurrently attempt to gain access to a spinlock-protected list used by the SQL operating system for memory management purposes. The following trace flags are required to enable the fix: - TF 8142 partitions list by count of CPU, up to 64 partitions - TF 8145 modifies the partitioning to be count of soft-NUMA nodes These trace flags must be applied as startup parameters to take effect. If SOS_BLOCKALLOCPARTIALLIST spinlock contention is encountered and DBCC DROPCLEANBUFFERS provides temporary mitigation, it's recommended to apply this fix first with both trace flags, and remove Trace Flag 8145 only if symptoms persist.</t>
  </si>
  <si>
    <t>Fixes an issue that can cause corruption of the internal data structure that the Analysis Services engine uses to manage memory.</t>
  </si>
  <si>
    <t>Produces consistent results for statements that perform multiple updates to a variable when the query optimization hotfixes are enabled, such as SELECT @sum = @sum + c FROM t.</t>
  </si>
  <si>
    <t>Updates the error message that is returned in the SqlBackendNotSupported exception when you run CREATE EXTERNAL TABLE by using a Synapse serverless external data source to the following one: Azure Synapse Serverless SQL Pool is not a supported data source.</t>
  </si>
  <si>
    <t>Fixes an assertion failure (Location: bpctxt.cpp:129; Expression: 'm_cCreated &lt; m_cMaxBatches') that you encounter when running window queries that have aggregate functions in batch mode.</t>
  </si>
  <si>
    <t>Fixes an issue where the cardinality estimation (CE) uniformly increases after each LEFT JOIN or RIGHT JOIN combines, which causes overestimation. This fix adds a limitation to the CE when the join predicates are the primary keys of the tables that are involved. Note: Trace flag 9440 will turn off the functionality provided by this fix for databases with a compatibility level of 160 and earlier.</t>
  </si>
  <si>
    <t>Fixes an assertion failure (Location: purecall.cpp:51; Expression: !"purecall") that you encounter after you cancel a user-defined stored procedure that is still running.</t>
  </si>
  <si>
    <t>Fixes an assertion failure (Location: interop.cpp:125; Expression: 'RTL_ASSERT(nullptr != error) or (nullptr == error)') that you encounter when memory-optimized tempdb metadata is enabled.</t>
  </si>
  <si>
    <t>FIX: Error may occur when setting the SQL Server Agent job history log</t>
  </si>
  <si>
    <t>Adds the NullOnInvalid method for geometry and geography spatial data types to properly handle invalid spatial data. This enables you to have consistent behavior regardless of whether spatial indexes are used in your query plan.</t>
  </si>
  <si>
    <t>Lock escalation policy propagation from a user table that has spatial columns to the internal table of related spatial indexes is enabled, which minimizes the chance of deadlocks in the case of highly concurrent data manipulation language (DML) workloads.</t>
  </si>
  <si>
    <t>Fixes an access violation exception that occurs in sqlmin.dll!sort_persistresumableprogress when you try to run the CREATE INDEX command that uses the RESUMABLE = ON option.</t>
  </si>
  <si>
    <t>The fix stops reporting transient error conditions that @@ERROR previously occurred when running queries by using a plan stored in Query Store (QDS).</t>
  </si>
  <si>
    <t>Fixes spelling issues in Database Engine error messages in SQL Server 2019.</t>
  </si>
  <si>
    <t>Fixes an assertion failure (Location: schemamgr.cpp:1253; Expression: !regularPVSHobt-&gt;m_NeedsRefresh &amp;&amp; !longtermPVSHobt-&gt;m_NeedsRefresh) that may occur when you run sys.dm_tran_persistent_version_store_stats on the secondary replica of an Always On availability group.</t>
  </si>
  <si>
    <t>After you apply this fix, the cluster_nodename returns valid results when you query sys.dm_server_services in SQL Server 2019.</t>
  </si>
  <si>
    <t>Fixes a non-yielding scheduler condition (Msg 17883) that occurs when backup operations can't properly handle abort signals in some cases while waiting for pending I/O writes.</t>
  </si>
  <si>
    <t>Fixes an assertion failure (Location: execcoll.cpp:1305; Expression: 'savepointId &gt; HkTxSavePointDefault') that occurs during the savepoint cleanup in a Hekaton transaction.</t>
  </si>
  <si>
    <t>Fixes an access violation issue that occurs on the secondary replica of an Always On availability group while accessing the empty conversation list. This issue occurs due to a concurrency condition when the system processes the messages like HadrExtendedRecoveryForksMsg or HadrEstablishDB.</t>
  </si>
  <si>
    <t>After you apply this fix, the SQL Server performance counter 'Log File(s) Size (KB)' for the SQLServer:Databases object is correctly updated for secondary replicas in an Always On availability group (AG) when there is a log growth.</t>
  </si>
  <si>
    <t>Fixes a failure of the SQL Server resource DLL (hadrres.dll) to report SQLSTATE when you retrieve the health information from SQL Server and SQLGetData returns SQL_ERROR.</t>
  </si>
  <si>
    <t>Fixes an assertion failure that occurs in natively compiled modules when the Inner FOR JSON operator is followed by an operator that buffers the corresponding objects, such as another FOR JSON or ORDER BY operator. Additionally, you may see the following assert expression: Location:     memilb.cpp:&lt;LineNumber&gt; Expression: (*ppilb)-&gt;m_cRef == 0 SPID:         &lt;SPID&gt; Process ID:    &lt;ProcessID&gt;</t>
  </si>
  <si>
    <t>Performance issues and deadlocks occur on SQL Server Agent in the msdb database that has automated backups. In addition, you see the following error messages in the SQL Server Agent log: &lt;DateTime&gt; SQLServer Error: 1205, Transaction (Process ID) was deadlocked on lock resources with another process and has been chosen as the deadlock victim. Rerun the transaction. &lt;DateTime&gt; Failed to retrieve job &lt;JobID&gt; from the server.</t>
  </si>
  <si>
    <t>Fixes error 692 that occurs when you create a non-clustered index under the following scenario: - A clustered index already exists in the table. - You create a non-clustered index that has the resumable option. - The non-clustered index has an INCLUDE clause that has the key columns from the clustered index but in a different order. Error message: Msg 692, Level 22, State 1, line &lt;LineNumber&gt; Internal error. Buffer provided to write a fixed column value is too large. Run DBCC CHECKDB to check for any corruption. NOTE Specifying the included columns in the same order as in the clustered index or removing them from the INCLUDE clause can prevent the error.</t>
  </si>
  <si>
    <t>Fixes an issue with Change Tracking manual cleanup that caused internal tables to have orphaned records. Previously if the stored procedure experienced a lock timeout on a given table, cleanup wouldn't mark the table for retry and continue cleaning up the next table in the list. After you apply this fix, the table will be marked for retry.</t>
  </si>
  <si>
    <t>Fixes an assertion issue (Location: tabcreat.cpp:16938; Expression: idIS/8 &lt; sizeof(bmIndexId)) that occurs when you run ALTER TABLE ALTER COLUMN on a table that has many indexes and statistics.</t>
  </si>
  <si>
    <t>Fixes an issue where the sqlcmd utility doesn't honor the sqlcmd command ":!!" when you run operating system (OS) commands. For more information, see sqlcmd Commands.</t>
  </si>
  <si>
    <t>Consider the following scenario: - You have a transactional replication setup. - You execute the sp_changearticle stored procedure to change the property of an article on the publisher, and data manipulation language (DML) changes occur on the published table. In this scenario, the Log Reader Agent reader thread may generate the following assertion dump when processing the log records: * Location: replrowset.cpp:LineNumber * Expression: (LSN)m_curLSN &lt; (LSN)(pSchemas-&gt;schema_lsn_begin) * SPID: SPID * Process ID: ProcessID</t>
  </si>
  <si>
    <t>Fixes error 8992 [Check Catalog Msg 3853, State 1: Attribute (owning_principal_id=ID) of row (principal_id=ID) in sys.database_principals does not have a matching row (principal_id=ID) in sys.database_principals.] generated by DBCC CHECKDB when executed against a database clone of a change data capture (CDC) enabled source database that has system-defined roles owned by CDC users.</t>
  </si>
  <si>
    <t>Starting in SQL Server 2019 CU 19, CREATE EXTERNAL DATA SOURCE supports the use of TNS files when connecting to Oracle, by using the CONNECTION_OPTIONS parameter.</t>
  </si>
  <si>
    <t>Fixes a primary key violation error that's caused by a timing issue in change data capture (CDC) in SQL Server 2019. The CDC capture process may try to insert a duplicate start_lsn value in the cdc.lsn_time_mapping table, and you may see an error message that resembles the following one: Violation of PRIMARY KEY constraint 'lsn_time_mapping_clustered_idx'. Cannot insert duplicate key in object 'cdc.lsn_time_mapping'. The duplicate key value is (Value). Note This fix covers all the causes of this error. For the same issue that occurs in SQL Server 2019 that has a previous cumulative update installed, SQL Server 2017, and SQL Server 2016, see the previous fix KB 4521739. However, the previous fix didn't cover all the cases.</t>
  </si>
  <si>
    <t>Fixes a failure to automatically resolve an inter-query deadlock that involves parallel resources. Deadlocks are usually resolved automatically by SQL Server but not for specific conditions before you apply this fix. So if you're collecting xml_deadlock_report Extended Events, you will get continuous outputs for it until you manually kill the problem session.</t>
  </si>
  <si>
    <t>Fixes the following stack overflow error that occurs when deeply nesting APPLY operations: Msg 8621, Level 17, State 1, Line &lt;LineNumber&gt; The query processor ran out of stack space during query optimization. Please simplify the query. Note This fix allows the nesting depth of the APPLY operator to be equal to or better than the functionality in SQL Server 2017.</t>
  </si>
  <si>
    <t>Fixes an issue where an authenticated attacker could affect SQL Server memory when executing a specially crafted CREATE STATISTICS or UPDATE STATISTICS statement.</t>
  </si>
  <si>
    <t>Fixes an Access Violation issue that occurs when removing the database snapshot files on the readable secondary replica of an Always On availability group that has the buffer pool extension enabled.</t>
  </si>
  <si>
    <t>Updates the version of msoledbsql.msi from 18.2.3 to 18.6.5 in SQL Server 2019, which resolves signature issues for custom actions. For more information, see Release notes for the Microsoft OLE DB Driver for SQL Server.</t>
  </si>
  <si>
    <t>This improvement adds Extended Events functionality to enhance the periodic primary replica to secondary replica notification investigation in availability groups for an in-memory database. New events are generated that provide the oldest active transaction and end of log values. This new tracing will help diagnose errors such as the following: &lt;DateTime&gt;    Error: 41316, Severity: 23, State: 7. &lt;DateTime&gt;    Restore operation failed for database 'DatabaseName' with internal error code '0x84000004'.</t>
  </si>
  <si>
    <t>FIX: ParameterRuntimeValue is missing from the Showplan XML when you use the DMV sys.dm_exec_query_statistics_xml</t>
  </si>
  <si>
    <t>FIX: Table-valued function that uses a parameter and the OPTION (OPTIMIZE FOR) clause gives incorrect results on the first run</t>
  </si>
  <si>
    <t>FIX: Error 20598 after adding columns that have default constraints as part of the primary key for an existing table and configuring transactional replication</t>
  </si>
  <si>
    <t>Any member who has the DQS KB Operator (dqs_kb_operator) role or a higher privilege-level role can run codes on the computer that's hosting SQL Server as the account that's running the SQL Server service (default account is NT SERVICE\MSSQLSERVER).</t>
  </si>
  <si>
    <t>Removes log4j component that's used by SQL Server Integration Services (SSIS).</t>
  </si>
  <si>
    <t>In rare circumstances, a memory corruption in the ODBC driver can occur in communications between two SQL Server-based servers. This issue occurs if the target SQL server uses a down-level version of the Tabular Data Stream (TDS) protocol. An improper version check causes image data types to be decoded incorrectly on the client-side of the connection.</t>
  </si>
  <si>
    <t>The Filestream RsFx driver may cause an access violation for IRP_MJ_NETWORK_QUERY_OPEN requests (Windows API GetFileAttributes), which may be triggered by a third-party application like McAfee Application Control on Windows 10.</t>
  </si>
  <si>
    <t>An application that is running at Read Committed Snapshot Isolation (RCSI) may not see data committed by an XA transaction.</t>
  </si>
  <si>
    <t>The filegroup IDs of the files that belong to the clone database can be incorrect if the source database has gaps in the filegroup IDs due to the removal of files or filegroups. When you try to insert data into the table that belongs to the incorrectly generated clone database, you receive an error message that resembles the following message: Msg 622, Level 16, State 3, Line &lt;LineNumber&gt; The filegroup "&lt;FileGroupName&gt;" has no files assigned to it. Tables, indexes, text columns, ntext columns, and image columns cannot be populated on this filegroup until a file is added.</t>
  </si>
  <si>
    <t>Error 9833 "Invalid data for UTF8-encoded characters" can occur in one of the following scenarios: 1. You create a merge publication or merge push subscription on a publication database that has UTF-8 collations. 2. You create a pull subscription to a merge publication, and either the publication database or subscription database has UTF-8 collations.</t>
  </si>
  <si>
    <t>The assertion "Status.Prepared" can occur when you perform a cross-database transaction that involves a memory-optimized table.</t>
  </si>
  <si>
    <t>FIX: Installing SQL Server CUs may experience the IndexOutOfRangeException exception</t>
  </si>
  <si>
    <t>FIX: Access violation may occur when you use the query_post_execution_plan_profile XEvent and reuse the same execution plan</t>
  </si>
  <si>
    <t>The FILESTREAM feature is not enabled after you restart the operating system because of race conditions from multiple instances of SQL Server. In the error log, you can see the following error message: Error: 5591, Severity: 16, State: 5. FILESTREAM feature is disabled.</t>
  </si>
  <si>
    <t>High CPU usage occurs when you enable change tracking on a large number of tables and do automatic or manual cleanup of the change tracking tables.</t>
  </si>
  <si>
    <t>The installation of Microsoft SQL Server 2019 that uses the configuration file ignores the value for the ASCOLLATION parameter and falls back to the system default locale. Note If you don't apply this SQL Server cumulative update, you can use -ASCOLLATION on the command line or UI as a workaround.</t>
  </si>
  <si>
    <t>Servicing Experience</t>
  </si>
  <si>
    <t>SQL Server</t>
  </si>
  <si>
    <t>Access violation dumps are generated sometimes when stored procedures that use the Scalar UDF Inlining feature are used.</t>
  </si>
  <si>
    <t>In Microsoft SQL Server 2019 and 2017, an index creation over a persisted computed column and partition function fails. Additionally, the following error 8624 occurs: Internal Query Processor Error: The query processor could not produce a query plan. For more information, contact Customer Support Services.</t>
  </si>
  <si>
    <t>Executing multiple SQL Server Agent jobs that use proxy accounts at the same time fails due to BCryptDecrypt issues. Additionally, one of the following errors occurs: 1. Unable to start execution of step 1 (reason: Error authenticating proxy &lt;ProxyName&gt;, system error: ConnGetProxyPassword). The step failed. 2. BCryptDecrypt failed (-1073741762) Unable to start execution of step 1 (reason: Error authenticating proxy &lt;ProxyName&gt;, system error: The user name or password is incorrect.). The step failed. Note You may see this issue when the number of logical processors is high (larger than 32), and the concurrency jobs are also very high.</t>
  </si>
  <si>
    <t>You use the sp_changereplicationserverpasswords stored procedure to change the password of the Microsoft SQL Server login used by replication agents. It fails and causes the following error: Msg 208, Level 16, State 1, Procedure &lt;ProcedureName&gt;, Line &lt;LineNumber&gt; [Batch Start Line &lt;LineNumber&gt;] Invalid object name 'MSreplservers'.</t>
  </si>
  <si>
    <t>Managed Backup fails intermittently because of the missing completion signal from the SQL Server Agent that causes backups for databases to stop.</t>
  </si>
  <si>
    <t>The NOLOCK hint still requests the IS Object lock. Thus, unexpected blocking occurs on the string-type column that has the columnstore index.</t>
  </si>
  <si>
    <t>The READ_COMMITTED_SNAPSHOT isolation level still requests the IS Object lock. Thus, unexpected blocking occurs on the string-type column that has the columnstore index.</t>
  </si>
  <si>
    <t>FIX: Changes to a newly added article in a peer-to-peer topology with a custom port doesn't work</t>
  </si>
  <si>
    <t>Transactional replication fails with errors 12300 and 12301 when the replication is enabled on memory optimized tables with computed columns and index on nullable columns respectively.</t>
  </si>
  <si>
    <t>An assertion dump occurs in RaiseInternalError while processing binary large object (BLOB) data.</t>
  </si>
  <si>
    <t>In Microsoft SQL Server 2019, running parameterized queries skips the SelOnSeqPrj rule. Therefore, pushdown does not occur.</t>
  </si>
  <si>
    <t>A memory leak occurs in the range index of in-memory tables after the parallel index scan.</t>
  </si>
  <si>
    <t>The floating-point exception error 3628 occurs when you run a full-text query that contains a FREETEXTTABLE function.</t>
  </si>
  <si>
    <t>Resolves the Denial of Service (DoS) vulnerability for the Newtonsoft library in SQL Server 2019.</t>
  </si>
  <si>
    <t>A memory leak occurs under "Range Index Heap" on the in-memory table that has non-clustered indexes, whenever there are concurrent inserts.</t>
  </si>
  <si>
    <t>Improvement: Enable distributed availability groups on SQL Server Standard editions</t>
  </si>
  <si>
    <t>A system assertion failure occurs and the query is terminated when you try to use a derived table within a MATCH predicate.</t>
  </si>
  <si>
    <t>When you create a peer-to-peer publication by using the last-write-wins conflict resolution policy, and one or few articles in this publication have just 1 column which is the primary key column, running the distribution agent fails and returns the following error message: Incorrect syntax near '$sys_mw_cd_id'.</t>
  </si>
  <si>
    <t>Improvement: Provide the closest matching non-UTF8 collation for the client drivers that don't support UTF-8</t>
  </si>
  <si>
    <t>An access violation occurs when you create a CLR assembly after restoring a database from a snapshot.</t>
  </si>
  <si>
    <t>An access violation occurs when XVBChainTails::UpdateChainTails updates m_pNewVersionChainTailInsert and m_pOldVersionChainTailInsert and these values are not allocated.</t>
  </si>
  <si>
    <t>In Microsoft SQL Server 2019, an index creation script fails and returns error message 8624. Here is the error message: Internal Query Processor Error: The query processor could not produce a query plan. For more information, contact Customer Support Services.</t>
  </si>
  <si>
    <t>The read-only request still goes to the read-write primary node in an Always On availability group when the read-only routing list node goes down.</t>
  </si>
  <si>
    <t>The last-chance exception handling for a Columnstore index occurs after a log-full 9002 error.</t>
  </si>
  <si>
    <t>Incorrect reporting of physical sector size for Linux block devices can cause unexpected "misaligned log IOs" warnings for log shipping and Always On availability groups.</t>
  </si>
  <si>
    <t>An access violation occurs in CSession::DeleteBlobHandleFactoryPool while resetting the SESSION for reuse.</t>
  </si>
  <si>
    <t>A latch time-out occurs and the IOCP listener stalls when Service Broker connects to an endpoint by using database mirroring. Note This fix is available when TF 12323 is enabled.</t>
  </si>
  <si>
    <t>An access violation or an assertion failure occurs when you use the LAST_QUERY_PLAN_STATS feature while running a parallel query.</t>
  </si>
  <si>
    <t>An assertion dump occurs in sqlmin!BOSLockThreadHashTable::AddEntry during a log backup on a secondary replica of an availability group.</t>
  </si>
  <si>
    <t>An instance of SQL Server Express LocalDB fails to start and returns error 9003 after multiple backups on the model database.</t>
  </si>
  <si>
    <t>An access violation occurs when you try to use an aggregate function together with WITHIN GROUP (GRAPH PATH), and the query doesn't have a suitable MATCH clause.</t>
  </si>
  <si>
    <t>An access violation occurs, and the query is terminated when you use sp_cursoropen for SHORTEST_PATH over graph tables.</t>
  </si>
  <si>
    <t>A database may fail to resume synchronization during the failover of an Always On availability group because the session working on the database synchronization or recovery is killed by another session.</t>
  </si>
  <si>
    <t>FIX: sp_replmonitorsubscriptionpendingcmds returns incorrect pending commands for P2P replication</t>
  </si>
  <si>
    <t>Creating edge constraints on graph tables meets an access violation when you use a node table instead of an edge table in the constraint.</t>
  </si>
  <si>
    <t>Adds support for the missing "Implementation" parameter when you use the SharePoint Online Lists.</t>
  </si>
  <si>
    <t>QDS remains stuck in read-only mode if the size-based cleanup index rebuild releases space asynchronously.</t>
  </si>
  <si>
    <t>Traversing long IAM chains may cause a non-yielding scheduler and associated dump.</t>
  </si>
  <si>
    <t>FIX: A subscription is still active after the distribution retention period expires</t>
  </si>
  <si>
    <t>FIX: Access violation dump file occurs during a columnstore index scan</t>
  </si>
  <si>
    <t>This fix resolves the following issues: An online index rebuild may not finish when the database is using the simple recovery model. An assertion failure about the latch owner occurs when you reorganize an index.</t>
  </si>
  <si>
    <t>Error 9003 occurs with the incorrect log sequence number (LSN) when you do a subsequent restore after specifying the LSN at the virtual log file (VLF) boundary by using the RESTORE WITH STANDBY statement. Here is the error message: Msg 3013, Level 16, State 1, Line &lt;LineNumber&gt; RESTORE DATABASE is terminating abnormally. Msg 9003, Level 17, State 11, Line &lt;LineNumber&gt; The log scan number (&lt;LogScanNumber&gt;) passed to log scan in database '&lt;DatabaseName&gt;' is not valid. This error may indicate data corruption or that the log file (.ldf) does not match the data file (.mdf). If this error occurred during replication, re-create the publication. Otherwise, restore from backup if the problem results in a failure during startup.</t>
  </si>
  <si>
    <t>Error 2706 occurs when you run DBCC CHECKDB WITH EXTENDED_LOGICAL_CHECKS against a database by using the Table-Valued Function (TVF) that uses indexes. Here is the error message: Table '%.*ls' does not exist.</t>
  </si>
  <si>
    <t>The dynamic management view (DMV) sys.dm_hadr_availability_replica_cluster_nodes returns the invalid node_name for certain queries after applying SQL Server 2019 Cumulative Update 14 (CU14).</t>
  </si>
  <si>
    <t>The optimizer may fail to produce the plan and throw an error when you enable the Scalar User-Defined Function (UDF) Inlining feature and try to update a partitioned view by using the output of the UDF. Here is the error message: Msg 8624, Level 16, State 21, Line &lt;LineNumber&gt; Internal Query Processor Error: The query processor could not produce a query plan. For more information, contact Customer Support Services.</t>
  </si>
  <si>
    <t>When you use the AZDATA BDC ROTATE command to rotate the password of a SQL Server big data cluster that uses Active Directory, you receive the following error message: Failed to update password for existing AD account '&lt;Account Name&gt;'. Error code: 30</t>
  </si>
  <si>
    <t>SQL Big Data Cluster</t>
  </si>
  <si>
    <t>An error occurs when you execute the internal.cleanup_server_log stored procedure in the SSISDB database. Here is the error message: #MS_SSISServerCleanupJobLogin##. A cursor with the name 'execution_cursor' does not exist. [SQLSTATE 34000] (Error 16916)</t>
  </si>
  <si>
    <t>Server</t>
  </si>
  <si>
    <t>Improves the response time of the system view sys.spt_columns_odbc_view on Linux.</t>
  </si>
  <si>
    <t>An authenticated attacker could affect SQL Server memory when executing a specially crafted query using $partition against a table with a Column Store index.</t>
  </si>
  <si>
    <t>Improvement: Make the EO-compliant Microsoft Extensibility SDK available for Java for SQL Server 2019</t>
  </si>
  <si>
    <t>A memory dump and assertion failure "Dependencies.CommitDepCountOut &gt;= 1" may occur after a transaction rolls back if in-memory tempdb is enabled.</t>
  </si>
  <si>
    <t>Improvement: Make the EO-compliant ML service CAB packages available for SQL Server 2019</t>
  </si>
  <si>
    <t>Executing a query where the plan contains an adaptive join may fail together with the following error: Msg 8624, Level 16, State 21, Procedure &lt;ProcedureName&gt;, Line &lt;LineNumber&gt; [Batch Start Line &lt;LineNumber&gt;] Internal Query Processor Error: The query processor could not produce a query plan. For more information, contact Customer Support Services.</t>
  </si>
  <si>
    <t>The bulk insert is blocked when the lock of the target table is held by another session, and the session of the bulk insert will remain in SQL Server until its lock is released even if the client application disconnects or exits. This issue causes the session to leak and other requests to be blocked if the leaked sessions are accumulated too many.</t>
  </si>
  <si>
    <t>SQL Server Connectivity</t>
  </si>
  <si>
    <t>Removes log4j2 used by SQL Server 2019 Integration Services (SSIS) to avoid any potential security issues.</t>
  </si>
  <si>
    <t>DTS</t>
  </si>
  <si>
    <t>An assertion failure occurs in tempdb during the rollback of transactions, and triggers a server shutdown. The following dump file is generated: &lt;DateTime&gt; **Dump thread - spid = 0, EC = 0x000004849143B870 &lt;DateTime&gt; ***Stack Dump being sent to FilePath\FileName &lt;DateTime&gt; * *******************************************************************************&lt;DateTime&gt; *&lt;DateTime&gt; * BEGIN STACK DUMP: &lt;DateTime&gt; * DateTime &lt;DateTime&gt; * &lt;DateTime&gt; * Location: FilePath\FileName &lt;DateTime&gt; * Expression: Dependencies.CommitDepCountOut &gt;= 1 &lt;DateTime&gt; * SPID: SPID &lt;DateTime&gt; * Process ID: ProcessID &lt;DateTime&gt; * &lt;DateTime&gt; * Input Buffer 26 bytes - &lt;DateTime&gt; * ‰ 16 00 00 00 12 00 00 00 02 00 89 01 00 00 90 0f 00 00 &lt;DateTime&gt; * 01 00 00 00 07 00 00 00 &lt;DateTime&gt; SQL Server Assertion: File: &lt; FilePath\FileName &gt;, line=LineNumber Failed Assertion = 'Dependencies.CommitDepCountOut &gt;= 1'. This error may be timing-related. If the error persists after rerunning the statement, use DBCC CHECKDB to check the database for structural integrity, or restart the server to ensure in-memory data structures are not corrupted. &lt;DateTime&gt; Error: 3624, Severity: 20, State: 1. &lt;DateTime&gt; A system assertion check has failed. Check the SQL Server error log for details. Typically, an assertion failure is caused by a software bug or data corruption. To check for database corruption, consider running DBCC CHECKDB. If you agreed to send dumps to Microsoft during setup, a mini dump will be sent to Microsoft. An update might be available from Microsoft in the latest Service Pack or in a Hotfix from Technical Support.&lt;DateTime&gt; Error: 3314, Severity: 21, State: 3. &lt;DateTime&gt; During undoing of a logged operation in database 'DatabaseName' (page (1:139) if any), an error occurred at log record ID (3692:89591460:155). Typically, the specific failure is logged previously as an error in the operating system error log. Restore the database or file from a backup, or repair the database.</t>
  </si>
  <si>
    <t>FIX: Remove the adutil tool from SQL Server 2019</t>
  </si>
  <si>
    <t>Resolves stalled I/O completion port (IOCP) issues when a heavily used service broker is configured on an availability group database.</t>
  </si>
  <si>
    <t>FIX: Scalar UDF Inlining issues in SQL Server 2019</t>
  </si>
  <si>
    <t>Adds two new Extended Events, iam_page_range_cache_invalidation and iam_page_range_cache_population, to respectively capture Index Allocation Map (IAM) page range cache invalidation and population.</t>
  </si>
  <si>
    <t>The sqlcmd utility crashes when the batch_terminator parameter "-c" is set to ";" in SQL Server 2019.</t>
  </si>
  <si>
    <t>A "Non-yielding Scheduler" issue and dump occur during a backup operation because of concurrent Page Free Space (PFS) updates.</t>
  </si>
  <si>
    <t>Improves the response time of the Sqldumper.exe utility when in-memory objects are used in SQL Server or once existed.</t>
  </si>
  <si>
    <t>Supports more flexible cleanup and merge operations by changing In-Memory during restore operations.</t>
  </si>
  <si>
    <t>Exposes the option 'ldaphostcanon' by the mssql-conf tool so that you don't have to manually edit the mssql.conf file to enable or disable ldaphostcanon.</t>
  </si>
  <si>
    <t>Assume that you have tables with data on the peers and then you set a peer-to-peer publication by using a last-writer conflict detection policy. The distribution agent occurs the following conflict if you delete a row that was present before the publication was created: A conflict of type 'Delete-Update' was detected at peer 1 between peer 100 (incoming), transaction id &lt;tranid&gt; and peer (null) (on disk), transaction id (null) for Table &lt;TableName&gt; with Primary Key(s): PK values, Current Version '(null)', Pre-Version '(null)' and Post-Version &lt;VersionNumber&gt;</t>
  </si>
  <si>
    <t>In SQL Server 2019 Master Data Services, the child nodes don't open in the derived hierarchy when a child entity is joined with a recursive hierarchy.</t>
  </si>
  <si>
    <t>Improvement: Make the change tracking table lock escalation policy be the same as the base table's</t>
  </si>
  <si>
    <t>Calling CMEDScan::EvaluateCmpResult to evaluate filter predicates for the current metadata scan misses the "NE" predicate, which causes an "INVALID_SWITCH_VALUE" exception.</t>
  </si>
  <si>
    <t>Restoring from a compressed backup that contains filestream objects randomly fails if the process is run through the Virtual Device Interface (VDI) client. Here are the error messages: Msg 3241, Level 16, State 18, Line &lt;LineNumber&gt; The media family on device '&lt;backup file name&gt;' is incorrectly formed. SQL Server cannot process this media family. Unexpected termination: x80770004</t>
  </si>
  <si>
    <t>An assertion failure, lck_sufficient (lckMode, LCK_M_IX) || lck_sufficient (lckMode, LCK_M_BU), occurs when you use Accelerated Database Recovery (ADR).</t>
  </si>
  <si>
    <t>An "Out of memory" error occurs when you take a log backup frequently and Stolen Server Memory grows at a synchronous secondary in Availability Groups</t>
  </si>
  <si>
    <t>Running DBCC CHECKDB will report "corruption" errors when you use SQL Server graph databases that have edge constraints.</t>
  </si>
  <si>
    <t>An access violation occurs if a query on sys.database_scoped_configurations is waiting for a shared lock on the database while another thread holds the exclusive lock to drop the same database.</t>
  </si>
  <si>
    <t>The database recovery process is chosen as the deadlock victim on Availability Group (AG) failover under certain circumstances. The following error message is generated: &lt;DateTime&gt; Error: 1205, Severity: 13, State: 51. &lt;DateTime&gt; Transaction (Process ID n) was deadlocked on lock resources with another process and has been chosen as the deadlock victim. Rerun the transaction.</t>
  </si>
  <si>
    <t>Improvement: Add an XEvent for tracking manual user plan forcing and unforcing</t>
  </si>
  <si>
    <t>Memory-Optimized TempDB Metadata keeps consuming memory under VARHEAP: LOB Page Allocator, which causes out-of-memory (OOM) exceptions like error 701 or FAIL_PAGE_ALLOCATION.</t>
  </si>
  <si>
    <t>Dropping temp tables in some rare cases causes an unresolved deadlock and dump.</t>
  </si>
  <si>
    <t>The logon trigger may fail unexpectedly for the pooled connections even when the criteria are not met during the connection reset, and causes the following error: Error:17892, Severity: 20, State: 1. Logon failed for login '&lt;LoginName&gt;' due to trigger execution.</t>
  </si>
  <si>
    <t>A view, created in a table that has an XML index, cannot return the correct result because of missing '%' in LIKE predicate on columns hidden for xml_index_nodes table.</t>
  </si>
  <si>
    <t>XML</t>
  </si>
  <si>
    <t>Improves the dynamic management view (DMV) to help debug the out-of-memory (OOM) issues.</t>
  </si>
  <si>
    <t>The query processor can't produce a query plan if the USE PLAN hint specifies a query plan that has a left outer join and an inner join.</t>
  </si>
  <si>
    <t>SQL Server disconnects a session when it gets an attention and INTERLEAVED_EXECUTION_TVF is enabled.</t>
  </si>
  <si>
    <t>The function sys.fn_hadr_backup_is_preferred_replica returns different results on primary or secondary replicas of read-scale availability groups (Cluster_Type=None) when running on standalone machines or cluster nodes</t>
  </si>
  <si>
    <t>An access violation dump occurs when the query runs for a long time in parallel and tries to determine the version of the rowgroup for the particular transactions to read.</t>
  </si>
  <si>
    <t>FIX: Severe spinlock contention occurs in SQL Server 2019</t>
  </si>
  <si>
    <t>The AlwaysOn_Health extended event doesn't set STARTUP_STATE to ON after installing a SQL Server Cumulative Update.</t>
  </si>
  <si>
    <t>FIX: Error 3241 occurs during executing RESTORE LOG or RESTORE DATABASE</t>
  </si>
  <si>
    <t>A database freezes its I/O during a VSS backup but never thaws the I/O. This can lead to latch timeouts</t>
  </si>
  <si>
    <t>SQL Server 2019 using XTP UserDB for staging tables has a steady growing trend for "VARHEAP\Storage internal heap" in dm_db_xtp_memory_consumers that leads to OOM/41805 errors over time and requires proactive restart/failover to retain stability.</t>
  </si>
  <si>
    <t>Restoring transaction logs from a compressed backup of a TDE-enabled database may cause a "misaligned I/O" message to be logged in the SQL Server error log: &lt;DateTime&gt; There have been &lt;IOCount&gt; misaligned log IOs which required falling back to synchronous IO. The current IO is on file &lt;FilePath&gt;.</t>
  </si>
  <si>
    <t>FIX: Error 18456 occurs when you run DMV queries on the SQL Server 2017 or 2019 instance after rebuilding system databases</t>
  </si>
  <si>
    <t>FIX: Database corruption after creating an external library in SQL Server 2019</t>
  </si>
  <si>
    <t>Adds improvement in capturing memory dumps on unexpected crashes in SQL Server 2019 on Linux</t>
  </si>
  <si>
    <t>Fixes an access violation that occurs in CXPort::Close after you use SQL Server 2019 Cumulative Update 14 (CU14)</t>
  </si>
  <si>
    <t>Fixes a parallel query executing in batch mode that may cause an access violation and memory dump after installing CU 14.</t>
  </si>
  <si>
    <t>Fixes the following error that occurs when you back up a database by using virtual device interface (VDI) on ubuntu docker container installed SQL Server 2019: Host_&lt;DeviceName&gt;_SQLVDIMemoryName_0: ClientBufferAreaManager::SyncWithGlobalTable: Open(hBufferMemory): error 2Host_&lt;DeviceName&gt;_SQLVDIMemoryName_0: TriggerAbort: invoked: error 0Host_&lt;DeviceName&gt;_SQLVDIMemoryName_0: TriggerAbort: ChannelSem: error 2Features returned by SQL Server: 0x10000 Opening the device. VDS::OpenDevice fails: x80770004 Msg 18210, Level 16, State 1, Server &lt;ServerName&gt;, Line &lt;LineNumber&gt; BackupVirtualDeviceSet::AllocateBuffer: failure on backup device '&lt;DeviceName&gt;'. Operating system error 995(The I/O operation has been aborted because of either a thread exit or an application request.). Msg 3013, Level 16, State 1, Server &lt;ServerName&gt;, Line &lt;LineNumber&gt; BACKUP DATABASE is terminating abnormally.</t>
  </si>
  <si>
    <t>Improvement: Add the usage of signed certificates with multiple DNS names</t>
  </si>
  <si>
    <t>Surface Area</t>
  </si>
  <si>
    <t>Fixes an issue where AVERAGEX(CURRENTGROUP()) function returns the incorrect result that is close to 0 unless you add 0.0 to the measure in the DAX query</t>
  </si>
  <si>
    <t>Fixes an issue where the specific statement for compilation in stored procedures seems "stuck" and shows sqlsource_transform until manual intervention</t>
  </si>
  <si>
    <t>Fixes an issue where the Shrink Database task in maintenance plans doesn't work in SQL Server 2019</t>
  </si>
  <si>
    <t>SSMS</t>
  </si>
  <si>
    <t>Fixes a system-wide low memory issue that occurs when SQL Server commits memory above the maximum server memory under the memory model with the Lock Pages In Memory. Note You should install startup trace flag 8121 to enable this fix.</t>
  </si>
  <si>
    <t>FIX: Physical reads are counted twice for read-ahead</t>
  </si>
  <si>
    <t>Fixes an assertion in CQPOnDemandTask::ExecuteQPJob if auto async update statistics is enabled. You may see this assert failure in the error log: Assertion: File: &lt;sosmemobj.cpp&gt;, line=2774 Failed Assertion = 'pvb-&gt;FLargeAlloc () == FALSE'</t>
  </si>
  <si>
    <t>Fixes the access violation sqldk!StringVPrintfWorkerW that occurs during the compilation of the query for Dynamic Management Views (DMVs) sys.dm_os_ring_buffers</t>
  </si>
  <si>
    <t>Fixes an error that occurs after a failover of a Distributed Availability Group that attempts to connect to the secondary AG listener with application intent set to READ ONLY</t>
  </si>
  <si>
    <t>Fixes an access violation that occurs when you use FileTable in SQL Server 2019</t>
  </si>
  <si>
    <t>Fixes a committed memory accounting issue, which under some circumstances, FAIL_PAGE_ALLOCATION error could occur a few days after starting SQL Server services on Linux</t>
  </si>
  <si>
    <t>Adds the Reverting progress to SQL Server error logs in SQL Server 2019 just like the Recovery progress</t>
  </si>
  <si>
    <t>Adds improvement to capture sp_server_diagnostics XEvent in an AlwaysOn_health XEvent session when STATE is 3 (ERROR) to diagnose HADR Health Events</t>
  </si>
  <si>
    <t>Fixes the following error 104 that occurs when you use scalar User-Defined Function (UDF) lnlining in the ORDER BY clause during the query compilation that has a UNION operator: Msg 104, Level 16, State 1, Line &lt;LineNumber&gt; ORDER BY items must appear in the select list if the statement contains a UNION, INTERSECT or EXCEPT operator.</t>
  </si>
  <si>
    <t>Fixes an issue about inconsistent data if you add a date that is between last day of 1899 and first day of March 1900 in the MDS add-in for Excel in SQL Server 2019</t>
  </si>
  <si>
    <t>Fixes an issue where the output of sp_pkeys KEY_SEQ column doesn't conform to the ordering of columns defined in the Primary Key</t>
  </si>
  <si>
    <t>Fixes an issue where the dm_db_page_info function may record spurious corrupted pages entries in the suspect_pages table when calling the function against the transaction log file</t>
  </si>
  <si>
    <t>Fixes an issue where assertion failure on secondary replica when you use Always On availability groups in high-latency networks in SQL Server 2019. You may see this assert failure in the error log: Assertion: File: &lt;"e:\\b\\s3\\sources\\sql\\ntdbms\\storeng\\dfs\\trans\\lsnlocmap.cpp"&gt;, line=358 Failed Assertion = 'pos - pndx &lt; map-&gt;EntryCount'</t>
  </si>
  <si>
    <t>Fixes an issue where Cumulative Update (CU) patching fails with the following message when you set default data directory to Azure Blob Storage URL: The given path's format is not supported. Exception Type "System.NotSupportedException" Note To work around the issue, you can change the data default directory to a local directory and rerun the SQL patch.</t>
  </si>
  <si>
    <t>Fixes the memory release issue in execution of the STDistance spatial method while using spatial index. Before the fix, memory usage of MEMORYCLERK_SOSNODE gradually grew until all the memory available is taken</t>
  </si>
  <si>
    <t>Fixes an issue where java.nio.BufferOverflowException error occurs when using PolyBase external tables to query data from Hadoop. Note This error occurs when querying from a file that has columns of type varchar or nvarchar with a width greater than 256 characters.</t>
  </si>
  <si>
    <t>Fixes the following insufficient memory error that occurs during In-Memory Online Transactional Processing (OLTP) if application native procedures update tables that have Large Object (LOB) columns and do not specify the LOB column in the UPDATE list: &lt;DateTime&gt; Disallowing page allocations for database 'Retail' due to insufficient memory in the resource pool 'IMOLTP'. &lt;DateTime&gt; XTP failed page allocation due to memory pressure: FAIL_PAGE_ALLOCATION 8</t>
  </si>
  <si>
    <t>Fixes an issue where a filtered index becomes corrupted after you drop a computed column on the same table, and the filtered index corruptions are reported as 8951 and 8955 errors when you run DBCC CHECKTABLE WITH EXTENDED_LOGICAL_CHECKS</t>
  </si>
  <si>
    <t>Adds an improvement to enhance the security of machine keys by enabling you to change the default machine key location to a custom location by using SQL Platform Abstraction Layer (PAL) encryption settings.</t>
  </si>
  <si>
    <t>Fixes an issue where Distributed Replay Client may fail with an unhandled exception. This fix is for the Distributed Replay Client that is released with SQL Server 2019. The following is the error you may observe in the output/log file: DateTime OPERATIONAL [Common] Unhandled exception is encountered. [Exception Code = 3221225477] DateTime OPERATIONAL&amp;nbsp; [Common] Invoking dump. DateTime OPERATIONAL&amp;nbsp; [Common] Service terminating.</t>
  </si>
  <si>
    <t>Database Performance Tools</t>
  </si>
  <si>
    <t>Fixes an issue where the default trace on Linux rolls over before the limit size of 20 MB</t>
  </si>
  <si>
    <t>Improvement: Add mssql-conf and adutil utilities to SQL Server 2019</t>
  </si>
  <si>
    <t>Fixes an issue where different conversion results are displayed in publisher and subscriber database tables when using the ASCII function to convert a column. For more information, see ASCII function returns different results in Publisher and Subscriber database tables.</t>
  </si>
  <si>
    <t>Fixes an issue where the tooltip of column name doesn't display in SQL Server 2019 Master Data Services (MDS)</t>
  </si>
  <si>
    <t>Client</t>
  </si>
  <si>
    <t>FIX: Buffer overruns when data buffer spans multiple SNI packets</t>
  </si>
  <si>
    <t>Protocols</t>
  </si>
  <si>
    <t>Improvement: Add 1 (true) and 0 (false) as valid values to mssql-conf Boolean settings</t>
  </si>
  <si>
    <t>Fixes an access violation exception that may occur when sp_server_diagnostics is executed.</t>
  </si>
  <si>
    <t>Fixes the following error that occurs when you restore a database file (.mdf) that is larger than 15 GB on SQL Server 2019 Big Data Cluster (BDC) with high availability (HA) configuration: Msg 42019, Level 16, State 4, Line &lt;LineNum&gt; RESTORE MANAGED DATABASE operation failed. Internal service error. Msg 3013, Level 16, State 1, Line &lt;LineNum&gt; RESTORE DATABASE is terminating abnormally.</t>
  </si>
  <si>
    <t>Improvement: Cardinality estimation in Spatial TVF functions in SQL Server 2019</t>
  </si>
  <si>
    <t>Spatial</t>
  </si>
  <si>
    <t>FIX: Add checkpoint handling for the first row in NonOptimizedGetAndInsertRows</t>
  </si>
  <si>
    <t>FIX: Creating a resumable clustered index on a table with LOB causes corruption in SQL Server 2019</t>
  </si>
  <si>
    <t>FIX: The built-in SESSION_CONTEXT returns wrong results in parallel plans</t>
  </si>
  <si>
    <t>Fixes an issue causing the assertion fNoReaderWriterConflict.</t>
  </si>
  <si>
    <t>FIX: Missing change data capture cleanup execution isn't identified because of a deadlock without an error message</t>
  </si>
  <si>
    <t>Fixes an issue where the DirectQuery query has no table join clause when you have a DirectQuery model with many-to-many relationship defined and run a DAX query.</t>
  </si>
  <si>
    <t>FIX: ForceLastGoodPlan doesn't account for aborted and timed out queries in regression detection logic</t>
  </si>
  <si>
    <t>Fixes an issue where you encounter an "ex_terminator - Last chance exception handling" memory dump. The memory dump is associated with a lease timeout while the recovery of an Always On availability groups (AG) database is in progress.</t>
  </si>
  <si>
    <t>Fixes an Access Violation (AV) that can occur when you run dynamic management views (DMVs) queries.</t>
  </si>
  <si>
    <t>Fixes a non-yielding scheduler dump in sqldk!SOS_MemoryWorkSpace::Lookup.</t>
  </si>
  <si>
    <t>Fixes an issue where SQL Server 2019 stops responding and crashes due to "ex_terminator - Last chance exception handling" when you use SQL Server Service Broker.</t>
  </si>
  <si>
    <t>Service Broker</t>
  </si>
  <si>
    <t>Fixes an Access Violation (AV) at RbpEarlyFilter::TinyBitmapFilterSIMD that occurs when you run queries on CLUSTERED COLUMNSTORE INDEX (CCI) tables. Here is the dump file: Stack Dump being sent to &lt;FilePath&gt; SqlDumpExceptionHandler: Process 247 generated fatal exception c0000005 EXCEPTION_ACCESS_VIOLATION. SQL Server is terminating this process. BEGIN STACK DUMP: &lt;DateTime spid SpidNum&gt; Exception Address = &lt;AddressNum&gt; Module(sqlmin+&lt;id&gt;) Exception Code&amp;nbsp; &amp;nbsp; = c0000005 EXCEPTION_ACCESS_VIOLATION Access Violation occurred reading address &lt;AddressNum&gt;</t>
  </si>
  <si>
    <t>FIX: Non-yielding scheduler dumps during the recovery of a secondary availability database with a database snapshot</t>
  </si>
  <si>
    <t>Fixes the following runtime error that occurs when you build a 32-bit application where Microsoft.SqlServer.Rmo.dll is referenced from C:\Program Files (x86)\Microsoft SQL Server\150\SDK\Assemblies\ but Microsoft.SqlServer.Replication.dll isn't cached in GAC_32 folder (C:\Windows\Microsoft.NET\assembly\GAC_32) with SQL Server 2019: System.IO.FileNotFoundException HResult=0x80070002 Message= Could not load file or assembly 'Microsoft.SqlServer.Replication, Version=15.0.0.0, Culture=neutral, PublicKeyToken=89845dcd8080cc91' or one of its dependencies. The system cannot find the file specified.</t>
  </si>
  <si>
    <t>Fixes a self-deadlock issue where thread always waits for HASH_TABLE_DELETE (HTDELETE) when you run parallel query in batch mode.</t>
  </si>
  <si>
    <t>Fixes the issue in MDS 2017, where the derived hierarchy permissions are lost in the copied version</t>
  </si>
  <si>
    <t>FIX: Error when you use columnstore indexes and run versioned scans if all rows in a compressed rowgroup are deleted in SQL Server 2017 and 2019</t>
  </si>
  <si>
    <t>Fixes the issue in SSAS 2017, where msmdsrv.log doesn't work when you customize the values of the configuration settings MaxFileSizeMB and MaxNumberOfLogFiles</t>
  </si>
  <si>
    <t>Fixes an issue where Last_sent_time and Last_received_time columns in DMV dm_hadr_database_replica_states does not get updated</t>
  </si>
  <si>
    <t>Fixes the issue in SSIS 2017 when Dimension Processing returns the following error message: clsid {ID}" could not be created and error code 0x80070005 "Access is denied.". Make sure that the component is registered correctly. OnError: "Dimension Processing failed validation and returned error code 0x80040005"</t>
  </si>
  <si>
    <t>Fixes an issue where executing a query with BATCH_MODE_ON_ROWSTORE = ON causes the following error and a dump occurs during compilation of the execution plan: Msg 596, Level 21, State 1, Line &lt;LineNumber&gt; Cannot continue the execution because the session is in the kill state. Msg 0, Level 20, State 0, Line &lt;LineNumber&gt; A severe error occurred on the current command. The results, if any, should be discarded.</t>
  </si>
  <si>
    <t>FIX: An assertion occurs when Compute Scalar operator operates on computed, temporary lobs with batch mode</t>
  </si>
  <si>
    <t>Fixes an assert dump "pwchId &amp;amp;&amp;amp; cwchId &lt;= MAX_PATH &amp;amp;&amp;amp; cwchId &gt; 0" during Always On availability group (AG) Virtual Device Interface (VDI) seeding.</t>
  </si>
  <si>
    <t>Fixes an issue in which the query processor can't produce a query plan if the USE PLAN hint specifies a query plan that has a left outer join and an inner join.</t>
  </si>
  <si>
    <t>Fixes an issue where the following warning message occurs during the snapshot creation when you run the DBCC CHECKDB against a database that has a memory optimized filegroup: [WARNING] Unable to create PerfCounter instance for DB xx (xxx): 0x800700b7.</t>
  </si>
  <si>
    <t>Fixes an issue where the CollectPageLatchFields can cause an access violation (AV) under certain timing conditions when the latch_suspend_end XEvent is turned on. The underlying reason is that this method assumes the Buffer is stable under the latch, which isn't true if the Buffer isn't in the Hashtable anymore. This hotfix avoids the AV by checking whether the Buffer is still in the Hashtable before accessing its underlying fields.</t>
  </si>
  <si>
    <t>Fixes the failed assertion that occurs due to implicit conversion where predicate's precision is greater than the value. Msg 3624, Level 20, State 1, Line &lt;LineNumber&gt; A system assertion check has failed. Check the SQL Server error log for details. Typically, an assertion failure is caused by a software bug or data corruption. To check for database corruption, consider running DBCC CHECKDB. If you agree to send dumps to Microsoft during setup, a mini dump will be sent to Microsoft. An update might be available from Microsoft in the latest Service Pack or in a Hotfix from Technical Support.Msg 596, Level 21, State 1, Line &lt;LineNumber&gt; Cannot continue the execution because the session is in the kill state. Msg 0, Level 20, State 0, Line &lt;LineNumber&gt; A severe error occurred on the current command. The results, if any, should be discarded.</t>
  </si>
  <si>
    <t>Fixes the EXCEPTION_INVALID_CRT_PARAMETER dump that is generated on insert or update of wide replicated table.</t>
  </si>
  <si>
    <t>FIX: An assertion dump occurs many times in SQL Server 2019</t>
  </si>
  <si>
    <t>Improvement: Last Writer Wins and support for P2P database in Availability Group</t>
  </si>
  <si>
    <t>FIX: A dump occurs if you use the same synonym for a user-defined function in the view definition</t>
  </si>
  <si>
    <t>Fixed an issue where resumable clustered index creation may sometimes fail if a table has lots of LOB columns</t>
  </si>
  <si>
    <t>Fixes an issue about extended event version in Alwayson_health session is not changed automatically during Cumulative Update upgrade and downgrade</t>
  </si>
  <si>
    <t>Fixes an issue where you cannot complete image because the prepared instance is grayed out if you select [Database Engine Services] along with [Machine Learning Services and Language Extensions]- [Java] in Prepare Image</t>
  </si>
  <si>
    <t>User Interface</t>
  </si>
  <si>
    <t>Fixes an issue where the assertion results in system suspend of asynchronous secondary replica: DateTime spid36s SQL Server Assertion: File: &lt;"sql\\ntdbms\\storeng\\dfs\\trans\\lsnlocmap.cpp"&gt;, line=LineNumber Failed Assertion = 'curr-&gt;VlfSeqNo == prev-&gt;VlfSeqNo + 1'. This error may be timing-related. restart the server to ensure in-memory data structures are not corrupted</t>
  </si>
  <si>
    <t>Fixes an issue where Memory Optimized TempDB Metadata keeps consuming memory under VARHEAP: LOB Page Allocator</t>
  </si>
  <si>
    <t>FIX: Access violation occurs when you use FileTable feature with Windows Defender enabled</t>
  </si>
  <si>
    <t>Fixes an issue where Polybase is not generating the partition predicates for pushdown which generates the following error when you do cross-database joins in the backend where one or more of the tables is partitioned: Msg 7320, Level LineNumber, State 110, Line LineNumber Cannot execute the query "Remote Query" against OLE DB provider "MSOLEDBSQL" for linked server "(null)". 105082;Generic ODBC error: [Microsoft][ODBC Driver 17 for SQL Server][SQL Server]Invalid object name '$partition.PF_Polybase'</t>
  </si>
  <si>
    <t>Fixes an issue where an incorrect name entry in sys.servers can result in Always On Availability Group (AG) replica being removed when the server name does not match Windows hostname</t>
  </si>
  <si>
    <t>Fixes an issue where you cannot edit jobs by using SQL Server Management Studio (SSMS) if SQLAgent permissions are granted at AD group level</t>
  </si>
  <si>
    <t>Adds pOwnerSess to the error message to find the owner session Id that runs the Log Reader Agent or log - related procedure in SQL Server 2017</t>
  </si>
  <si>
    <t>Improvement: Corrupted statistics can be detected by using extended_logical_checks in SQL Server 2016, 2017, and 2019</t>
  </si>
  <si>
    <t>Fixes an issue where 22836 error occurs when you add CDC job again after deleting CDC capture and removing jobs in SQL Server Agent</t>
  </si>
  <si>
    <t>Fix an issue where AD Authentication in SQL Server BDC encounters an error "enctype aes256-cts found in keytab but cannot decrypt ticket" if support for 128-bit and 256-bit Kerberos AES encryption is enabled</t>
  </si>
  <si>
    <t>Fixes an Access Violation that occurs in SQL Server 2019 when you attempt to add file to database that has backup in progress</t>
  </si>
  <si>
    <t>Fixes an issue where Integration Services packages start failing with the following error when you set ExecuteOutOfProcess property to True: Data Flow Task: Error: The Oracle Source cannot run on the installed edition of Integration Services. It requires Enterprise Edition (64-bit) or higher</t>
  </si>
  <si>
    <t>Fixes an intra-query deadlock that occurs with certain queries when verbose truncation feature is enabled</t>
  </si>
  <si>
    <t>Fixes an issue where you see USERSTORE_SCHEMAMGR grow uncontrollably and eventually leading to memory contention issues when you use graph queries in SQL Server 2019</t>
  </si>
  <si>
    <t>Fixes an issue where the derived tree cannot load correctly in explore/design page if the hierarchy contains more than two levels recursive</t>
  </si>
  <si>
    <t>Fixes an issue in SQL Server 2019, if IPv6 is disabled on Linux in the bootloader (GRUB), PolyBase will fail to start</t>
  </si>
  <si>
    <t>Fixes the access violation that occurs at sqllang!srv_nameinfo::SkipOptionalTransportProvider in SQL Server 2019</t>
  </si>
  <si>
    <t>Fixes an issue where the DAX query with union generates an exception: An unexpected error occurred (file 'FileName', line LineNumber, function 'FunctionName')</t>
  </si>
  <si>
    <t>FIX: Persisted computed columns not being consistently blocked for Columnstore index</t>
  </si>
  <si>
    <t>Adds improvement to replace High Availability Disaster Recovery (HADR) related logs output by Trace Flag (TF) 3605 to the error log to a new extended event hadr_trace_message which is written to the alwayson_health session.</t>
  </si>
  <si>
    <t>Ensures that the correct error is returned, when an invalid table name is referenced inside a SHORTEST_PATH query on graph tables in SQL Server</t>
  </si>
  <si>
    <t>FIX: Error when you use columnstore indexes and run versioned scans if all rows in a compressed rowgroup are deleted in SQL Server 2019</t>
  </si>
  <si>
    <t>Fixes an issue where NULL values are populated for the $from_id, $to_id columns in a graph edge table when batch mode execution is chosen in SQL Server 2019</t>
  </si>
  <si>
    <t>Fixes missing data in the Change Data Capture (CDC) side table and adds additional error handling to prevent data loss</t>
  </si>
  <si>
    <t>Adds improvement to report SQL Server native error 35217 in the AlwaysOn_health XEvent log: DateSpid Error: 35217, Severity: 16, State: 1. DateSpid The thread pool for Always On Availability Groups was unable to start a new worker thread because there are not enough available worker threads. This may degrade Always On Availability Groups performance. Use the "max worker threads" configuration option to increase number of allowable threads.</t>
  </si>
  <si>
    <t>Fixes the access violation that occurs when you use graph shortest path expressions with LIKE predicates</t>
  </si>
  <si>
    <t>FIX: SQL Server affinity settings are reset after applying CU for SQL Server 2019</t>
  </si>
  <si>
    <t>FIX: SQL Server often crashes when network.forceencryption property is set to '1'</t>
  </si>
  <si>
    <t>Fixes an issue where creating an availability group with automatic seeding fails with the error: "Error: 4353 - Conflicting file relocations have been specified for file '&lt;logical_filename&gt;'. Only a single WITH MOVE clause should be specified for any logical file name." due to a database where some files have been created, deleted several times with the same logical filename.&amp;nbsp;</t>
  </si>
  <si>
    <t>Fixes an issue where frozen I/O leads to latch timeout on database boot page (1:9) and leads to suspended availability group database REDO thread</t>
  </si>
  <si>
    <t>Fixes an issue in SQL Server 2019 where you may encounter an Access Violation or Assertion when using the sys.dm_exec_query_statistics_xml Dynamic Management View</t>
  </si>
  <si>
    <t>Fixed the memory release issue in execution of the STDistance spatial method while using spatial index. Before the fix, memory usage of MEMORYCLERK_SOSNODE gradually grew until all the memory available is taken</t>
  </si>
  <si>
    <t>Fixes an issue where optimizer doesn't push down constant parameters to remote query via linked server</t>
  </si>
  <si>
    <t>FIX: Wrong results during Clustered Columnstore Index alter "index reorganize" in versioned scans in SQL Server 2017 and 2019</t>
  </si>
  <si>
    <t>Fixes the issue in MDS 2019 where Derived hierarchy for domain based attributes is not working properly</t>
  </si>
  <si>
    <t>Fixes an issue that causes the SQL Server to terminate. ex_terminator - Last chance exception handling</t>
  </si>
  <si>
    <t>FIX: Memory grant wait times out when you run many Columnstore bulk inserts concurrently in SQL Server 2017 and 2019</t>
  </si>
  <si>
    <t>Fixes the issue in SSIS 2019 when Dimension Processing returns clsid {ID}" could not be created and error code 0x80070005 "Access is denied.". Make sure that the component is registered correctly.OnError: "Dimension Processing failed validation and returned error code 0x80040005"</t>
  </si>
  <si>
    <t>Fixes a second exception that occurs when trying to generate a dump on a latch timeout issue and crashes the SQL service entirely</t>
  </si>
  <si>
    <t>Fixes an issue where running a Full Database Backup on a read-only database containing memory optimized objects fails with the error 3906 "Failed to update database "&lt;DatabaseName&gt;" because the database is read-only."</t>
  </si>
  <si>
    <t>FIX: Debug assert when a lock is acquired by the ParNested Transaction and attempts to get logged in sLog for the parent transaction</t>
  </si>
  <si>
    <t>FIX: Dropping an index from the view on the primary may cause access violation on readable secondary</t>
  </si>
  <si>
    <t>FIX: Parallel redo failure on secondary replica in SQL Server 2019</t>
  </si>
  <si>
    <t>Fixes an issues that causes query to be stuck in BATCH_MODE_SORT in SQL Server 2019</t>
  </si>
  <si>
    <t>Fixes the performance issues that occur with concurrent executions of stored procedures on CHANGETABLE and syscommittab by enforcing index seek on change tracking side tables in SQL Server 2019</t>
  </si>
  <si>
    <t>When published database is part of availability group and listener is on a non-default port, replication monitor doesn't display publication and subscription information. This CU fixes that issue.</t>
  </si>
  <si>
    <t>Fixes an issue in explore page where the Day value changes to 1 if you input 31 some times</t>
  </si>
  <si>
    <t>Fixes the memory consumption issue that occurs when Model processing in SSAS 2019 consumes more memory, when compared to same model processing in SSAS 2017</t>
  </si>
  <si>
    <t>FIX: Support using the PolyBase SQL Server connector to create external table with remote database name containing a period</t>
  </si>
  <si>
    <t>FIX: Support schema reflection stored procedures for the Polybase generic ODBC connector</t>
  </si>
  <si>
    <t>Fixes the incorrect results that occur in SSAS 2019 tabular mode when a DAX queries a calculated measure that depends on calc group Calculation item</t>
  </si>
  <si>
    <t>Fixes the high SOS_SUSPEND_QUEUE spinlock contention with parallel window aggregate</t>
  </si>
  <si>
    <t>Fixes the SSAS 2019 Multidimensional mode no global cache issue when role security involves CustomData() func</t>
  </si>
  <si>
    <t>FIX: Log line is extremely high when Always On Availability Group has many databases in SQL Server 2019</t>
  </si>
  <si>
    <t>Fixes an issue which leads to the impossibility of creating JAVA dumps and thus hampers debuggability and supportability when a PolyBase JAVA HadoopBridge process is started under Linux, an invalid -XX:HeapDumpPath JVM option is passed to the JVM</t>
  </si>
  <si>
    <t>Fixes an issue where the JVM will eventually crash with an out of memory error after a certain number of queries due to threads not being properly cleaned up in certain scenarios when you use PolyBase Hadoop bridge data sources in SQL Server 2019 on Linux</t>
  </si>
  <si>
    <t>Fixes a potential issue that causes error 5511 when performing a log backup on a database that has filestream data</t>
  </si>
  <si>
    <t>Adds improvement to increase the default size and file retention on AlwaysOn_health. Note The current definition for the AlwaysOn_health XEvent session has a maximum file size of 5 megabytes (MB) and maximum number of files of 4, for a maximum of 20 MB of AlwaysOn_health XEvent data. On a busy system, you can roll over this limitation quickly and miss important information in the event of an issue that affects the system. In order to keep more troubleshooting data available on the system, the default file size is changed from 5 MB to 100 MB and the default number of files is changed from 4 to 10, for a maximum of 1 GB of AlwaysOn_health XEvent data, in this update. If the definition of the AlwaysOn_health session has already been modified from the default values, this improvement will not overwrite the existing settings.</t>
  </si>
  <si>
    <t>Fixes an issue where DAX query with VAR CALCULATETABLE and filter may return inconsistent result in SSAS 2019 after upgrading from 2017.</t>
  </si>
  <si>
    <t>Fixes failures in PolyBase queries involving date/time literals or integer divisions that may occur when the Microsoft Spark ODBC driver is used to connect to a generic ODBC external data source</t>
  </si>
  <si>
    <t>Fixes an issue where Setup Account Privileges check may not be performed when installing CU or Security Update</t>
  </si>
  <si>
    <t>Fixes an issue with performance when tabular queries in SSAS 2019 take more time to execute compared to SSAS 2016</t>
  </si>
  <si>
    <t>FIX: Performance issues occur when metadata is scanned to find keys to be sent to the AE enclave in SQL Server 2019</t>
  </si>
  <si>
    <t>Fixes an issue that causes database log_reuse_wait_desc to change to AVAILABILITY_REPLICA when a database is removed from Availability Group</t>
  </si>
  <si>
    <t>FIX: SQL Server Express LocalDB can't start or connect to shared instances of SQL Server Express LocalDB 2019 or 2017</t>
  </si>
  <si>
    <t>LocalDB</t>
  </si>
  <si>
    <t>Fixes SSAS 2019 Tabular instance with DirectQuery mode generates unexpected SQL syntax to CAST &lt;col&gt; AS VARCHAR(4000) against Teradata CHAR data type.</t>
  </si>
  <si>
    <t>Fixes an issue in which queries that use the Clustered Columnstore Index (CCI) Key Lookup operator return fewer than the actual number of records when you run CCI REORG commands.</t>
  </si>
  <si>
    <t>Fixes the error 3628 that occurs frequently when In-Memory OLTP is enabled in SQL Server 2019 and you may receive an error message as shown below: DateTime Error: 3628, Severity: 16, State: 1. DateTime The Database Engine received a floating point exception from the operating system while processing a user request. Try the transaction again. If the problem persists, contact your system administrator.</t>
  </si>
  <si>
    <t>Fixes an issue where an availability group database restart process is blocked when the database is transitioned to a new state because of an availability group failover or lease timeout on the primary replica</t>
  </si>
  <si>
    <t>Fixes an issue where a subscribe session can become orphaned and cannot be killed even after subscribed XEvent trace is deleted</t>
  </si>
  <si>
    <t>Fixes an issue where sp_hadr_verify_replication_publisher displays wrong distribution database name in error</t>
  </si>
  <si>
    <t>Improvement: ADLS Gen2 support for External Tables</t>
  </si>
  <si>
    <t>Improvement: New XEvents temp_table_cache_trace and temp_table_destroy_list_trace are created in SQL Server 2019</t>
  </si>
  <si>
    <t>FIX: Error 19432 occurs when Log Writer thread fails to send a log back and stop log capture on Log Writer threads in SQL Server 2019</t>
  </si>
  <si>
    <t>Fixes an issue where executing a PolyBase related query encounters error "Invocation of TransactionStateCreate resulted in -1" and causes PolyBase Data Movement service memory dump</t>
  </si>
  <si>
    <t>Prevents ghost cleanup from triggering a memory dump during latch time-out in SQL Server 2019</t>
  </si>
  <si>
    <t>FIX: Error 574 when you try to install Service Pack 2 for SQL Server 2014</t>
  </si>
  <si>
    <t>FIX: Metadata deadlock causes availability issues when changing auditing properties in SQL Server 2019</t>
  </si>
  <si>
    <t>FIX: Access violation occurs when Dynamic Data Masking and nested UDFs are used in SQL Server 2019</t>
  </si>
  <si>
    <t>Fixes the unexpected date conversion on some special date format</t>
  </si>
  <si>
    <t>SQL Server Service is not starting and failing with core dump after applying SQL Server 2019 CU8</t>
  </si>
  <si>
    <t>Fixes an issue where you notice that spurious CAST operations in PolyBase external pushdown queries can dramatically affect the performance with some backends</t>
  </si>
  <si>
    <t>Fixes the following dump exception after login failures in SQL Server 2019: ex_raise2: Unhandled exception raised, major=36, minor=2, state=52, severity=25</t>
  </si>
  <si>
    <t>Fixes an issue in SQL Server 2019 where kubeadm-prod install hangs on compute/master pods when netbios name and ouDistinguishedName have mismatch</t>
  </si>
  <si>
    <t>FIX: Access Violation occurs when hybrid buffer pool is enabled in SQL Server 2019</t>
  </si>
  <si>
    <t>FIX: "Login failed for user" error occurs when you run Maintenance plan with SQL login account in SQL Server</t>
  </si>
  <si>
    <t>Adds a new option to free the LogPool cache only: DBCC FREESYSTEMCACHE('LogPool')</t>
  </si>
  <si>
    <t>Fixes a high HADR_SYNC_COMMIT waits which may show on SQL Server with heavy workload after you apply CU7</t>
  </si>
  <si>
    <t>FIX: Wrong results occur when you run a query on In-memory optimized tables in SQL Server</t>
  </si>
  <si>
    <t>Fixes an issue where performance counter Data File(s) Size (KB) doesn't report the correct total size of database files if one file is created with initial size &gt; 4 TB or grown by more than 4TB</t>
  </si>
  <si>
    <t>FIX: Wrong results due to undetected concatenation parameters from scalar expression</t>
  </si>
  <si>
    <t>Fixes an issue where query compilation that involves auto create statistics fails with the following error log: Datetime spidId Error: 3628, Severity: 16, State: 1. Datetime spidId The Database Engine received a floating point exception from the operating system while processing a user request. Try the transaction again. If the problem persists, contact your system administrator.</t>
  </si>
  <si>
    <t>Fixes an issue where DBCC PAGE with option 3 generates access violation dumps after dropping a unique identifier column from the table in SQL Server 2019. Msg 596, Level 21, State 1, Line LineNumber Cannot continue the execution because the session is in the kill state. Msg 0, Level 20, State 0, Line LineNumber A severe error occurred on the current command. The results, if any, should be discarded.</t>
  </si>
  <si>
    <t>Fixes an issue where out of memory occurs when you take a log backup frequently and Stolen Server Memory grows at a synchronous secondary in Availability Groups</t>
  </si>
  <si>
    <t>Fixes an Access Violation error that can occur when you import large amount of data to Windows Azure Blob storage. This can occur if PolyBase Data Movement Service encounters out-of-memory condition during large data insert transaction.</t>
  </si>
  <si>
    <t>FIX: Failures with log reader agent occur when you create and drop publication on CDC enabled database in SQL Server 2016 and 2019</t>
  </si>
  <si>
    <t>Fixes an issue where the query based on full-text indexes is not returning the expected values</t>
  </si>
  <si>
    <t>Improvement: Records stage of failure and error during stack copy for better diagnostics</t>
  </si>
  <si>
    <t>FIX: Incorrect results occur when you run query on In-memory optimized table that has clustered columnstore index in SQL Server 2016 or 2019</t>
  </si>
  <si>
    <t>Fixes an Access Violation (AV) that occurs when error is being collected for Availability Group (AG) DB Failover while there is an AG failover undergoing</t>
  </si>
  <si>
    <t>FIX: MERGE statement fails with Access Violation at BTreeRow::DisableAccessReleaseOnWait in SQL Server</t>
  </si>
  <si>
    <t>Fixes an issue with the Foreign Key added to a table that is referencing a table's column which is part of a unique index with included columns. When the table's ALTER command is replicated, Distribution Agent fails with the following error message. Number of referencing columns in foreign key differs from number of referenced columns, table 'TableName'. (Source: MSSQLServer, Error number: 8139)</t>
  </si>
  <si>
    <t>Improves AD keytab rotation by properly handling the keytab entries with future KVNOs when SSSD is disabled</t>
  </si>
  <si>
    <t>Improvement: Performance improvements of several spatial built-in properties and methods in SQL Server</t>
  </si>
  <si>
    <t>FIX: Assertion failure occurs when Online Clustered Columnstore Index Rebuild reuses truncated hobt instead of new hobt in SQL Server 2019</t>
  </si>
  <si>
    <t>Fixes an issue where synchronizeSecurity setting of AMO method 'Microsoft.AnalysisServices.Tabular.Server.Synchronize' shown in Server.Synchronize Method is ignored</t>
  </si>
  <si>
    <t>Fixes an issue that enables Block Caching for MMLarge memory model in SQL Server 2019</t>
  </si>
  <si>
    <t>Fixes to keep 'PERSIST_SAMPLE_PERCENT' value for statistics on an indexed column after index rebuild</t>
  </si>
  <si>
    <t>Query execution may experience an intra-query deadlock if the query plan is using a single threaded batch mode sort operator before a Repartition Streams Parallelism operator</t>
  </si>
  <si>
    <t>Allows pushdown of filter predicate for PolyBase query that utilizes FORMAT or TRIM functions in the SELECT clause if the query is otherwise qualified for pushdown</t>
  </si>
  <si>
    <t>When a VSS backup tries to back up SQL Server databases that are hosted on the forwarder replica of a Distributed Availability Group, the backup operation fails. This BACKUP or RESTORE command is not supported on a database mirror or secondary replica. BACKUP DATABASE is terminating abnormally. In the error log, you may see the following error: DateTime Backup Error: 3041, Severity: 16, State: 1. DateTime Backup BACKUP failed to complete the command BACKUP DATABASE DatabaseName. Check the backup application log for detailed messages.</t>
  </si>
  <si>
    <t>Fixes an issue where a failed network connection results in a socket leak</t>
  </si>
  <si>
    <t>Disables FQDNs in AD usernames when creating/modifying SQL Logins/users for SQL Server 2019 on Linux</t>
  </si>
  <si>
    <t>FIX: Database creation to Azure blob storage from SQL Server 2017 or 2019 on Linux may fail with error</t>
  </si>
  <si>
    <t>Fixes the assertion failure that occurs at FAILED_ASSERTION_42ac_sqlmin.dll!LogLockCollectionVerify::Callback in SQL Server 2019</t>
  </si>
  <si>
    <t>15.0.4105.2</t>
  </si>
  <si>
    <t>FIX: Assertion failure error occurs on sqlmin.dll!XdesRMBase::StartStmtSnapshot in SQL Server 2019</t>
  </si>
  <si>
    <t>FIX: Assertion or RaiseInconsistencyError occurs when you use VersionStoreTableAccess::PopulateRowData on SQL 2019 Always On Availability Group Readable replica, but actually there is no corruption.</t>
  </si>
  <si>
    <t>FIX: Fixes reading of NULL Time fields for non-sqlserver backends</t>
  </si>
  <si>
    <t>FIX: Error occurs when casting non-Unicode string column using a Unicode-only UTF8 collation in SQL Server 2019</t>
  </si>
  <si>
    <t>FIX: Error occurs when you map an Oracle NUMBER type to a T-SQL DECIMAL/NUMERIC type</t>
  </si>
  <si>
    <t>FIX: Incorrect type of data mask is applied when DDM is used with queries that have UDFs in SQL Server 2019</t>
  </si>
  <si>
    <t>FIX: Memory leak may occur when SQL Server auditing feature is used on an instance of SQL Server 2019</t>
  </si>
  <si>
    <t>FIX: Assertion or RaiseInconsistencyError occurs when you use&amp;nbsp; VersionStoreTableAccess::PopulateRowData on SQL 2019 Always On Availability Group Readable replica, but actually there is no corruption</t>
  </si>
  <si>
    <t>FIX: When the master SSIS package calls multiple child packages and their connection managers are parameterized, the SSIS package execution fails with UNEXPECTED TERMINATION or INVALID CONNECTION STRING ATTRIBUTE error while updating connection strings.</t>
  </si>
  <si>
    <t>Tasks_Components</t>
  </si>
  <si>
    <t>Updates the Zulu JRE version to mssql-zulu-jre-11.43.56</t>
  </si>
  <si>
    <t>Updates the Zulu JRE version to mssql-zulu-jre-11.43.56-1 and mssql-zulu-jre-8-8.50.0.52-1</t>
  </si>
  <si>
    <t>When you use EXECUTE with AT DATA_SOURCE in SQL Server 2019, the query gets truncated at 8000 byte length and may cause errors or wrong results</t>
  </si>
  <si>
    <t>Fixes an issue where a message occurs in the error log and the Application event log: Error: 46906, Severity: 16, State: 1. Unable to retrieve registry value 'NodeRole' from Windows registry key 'Software\Microsoft\Microsoft SQL Server\MSSQL\Polybase\Configuration': (null)</t>
  </si>
  <si>
    <t>Fixes an issue where the PolyBase query against the backend may result in a dump of the PolyBase engine process when you try to resolve partitioning information and the connection to an external database backend is unreliable or interrupted</t>
  </si>
  <si>
    <t>Fixes an issue where SQL process is not killed properly resulting in subsequent start of SQL Server fails when the AG-Helper sends the KILL 9 command to terminate the SQL Server process.</t>
  </si>
  <si>
    <t>Fixes an issue where an access violation exception may occur when you execute queries in read uncommitted mode with high concurrent read or write pattern over XML data types.</t>
  </si>
  <si>
    <t>Fixes infinite loop in VDI due to improper initialization of errno variable</t>
  </si>
  <si>
    <t>Fixes an error that occurs when you execute a query by using sp_send_dbmail inside a SQL Agent Job to send mails with attachments</t>
  </si>
  <si>
    <t>Fixes an issue where a database restore fails with an error 3257 (insufficient free space error) when the database is larger than 2TB. The issue happens when the TotalAllocationUnits on the target volume is more than 4,294,967,295 units, for example when the target volume is larger than 16TB and uses an allocation unit size = 512 bytes and a single sector per cluster.</t>
  </si>
  <si>
    <t>FIX: SQL Agent job fails with a sharing violation when writing to step output file in SQL 2019</t>
  </si>
  <si>
    <t>Improvement: New trace Flags for better maintenance of deleted rows in Clustered Columnstore Index</t>
  </si>
  <si>
    <t>FIX: User session is in rollback state indefinitely after it is killed in SQL Server 2016</t>
  </si>
  <si>
    <t>FIX: Error 3625 occurs during query execution when batch mode on rowstore is enabled in SQL Server 2019</t>
  </si>
  <si>
    <t>Fixes an issue where stack dumps may be generated frequently due to failed assertions and access violations when you enable Memory-Optimized tempdb Metadata (HkTempdb)</t>
  </si>
  <si>
    <t>Fixes an access violation dump that occurs after you run a query by using OUTER APPLY on sys.dm_db_index_operational_stats</t>
  </si>
  <si>
    <t>Fixes an issue where deployment is stuck in 'WaitingForControlPlaneFilesDownload' state with ObjectDisposedException in controller</t>
  </si>
  <si>
    <t>FIX: Contention on XVB_List spinlock in highly concurrent workloads when using RCSI</t>
  </si>
  <si>
    <t>FIX: CREATE STATISTICS WITH SAMPLE PERCENT command fails with error when Oracle data source has partitioned table</t>
  </si>
  <si>
    <t>FIX: sys.dm_exec_requests returns transaction_id as "0" in certain scenarios in SQL Server 2019</t>
  </si>
  <si>
    <t>FIX: LogConsumer::StartScan failed to get the control lock error occurs and the log writer activity stops completely in SQL Server 2019</t>
  </si>
  <si>
    <t>FIX: Higher than expected number of single row Columnstore rowgroups may be generated for Columnstore bulk insert when both large page allocator and scalable Columnstore bulk insert features are turned on</t>
  </si>
  <si>
    <t>FIX: Fail to create AG on top of FCI in SQL Server 2019</t>
  </si>
  <si>
    <t>FIX: Statistics are ignored when a query is run on PolyBase external table in SQL Server 2019</t>
  </si>
  <si>
    <t>FIX: SQL Server crashes when Afd!DbCreateSocketOperation process fails</t>
  </si>
  <si>
    <t>FIX: Unexpected error occurs when a query is run on an instance of SSAS</t>
  </si>
  <si>
    <t>FIX: Indefinite hang occurs during cube processing after applying SSAS 2016 SP2 CU7</t>
  </si>
  <si>
    <t>Fixes an issue where an online index operation using WHEN_SUPPORTED will fail on LOBs if in a transaction that has already done an update.</t>
  </si>
  <si>
    <t>When the full-text service fdhost is attempting to index a column with the content of type .eml using the filter c:\windows\system32\mimefilt.dll version 2008.0.19041.1, the fdhost.exe process stops with 0xc0000409 STATUS_STACK_BUFFER_OVERRUN.</t>
  </si>
  <si>
    <t>Fixes an error where you may receive the following error when you restore a TDE enabled database from a backup with compression option and "WITH FILE =" option is greater than 1. Msg 3241, Level 16, State 40, Line LineNumberThe media family on device 'FilePath\FileName' is incorrectly formed. SQL Server cannot process this media family.</t>
  </si>
  <si>
    <t>Forwarder is unable to reconnect to global primary following Global primary planned failover if the LISTENER_URL is modified</t>
  </si>
  <si>
    <t>Fixes an error that occurs when a change tracking function is called in MSTVF. Msg 443, Level 16, State 1, Procedure ProcedureName, Line LineNumber [Batch Start Line LineNumber] Invalid use of a side-effecting operator 'change_tracking_current_version' within a function.</t>
  </si>
  <si>
    <t>Fixes the issue of sending done token before sending the session kill state when session got killed. This fixes the issue of incorrect session state that occurs when a session is killed on SQL Server external data source instance</t>
  </si>
  <si>
    <t>Improvement: Adds a new external generic query builder in SQL Server 2019</t>
  </si>
  <si>
    <t>Fixes an issue where PolyBase fails when it is deployed on a platform (Windows or Linux) and the control node hostname resolves to an IPv6</t>
  </si>
  <si>
    <t>Fixes an issue with PolyBase SQL dump hash computation that uses MD5 which is not FIPS compliant</t>
  </si>
  <si>
    <t>This fix makes sure that when the "EXECUTE ('sql query') AT DATA_SOURCE [mydatasource]" query is executed, the connection options of [mydatasource] will be used when connecting to that data source</t>
  </si>
  <si>
    <t>Fixes Query Store scalability improvement for ad-hoc workloads. Query Store now imposes internal limits to the amount of memory it can use, and automatically changes the operation mode to read-only until enough memory has been returned to the Database Engine, preventing performance issues</t>
  </si>
  <si>
    <t>Fixes Non-yielding Scheduler error that may occur when Query Store tries to grow its memory structure during heavy workload</t>
  </si>
  <si>
    <t>Fixes SQL Server Assertion that occurs when the availability group is failed over manually to another replica. The failover succeeds however, the databases from the earlier primary (now the secondary) where the AG was failed from, does not come online and generates the assertion dumps. File: &lt;FilePath\FileName&gt;, line=LineNumber Failed Assertion = 'inCorrectOrder'</t>
  </si>
  <si>
    <t>FIX: VERIFY_CLONEDB prints message 'Clone database verification has failed' for the database if the database name starts with a number</t>
  </si>
  <si>
    <t>FIX: When you try to restore from a compressed or encrypted backup over an existing TDE enabled database, you may notice that the restore operation may take longer time than expecte</t>
  </si>
  <si>
    <t>When running a RESTORE HEADERONLY of a SQL Server 2016 backup you may notice error 3285 even if the correct block size has been specified. If the error persists after applying this fix, specify the proper block size or contact Microsoft Support for assistance</t>
  </si>
  <si>
    <t>Unable to connect to primary database replica after failing over the Availability Group in SQL Server</t>
  </si>
  <si>
    <t>Fixes an issue where the session gets killed when you run DBCC CHECKTABLE with PHYSICAL_ONLY due to disk full. The session remains in KILLED\ROLLBACK state and threads are waiting on CHECK_TABLES_THREAD_BARRIER wait type with increasing wait time.</t>
  </si>
  <si>
    <t>FIX: ISDBUpgradeWizard.exe throws error when you try to upgrade SSISDB after restoring from earlier versions in SQL Server</t>
  </si>
  <si>
    <t>Tools</t>
  </si>
  <si>
    <t>FIX: Newly added articles' snapshot doesn't get applied to subscriber in SQL Server 2016 and 2019</t>
  </si>
  <si>
    <t>FIX: Intermittent connection error occurs when an expression is used for both connection string and password of a connection manager</t>
  </si>
  <si>
    <t>Fixes deadlocks that occur in [catalog].[set_execution_property_override_value]</t>
  </si>
  <si>
    <t>Engine</t>
  </si>
  <si>
    <t>Fixes an access violation exception that occurs while querying sys.dm_db_stats_properties for a table with a spatial index in SQL Server 2019</t>
  </si>
  <si>
    <t>FIX: Log reader agent generates access violation exception for P2P or transactional replication with partitioning tables in SQL Server 2016 and 2019</t>
  </si>
  <si>
    <t>FIX: Automatic seeding failure occurs for a secondary replica in SQL Server 2016 and 2019</t>
  </si>
  <si>
    <t>New logging and XEvents to help troubleshoot long-running Buffer Pool scans</t>
  </si>
  <si>
    <t>Adds a randomization logic when mapping writers to pods in SQL Server 2019</t>
  </si>
  <si>
    <t>Fixes the query hang issue that occurs in SQL Server 2019 when querying an external table through PDW</t>
  </si>
  <si>
    <t>Enables async path for PolyBase remote query and add cleanups for timeout/abort in SQL Server 2019</t>
  </si>
  <si>
    <t>Fixes the Assertion failure that occurs when group properties for CLeafOp children are derived</t>
  </si>
  <si>
    <t>Fixes an Access violation that occurs when showplan xml Xevent is enabled, and an in-memory procedure containing a 'SELECT without FROM clause' is executed.</t>
  </si>
  <si>
    <t>Fixes Graph LAST_NODE = LAST_NODE predicate issue by including a second pass for LAST_NODE expressions and to include an appropriate predicate in the query tree.</t>
  </si>
  <si>
    <t>FIX: Incorrect results occur when you run INSERT INTO SELECT statement on memory-optimized table variables in SQL Server</t>
  </si>
  <si>
    <t>DBCC SHRINKFLE or SHRINKDATABASE can cause an assertion exception error when executed against database or files containing system-versioned temporal tables</t>
  </si>
  <si>
    <t>Temporal</t>
  </si>
  <si>
    <t>FIX: Cascade delete on key values outside of leading table histogram bounds causes index scan in SQL Server 2017 and 2019</t>
  </si>
  <si>
    <t>FIX: COMPILE blocking occurs when executing many concurrent stored procedures in SQL Server 2017 and 2019</t>
  </si>
  <si>
    <t>Fixes Monitor and Sync replication agent job error that occurs when a job runs on the new secondary replica after failover of the Availability Group that hosts the distribution database for transactional replication. Unable to post notification to SQLServerAgent (reason: The maximum number of pending SQLServerAgent notifications has been exceeded. The notification will be ignored.) [SQLSTATE 42000] (Error 22022). The step failed</t>
  </si>
  <si>
    <t>FIX: Incorrect results can occur when you run linked server query with aggregates or joins on table with filtered index on a remote server in SQL Server</t>
  </si>
  <si>
    <t>FIX: Access Violation exception occurs in Availability Groups in SQL Server 2017 under certain conditions</t>
  </si>
  <si>
    <t>FIX: SSIS ScaleOut Execution intermittently reports "Unexpected Termination" in the execution status but all tasks get completed successfully.</t>
  </si>
  <si>
    <t>ScaleOut</t>
  </si>
  <si>
    <t>Fixes an Access violation error that occurs whenever 'sp_refreshsqlmodule' function is executed quickly several times in a row causing a stack dump to be generated</t>
  </si>
  <si>
    <t>FIX: Database mail doesn't send e-mail messages when IP address is specified in mssql-conf</t>
  </si>
  <si>
    <t>Fixes an issue where selecting from sys.databases when there are a large number of databases in SQL Server 2019 take longer time to execute when compared to earlier versions of SQL Server</t>
  </si>
  <si>
    <t>FIX: Query returns different result set when run on In-memory optimized tables and disk-based tables in SQL Server 2019</t>
  </si>
  <si>
    <t>Improvement: A manual method to set maximum group commit time in SQL Server 2017 and 2019</t>
  </si>
  <si>
    <t>Improves SSISDB performance by adding indexes to event_message_context and execution_property_override_values tables in SQL Server 2019</t>
  </si>
  <si>
    <t>Fixes the non-yielding scheduler condition that occurs when AG listener is created with invalid IP address in SQL Server 2019 on Linux</t>
  </si>
  <si>
    <t>Fixed an issue in SQL Server Analysis Services to allow users to use AVERAGE function with extension columns.</t>
  </si>
  <si>
    <t>Fixed an issue with excessive number of informational messages in the Error log when Accelerated Database Recovery (ADR) is disabled for a database.</t>
  </si>
  <si>
    <t>Fixed issue where ALTER AVAILABILITY GROUP SET (ROLE=SECONDARY) raises an error 41104. However, it doesn't impact the Always On Availability Group health.</t>
  </si>
  <si>
    <t>FIX: PolyBase queries can now be run with EXECUTE AS impersonation context in SQL Server 2019</t>
  </si>
  <si>
    <t>FIX: SQL Server error log receives several ADR enabled/disabled messages even when ADR isn't explicitly enabled/disabled</t>
  </si>
  <si>
    <t>This change improves external lease renew time for external cluster type in SQL Server 2019.</t>
  </si>
  <si>
    <t>FIX: Deadlock occurs between Availability Group Configuration and Replica Transport State Lock in SQL Server 2019</t>
  </si>
  <si>
    <t>FIX: Incorrect results occur when you run INSERT INTO SELECT statement on memory-optimized table variables in SQL Server 2016</t>
  </si>
  <si>
    <t>Fixed Master Data Services (MDS) Filter for Business Rule Validation which doesn't show a reason for failure after 'x' number of records.</t>
  </si>
  <si>
    <t>SSAS Multidimensional deployment mode may encounter Access Violation (AV) upon Excel grouping with Create Session cube followed by MDSCHEMA_MEMBERS. AV exception may occur many times that SSAS may reach the maximum exception limit and eventually terminate.</t>
  </si>
  <si>
    <t>When an extended event that outputs a query plan is enabled, execution of a natively compiled stored procedure incorrectly included actual execution plan information in the output, which could cause errors if the client application does not expect such output.</t>
  </si>
  <si>
    <t>FIX: Errors may occur or PolyBase services fail to start when you run PolyBase queries on a non-English OS</t>
  </si>
  <si>
    <t>FIX: PolyBase processes will be started to avoid dump during provisioning in SQL Server 2019</t>
  </si>
  <si>
    <t>Updated error messages to remove inconsistent use of word SQL.</t>
  </si>
  <si>
    <t>Fixed an unexpected error that occurs when you deploy a 1500 compatibility mode model with relationship and Direct Query mode ON. An unexpected error occurred (file 'FileName', line LineNumber, function 'FunctionName')</t>
  </si>
  <si>
    <t>Improvement: Availability Group listener without the load balancer in SQL Server 2019</t>
  </si>
  <si>
    <t>Fixed issue where a plan does not get cached (no SP:CacheInsert in trace) when the Interleaved Execution for MSTVFs feature is used and the MSTVF contains a LOB parameter that requires a conversion.</t>
  </si>
  <si>
    <t>XEvent sqlsni.sni_trace does not fire unless sqlsni.trace is enabled in SQL Server 2019.</t>
  </si>
  <si>
    <t>FIX: Joins not getting pushed down for PolyBase query that joins multiple external tables</t>
  </si>
  <si>
    <t>Query Store scalability improvement for adhoc workloads. Query Store now imposes internal limits to the amount of memory it can use and automatically changes the operation mode to READ-ONLY until enough memory has been returned to the Database Engine, preventing performance issues.</t>
  </si>
  <si>
    <t>Fixed Web UI Explorer display issue in SQL Server 2019 Master Data Services (MDS) in which the column width remains constant irrespective of any display width configured at attribute level.</t>
  </si>
  <si>
    <t>FIX: SQL Server 2019 service fails to start in Linux operating system</t>
  </si>
  <si>
    <t>PATINDEX returns wrong result for non-Latin input string when you use Latin1_General_100_BIN2_UTF8 collation.</t>
  </si>
  <si>
    <t>FIX: Different result set for the same query using dm_sql_referenced_entities in SQL Server 2019</t>
  </si>
  <si>
    <t>Fixed long package execution time involving SSIS task of type TransferSqlServerObjectsTask when database contains tens of thousands of tables and the db user is not db_owner.</t>
  </si>
  <si>
    <t>Fixed an issue that reduced throughput and caused higher CPU when you run workloads that frequently allocate and release memory, such as XML related functions.</t>
  </si>
  <si>
    <t>FIX: Snapshot agent fails when you create Transactional Publication with all tables and UDFs in SQL Server 2019</t>
  </si>
  <si>
    <t>FIX: Inconsistency occurs when ghost rows are inserted into mapping index rowset</t>
  </si>
  <si>
    <t>Under (rare) certain circumstances, memory grant re-calculation can cause an access violation.</t>
  </si>
  <si>
    <t>Python and R CAB files for SQL Server Machine Learning Services on Windows and mssql-mlservices packages on Linux are updated to version 9.4.7.958. On Windows, it fixes "Cannot resume session with terminated pooled process" error while launching Python/R runtimes. On Linux, it enables successful installation of mssql-mlservices-mlm-r package on RHEL8.</t>
  </si>
  <si>
    <t>FIX: Table Variable Deferred Compilation feature on SQL Server 2019 database remains enabled when database compatibility level is 140 or lower</t>
  </si>
  <si>
    <t>FIX: Add language and extension directories to the PATH environment variable in SQL Server 2019</t>
  </si>
  <si>
    <t>Fixes failure of SQL Server Extensibility Runtimes Setup on FIPS compliant servers.</t>
  </si>
  <si>
    <t>wce500;x64</t>
  </si>
  <si>
    <t>FIX: Error occurs when using DBCC operations while TDE key change happens in SQL Server 2019</t>
  </si>
  <si>
    <t>FIX: Error occurs when row width is less than DMS buffer size of 32K and an incorrect return path is chosen in SQL Server 2019</t>
  </si>
  <si>
    <t>Fixes an issue in Master Data Services 2019 where you cannot input multiline content in text attributes.</t>
  </si>
  <si>
    <t>FIX: Widerow insert to an external table is not supported when the row width is more than 32K in SQL Server 2019</t>
  </si>
  <si>
    <t>Updates the Zulu JRE version to zulu11.37.18-sa-jre11.0.6.101.</t>
  </si>
  <si>
    <t>Fixes an issue in MDS Filtered results where the user is not returned to page 1 and the page count is not updated until returning to page 1.</t>
  </si>
  <si>
    <t>FIX: Incorrect results occur when you run PolyBase query to read text files from Hadoop in SQL Server 2019</t>
  </si>
  <si>
    <t>Updates RSetup with the updated FWLINK version 3.5.2.777.</t>
  </si>
  <si>
    <t>Fixes a performance issue when a query outputs NULL values following a semi join in SQL Server 2019 for a database with UTF8.</t>
  </si>
  <si>
    <t>Column description disappears after exporting/importing models through MDSModelDeploy for an approval required entity in SQL Server 2019.</t>
  </si>
  <si>
    <t>This update fixes an issue with sys.dm_db_stats_histogram not showing NULL value histogram step.</t>
  </si>
  <si>
    <t>Fixes an error that occurs when a session cube is created on a database and you try to query from that session cube. The following error is received when you query the session cube: Server: The operation has been cancelled because there is not enough memory available for the application. If using a 32-bit version of the product, consider upgrading to the 64-bit version or increasing the amount of memory available on the machine.</t>
  </si>
  <si>
    <t>Fixes long duration for Integration Services Project deployment through powershell by improving search of operation messages in deployment process</t>
  </si>
  <si>
    <t>DELETE statement returns Foreign Key check constraint error even when REFERENCE table has no matching rows. Msg 547, Level 16, State 0, Line LineNumber The DELETE statement conflicted with the REFERENCE constraint "ConstraintName". The conflict occurred in database "DatabaseName", table "TableName", column 'ColumnName'. The statement has been terminated.</t>
  </si>
  <si>
    <t>FIX: Intermittent Availability Group failover occurs as AG helper connection times out while connecting to SQL Server</t>
  </si>
  <si>
    <t>Fixes an assertion exception that occurs when you query the DMV sys.dm_hadr_automatic_seeding.</t>
  </si>
  <si>
    <t>This update adds detailed error information to the pacemaker log when pacemaker agent fails to connect to SQL Server resource to obtain health status.</t>
  </si>
  <si>
    <t>Error occurs when mashup is used to import from Active Directory (AD) using the default M query generated from the connection wizard. Key Expression Error: The key didn't match any rows in the table</t>
  </si>
  <si>
    <t>FIX: Assertion failure occurs when you try to insert record into a page in fully logged mode in SQL Server 2017 and 2019</t>
  </si>
  <si>
    <t>FIX: Transactional replication publications can support URL type device to initialize subscriptions from backups in Azure Blob Storage in SQL Server 2017</t>
  </si>
  <si>
    <t>When you run a SELECT query in Read Committed Snapshot Isolation (RCSI) on Clustered Columnstore Index (CCI) on a table in SQL Server 2019, the query may return incorrect number of rows under rare conditions.</t>
  </si>
  <si>
    <t>Unable to change the DateTime/Number attributes to NULL in Master Data Services (MDS).</t>
  </si>
  <si>
    <t>Fixes the Japanese translation for "State" in SQL Configuration Manager.</t>
  </si>
  <si>
    <t>Access violation exception occurs when a query that references a non-exsting partition function is executed.</t>
  </si>
  <si>
    <t>FIX: Assertion error occurs on the mirror server during redo process hitting. Assertion: File: &lt;FilePath\FileName&gt;, line = LineNumber Failed Assertion = 'result == LCK_OK'</t>
  </si>
  <si>
    <t>FIX: Concurrent inserts against tables with columnstore indexes may cause queries to hang in SQL Server 2016 and 2019</t>
  </si>
  <si>
    <t>FIX: Distributed transactions may experience long waits with DTC_STATE wait type in SQL Server 2016 and 2019</t>
  </si>
  <si>
    <t>When DBCC CHECKTABLE, CHECKFILEGROUP and CHECKDB commands are issued against a database with table that contains columnstore index located on read-only non-primary filegroup, you may receive the following error: Msg 8921, Level 16, State 1, Line LineNumber Check terminated. A failure was detected while collecting facts. Possibly tempdb out of space or a system table is inconsistent. Check previous errors.</t>
  </si>
  <si>
    <t>FIX: Upgrade script may fail if you use Always On Failover Cluster Instance as a secondary replica in SQL Server 2016 and 2019</t>
  </si>
  <si>
    <t>FIX: Full-Text search auto crawl stops when AG goes offline in SQL Server</t>
  </si>
  <si>
    <t>When you run an ALTER command WITH ROLLBACK IMMEDIATE, the rollback can trigger before the command is processed, thus rolling back transactions even if the ALTER itself fails due to lack of permissions. This fix makes sure that the rollback is processed only after the ALTER command completes.</t>
  </si>
  <si>
    <t>When a replication error such as deadlock occurs, random id is inserted in MSRepl_Errors table while it should be just incremented by 1 from the previous id value. This cumulative update (CU) fixes the issue and the MSRepl_Errors will insert entries with row id incremented by 1 instead of using some random value.</t>
  </si>
  <si>
    <t>When you concurrently create sub directories in a FileTable directory, a deadlock may occur internally in the SQL Server Engine and all subsequent requests to FileTable directories and files may not respond.</t>
  </si>
  <si>
    <t>SSRS 2016 URLs are case-sensitive after applying Security update GDRs: KB4532097 and KB4535706.</t>
  </si>
  <si>
    <t>DBCC CHECKDB reports corruption on spatial index incorrectly if base table has a column called ID.</t>
  </si>
  <si>
    <t>FIX: Error 8992 occurs when you run DBCC CHECKDB on cloned database in SQL Server 2019</t>
  </si>
  <si>
    <t>Fixes intermittent connection issue with SSIS package executions when expression is used for both connection string and password of a connection manager.</t>
  </si>
  <si>
    <t>FIX: Error occurs when you try to filter the members of an entity for numeric values less than or greater than '0' in MDS 2019</t>
  </si>
  <si>
    <t>Improvement: Enables RLS feature for PolyBase by default in SQL Server 2019.</t>
  </si>
  <si>
    <t>Fixes an issue to reduce parallel redo thread shutdown and startup thread messages in error log on servers with fewer cores and more idle databases.</t>
  </si>
  <si>
    <t>FIX: SQL Server fails to start when remote admin connections are enabled and IPV6 is disabled on the host</t>
  </si>
  <si>
    <t>FIX: Unable to restore SQL Server database from previous versions on NVMe device partitioned in 4K block size</t>
  </si>
  <si>
    <t>Fixes errors that occur in SCOM 2019, when you upgrade from SQL Server 2016 or 2017 to SQL Server 2019 CU5 with UDF inlining ON</t>
  </si>
  <si>
    <t>Fixes an issue in agent join during deployment due to pod IP address mismatch in SQL Server 2019</t>
  </si>
  <si>
    <t>FIX: Istio proxy fails as automountServiceAccountToken is set to FALSE in CU5 for SQL Server 2019</t>
  </si>
  <si>
    <t>The external satellite processes in SQL Server have a restriction to not use more than 8 cores on the system for satellite worker threads, but in case of highly parallel execution all the process are restricted to same set of 8 cores on the machine and don't use the other cores available on the system. This issue only happens on Windows and slows down highly parallel queries. The fix is to allow the processes to use 8 cores rather than the fixed set of cores on the system</t>
  </si>
  <si>
    <t>Fixes an access violation error that might occur when auditing commands that require password masking</t>
  </si>
  <si>
    <t>Fixes an access violation that occurs when executing system function sys.fn_get_audit_file to read Audit file in SQL Server 2019</t>
  </si>
  <si>
    <t>This update fixes a rare race condition in PolyBase query cancellation</t>
  </si>
  <si>
    <t>Fixes access violation exception that occurs when plan cache involves sys.dm_hadr_ag_threads and sys.dm_hadr_db_threads DMVs</t>
  </si>
  <si>
    <t>FIX: "Culture is not supported" error occurs when you execute PolyBase query in SQL Server 2019</t>
  </si>
  <si>
    <t>FIX: Remote Hadoop bridge fails when using Hadoop connectivity levels other than seven in SQL Server 2019 on Linux</t>
  </si>
  <si>
    <t>FIX: Access violation occurs when MSTVF references an In-Memory OLTP large-value data type with interleaved execution enabled in SQL Server 2019</t>
  </si>
  <si>
    <t>Removes unrelated warning message that is generated during PolyBase engine start or when PolyBase XEvent config environment variable is not set "is not a rooted path. Expect a rooted path for XE config file from envrionment variable."</t>
  </si>
  <si>
    <t>Fixes error "Field not found in the applicable tables" when you query external table with DATE/TIMESTAMP literals in WHERE clause and the external data source ODBC driver does support not ANSI format</t>
  </si>
  <si>
    <t>FIX: INSERT EXEC doesn't work when you insert row containing explicit identity value into table with IDENTITY column and IDENTITY_INSERT is OFF by default in SQL Server 2019</t>
  </si>
  <si>
    <t>Fixes high CPU consumption on Availability Group secondary database when using multiple redo threads and uninitialized LSN, leading to extra reads under some rare scenarios</t>
  </si>
  <si>
    <t>Fixes a case where an error for a failed PolyBase query may not always get propagated to the user, instead returning the partial result set</t>
  </si>
  <si>
    <t>Fixes race condition where a PolyBase query might hang when the corresponding execution plan involves a query against an external data source that fails right after submission.</t>
  </si>
  <si>
    <t>This update allows PolyBase external tables for Teradata database to map ByteInt data type to TinyInt data type</t>
  </si>
  <si>
    <t>Adds a new dsqlplan XEvent in PDW to collect dsql plan</t>
  </si>
  <si>
    <t>Adds support to communicate with a private network from sp_execute_external_script query in SQL Server 2019 "OSError: [WinError 10013] An attempt was made to access a socket in a way forbidden by its access permissions"</t>
  </si>
  <si>
    <t>FIX: Error occurs when you insert data from one replicated BDC data pool table to another in SQL Server 2019</t>
  </si>
  <si>
    <t>Updates the Zulu JRE version to zulu11.37.18-sa-jre11.0.6.101</t>
  </si>
  <si>
    <t>Assertion exception occurs when the system function sys.fn_xe_file_target_read_file is executed in SQL Server 2019 Assert reference (Location: FileName:LineNumber, Expression: pvb-&gt;FInUse ()) or (Location: FileName:LineNumber, Expression: !"No exceptions should be raised by this code")</t>
  </si>
  <si>
    <t>FIX: Query slowness occurs when CPU-intensive SQL Server system tasks run in SQL Server 2019</t>
  </si>
  <si>
    <t>Fixes an unexpected result issue for variables when you use multiple variable assignments from SELECT statement that has scalar UDF inlining. After you apply this update, SQL Server blocks UDF inlining in special cases of select-with-assignment queries.</t>
  </si>
  <si>
    <t>When you execute a SELECT query against a PolyBase external data source and the query contains columns whose names only differ by case (such as ID and Id), you notice that PDW engine may generate an incorrect landing table schema which results in following error: Msg 7320: Cannot execute the query "Remote Query" against OLE DB provider "MSOLEDBSQL" for linked server "(null)". Column names in each table must be unique. Column name 'ID' in table 'TableName' is specified more than once.</t>
  </si>
  <si>
    <t>This update contains an improvement for object level lock optimization on secondary replicas of Always On Availability Groups. This improvement addresses the schema lock contention on secondary replica redo, especially when the number of logical processors is large.</t>
  </si>
  <si>
    <t>Fixes the following numeric overflow error when you attempt to create a PolyBase external table targeting a Teradata table with more than 2,147,483,647 rows, the Teradata system's default session mode is 'Teradata', and you didn't change the session mode of the PolyBase connection by including 'SessionMode=ANSI' in the CONNECTION_OPTIONS of the external data source that is used in the CREATE EXTERNAL TABLE statement. Error: 105082;Generic ODBC error: [Microsoft][ODBC Teradata Driver][Teradata Database](-2616)Numeric overflow occurred during computation.&amp;nbsp;</t>
  </si>
  <si>
    <t>When using FileTables in SQL Server, you may notice dumps being generated periodically that contain an assertion in function FFtFileObject::ProcessPostCreate. In some environments, these dumps may trigger a failover FtFileObject::ProcessPostCreate file = fftfo.cpp line = LineNumber expression = FALSE</t>
  </si>
  <si>
    <t>This update contains an improvement for XML Validation in SSIS XML Tasks. This improvement allows validation of INCLUDED schemas in XML task.</t>
  </si>
  <si>
    <t>This improvement changes the behavior of Availability Group informational messages to not be printed to the log by default: UpdateHadronTruncationLsn(X) (force=Y): Primary: Z:Z:Z Secondary: A:A:A Partial Quorum : B:B:B Aggregation: C:C:C Persistent: D:D:D</t>
  </si>
  <si>
    <t>Corrects a regression to allow Recursive Hierarchies to display child items correctly.</t>
  </si>
  <si>
    <t>FIX: Assertion dump occurs when Implicit Transactions are enabled in SQL Server 2016, 2017, and 2019</t>
  </si>
  <si>
    <t>Excel MDX queries running against an SSAS Tabular instance may return incorrect result when you convert PivotTable Filters to formulas.</t>
  </si>
  <si>
    <t>Fixes issue with access violation exception when you execute query with UDF and multiple grouping. After applying this update, SQL Server blocks UDF inlining if GROUP BY includes multiple groupings.</t>
  </si>
  <si>
    <t>Fixes an issue with an orphaned spinlock due to access violation and results in the repeatedly printed in messages log: "getspinlock pre-Sleep() after AV"</t>
  </si>
  <si>
    <t>This improvement can force the Query Store option to be turned off by specifying the additional option FORCED in the ALTER DB command. FORCED option allows you to turn off Query Store immediately by aborting all background tasks. ALTER DATABASE {0} SET QUERY_STORE = OFF (FORCED)</t>
  </si>
  <si>
    <t>FIX: ISDBUpgradeWizard.exe throws error when you try to upgrade SSISDB after restoring from earlier versions in SQL Server 2019</t>
  </si>
  <si>
    <t>DMV query $system.DISCOVER_STORAGE_TABLES can execute slowly against in-memory model which contains many tables and large table row counts in SQL Server 2019</t>
  </si>
  <si>
    <t>FIX: Error occurs when you try to create a differential backup on secondary replica in SQL Server</t>
  </si>
  <si>
    <t>FIX: Assertion error occurs when you run resumable index build statement in SQL Server</t>
  </si>
  <si>
    <t>FIX: Support for REJECTED_ROW_LOCATION parameter in CREATE EXTERNAL TABLE in SQL Server 2019 box product</t>
  </si>
  <si>
    <t>FIX: Transaction commit delay time is higher under low usage workloads in SQL Server 2017 and 2019</t>
  </si>
  <si>
    <t>Memory may be increased and not be released when a SQL Server outbound connect like Linked Servers fails. This may happen because a socket structure is not deallocated properly</t>
  </si>
  <si>
    <t>FIX: Unable to reconfigure Database mirroring when ADR is enabled and disabled in SQL Server 2019</t>
  </si>
  <si>
    <t>Script "system_xevents_modification.sql" downgraded failed with error 935 which causes master database not able to recover with error 3417 and then SQL Server is unable to start</t>
  </si>
  <si>
    <t>FIX: Allow external resource pool to use more than one processor group in SQL Server 2019 on Windows</t>
  </si>
  <si>
    <t>AD access to SQL Server 2019 BDC endpoints fails when domain DNS name and endpoint DNS names do not match</t>
  </si>
  <si>
    <t>Deployment gets blocked when domain DNS name and realm name are different in SQL Server 2019 BDC</t>
  </si>
  <si>
    <t>FIX: VDI backup fails with error after applying SQL Server 2019 CU2/CU3/CU4</t>
  </si>
  <si>
    <t>You can retrieve the SQL Server Big Data Cluster controller endpoint by querying the new property SELECT SERVERPROPERTY ('ControllerEndpoint').</t>
  </si>
  <si>
    <t>When you deploy SQL Server Big Data Clusters in Active Directory mode, SQL Server uses domain DNS name to create user in SQL Server. When the DNS name and realm name are different, failures may occur. After installing this update, SQL Server will use realm name to create user in SQL Server.</t>
  </si>
  <si>
    <t>SQL BDC Polybase</t>
  </si>
  <si>
    <t>When a Windows principal that is not mapped to a specific database user accesses a database by using membership in a windows group or AAD group, a user id of 0 may be assigned to the user. When the user tries to use libraries that are installed by other dbo/sysadmin user, the user may not see any external libraries. After applying this update, a user id of 0 would have access to external libraries installed by the dbo (libraries in public scope). Since there is no database user that is mapped to the Windows principal, the user with user id 0 cannot create or install external libraries.</t>
  </si>
  <si>
    <t>FIX: Changes to firewall rules created when you install PolyBase in scale-out group configuration in SQL Server 2019</t>
  </si>
  <si>
    <t>Shiproom&amp;nbsp;Enables the following keys to be specified in the CONNECTION_OPTIONS of a PolyBase Generic ODBC External Data Source: PolyBaseOdbcSupportsRowCount, PolyBaseOdbcSupportsMetadataIdAttributes, PolyBaseOdbcSupportsBindOffset, PolyBaseQoTopPushdownSyntax</t>
  </si>
  <si>
    <t>Disables PolyBase Generic ODBC External Data Sources' default behavior of pushing down the TOP operator and calling the SQLRowCount function</t>
  </si>
  <si>
    <t>You can access configurations that ship with PolyBase when specifying a DSN in the CONNECTION_OPTIONS of a Generic ODBC External Data Source definition. The options are picked up by matching the driver name used in the DSN definition. This currently applies to the following drivers: • IBM DB2 ODBC DRIVER • HDBODBC • Microsoft Spark ODBC Driver</t>
  </si>
  <si>
    <t>If trace flag 6424 is enabled, this fix will dump PolyBase processes if SQL Server dumps.</t>
  </si>
  <si>
    <t>FIX: SQL Server may still read data from secondary replica when ALLOW_CONNECTIONS is set to NO</t>
  </si>
  <si>
    <t>FIX: sp_execute_external_script may fail to run R scripts that use the RxLocalParallel compute context or the doParallel R package in SQL Server 2019</t>
  </si>
  <si>
    <t>FIX: Assertion exception occurs when you query the DMV sys.dm_db_file_space_usage in SQL Server 2019</t>
  </si>
  <si>
    <t>This will fix performance problems in PBI and Multidimensional models user scenario</t>
  </si>
  <si>
    <t>This will fix the functional issues with initial performance fix for dense measures evaluation in SuperDAXMD mode</t>
  </si>
  <si>
    <t>This will fix a functional results issue with the usage of NOT IN operator in DAX when OPTIMIZEDNOTINOPERATOR optimization is enabled.</t>
  </si>
  <si>
    <t>When shrinking a database, you may receive a database consistency error if the shrinking process encounters an IAM page that is the first and only IAM page. The symptoms may include assertions errors involving heapdataset. Confirm that you do not have any inconsistencies by executing DBCC CHECKDB after shrink operations. Applying this update will prevent future occurrence of this issue and not clean up past inconsistencies.</t>
  </si>
  <si>
    <t>FIX: Availability Group failover generates lot of dumps as DTC support is toggled between PER_DB and NONE multiple times</t>
  </si>
  <si>
    <t>sys.key_constraints reports two rows for an index if the XML component id is same as the "object_id" of a primary key</t>
  </si>
  <si>
    <t>Fix the issue that when using ODBC components in Foreach Loop component, the ODBC component will meet 'Function sequence error' in the second loop during package execution.&amp;nbsp;</t>
  </si>
  <si>
    <t>Improvement: MAXTRANSFERSIZE no longer required to enable backup compression on TDE encrypted databases</t>
  </si>
  <si>
    <t>Show More Members functionality for Explicit Hierarchies do not show more than 50 members in Master Data Services (MDS) 2019.</t>
  </si>
  <si>
    <t>When you attempt to enable Log Shipping feature in SQL Server on Linux, you may receive an error message that resembles the following: Msg 32018, Level 16, State 3, Server mssql02, Procedure master.dbo.sp_add_log_shipping_secondary_primary, Line LineNumber Log shipping is not installed on this instance. RegQueryValueEx() returned error 2, 'The system cannot find the file specified.'</t>
  </si>
  <si>
    <t>When inserting into PolyBase external tables from SQL Server head data or tables, query may fail (instead of waiting for resources) if 32 PolyBase queries are currently running.</t>
  </si>
  <si>
    <t>When 32 or more PolyBase queries are scheduled concurrently, deadlock may occur and current and subsequent PolyBase queries may stall and may not be cancellable.</t>
  </si>
  <si>
    <t>When PolyBase queries are cancelled shortly after being scheduled, the cancellation may timeout after one hour (and fail to cancel the execution) and generate a dump of Data Movement service.</t>
  </si>
  <si>
    <t>FIX: Distribution Agent "Parameterized values for above command" log message is missing</t>
  </si>
  <si>
    <t>Msg 3628 (The Database Engine may receive a floating point exception from the operating system while processing a user request) may occur during a clustered columnstore index rebuild.</t>
  </si>
  <si>
    <t>Access violation occurs when a query is executed against a filtered index in SQL Server 2019</t>
  </si>
  <si>
    <t>FIX: Analysis Services Execute DDL task may fail to impersonate the user context to the remote Analysis services instance in SQL Server 2017 and 2019</t>
  </si>
  <si>
    <t>For SQL Server 2019 on Linux or Big Data Cluster configured to use AD auth, you may notice a reduction in size of core dumps generated after installing the update.</t>
  </si>
  <si>
    <t>When you use DELETE statement on a table in SQL Server, you may receive the following error message as no matching rows exists in the referenced tables. Msg 547, Level 16, State 0, Line LineNumber The DELETE statement conflicted with the REFERENCE constraint "constraint name". The conflict occurred in database "database name", table "table name", column 'column name'. The statement has been terminated.</t>
  </si>
  <si>
    <t>Encrypt keyword is missing from externalaccessconfig in SQL Server 2019</t>
  </si>
  <si>
    <t>FIX: Credential update frequency option is added to mssql-conf option in SQL Server 2019 on Linux</t>
  </si>
  <si>
    <t>FIX: Setup is unable to extract product update when it is executed as LOCAL SYSTEM with UPDATE SOURCE option specified in SQL Server 2019</t>
  </si>
  <si>
    <t>Improvement: Enables custom event configuration for XEVENT Session EngineService in SQL Server 2019</t>
  </si>
  <si>
    <t>This improves MDX query execution performance against a dimension user hierarchy which is a ragged hierarchy (HideMemberIf property set) and has deep hierarchy level in SSAS Multidimensional instance.</t>
  </si>
  <si>
    <t>When FIPS is enabled on the server (using MSKB article 811833), you may not be able to use Managed Backup on a SQL Server 2019 instance and you may encounter the following error: Msg 45207, Level 17, State 17, Line 102 The operation failed because of an internal error. Exception has been thrown by the target of an invocation. Please retry later.&amp;nbsp;</t>
  </si>
  <si>
    <t>FIX: Blocking may occur when Reduce Recompilations feature is enabled by default in SQL Server 2019</t>
  </si>
  <si>
    <t>Access violation may occur when a cursor is used to retrieve data from scalar UDF and the underlying table contains primary key.</t>
  </si>
  <si>
    <t>SQL Server may block renaming a database when the database consists of one or more external data pool tables. If you attempt to rename the database in the scenario, you may get the following error: Alter database name is not supported in Big Data Cluster if the database contains external data pool tables. Drop the external data pool tables to perform the operation.</t>
  </si>
  <si>
    <t>When you use Accelerated Database Recovery feature on a database in SQL Server 2019, which is part of an Availability Group or Transactional Replication, an assertion error occurs. (Location: recovery.cpp:LineNumber, Expression: (!!lp-&gt;IsFlagOn (LogRec::LOG_TO_SLOG)) == recXdes-&gt;DoesXactSupportCTR () || lp-&gt;GetOpCode () == LOP_CTR_NEST_ABORT)&amp;nbsp;</t>
  </si>
  <si>
    <t>Spatial data types (Geometry and Geography) are implemented as CLR data types in SQL Server. When the application domain hosting the spatial data type structures is unloaded, the engine treats this as a schema change to the underlying objects referenced in the cursor. As a result, spatial query may fail with related error message when the schema change is detected.</t>
  </si>
  <si>
    <t>When you try to build relationship on a model that contains many measures with USERELATIONSHIP function, this fix can improve the processing performance and also reduce the time of "sequence point algorithm" step.</t>
  </si>
  <si>
    <t>Access violation exception occurs when querying sys.dm_cluster_endpoints in SQL Server 2019 on Big Data Cluster</t>
  </si>
  <si>
    <t>In explore page, you may not be able to revert the changes in changeset.</t>
  </si>
  <si>
    <t>Enable SQL Server Big Data Clusters Active Directory (AD) deployments when domain controllers are not acting as DNS servers.</t>
  </si>
  <si>
    <t>When you have external tables on a database in SQL Server 2019 and try to publish different tables from the same database, you may receive the following error message in SSMS: New Publication Wizard encountered one or more errors while retrieving the list of articles on 'database name'. The list of articles may not be complete. Additional Information: Data is Null. This method or property cannot be called on Null values.</t>
  </si>
  <si>
    <t>When using INSERT INTO … VALUES (…) or INSERT INTO SELECT… statement to populate Data Pool external table and if user specifies the target table columns, the list of target table column names must have the same order as the source table columns and must be the full list. Starting this cumulative update, you will get detailed new errors outlining these conditions: "Source column count must match the # of columns in the destination table" "Order of source columns must match the order of columns in the destination table"</t>
  </si>
  <si>
    <t>FIX: Access violation may occur when enumerating files in a FileTable in SQL Server</t>
  </si>
  <si>
    <t>SQL Agent jobs that require access to credentials stored in master database may not be executed when you use Always On availability group in SQL Big Data Cluster.</t>
  </si>
  <si>
    <t>Access violation error occurs when you cancel queries against Big Data Cluster (BDC) storage pool or any OPENROWSET query on an instance of SQL Server 2019.</t>
  </si>
  <si>
    <t>FIX: sp_execute_external_script doesn't run when you install SQL Server 2019 with Machine Learning Services and a customized Shared feature directory</t>
  </si>
  <si>
    <t>Adds new SERVERPROPERTY "IsBigDataCluster" to retrieve a boolean value that describes whether the instance is BDC or not.</t>
  </si>
  <si>
    <t>Starting from Cumulative Update 4 (CU4) for SQL Server 2019, when auditing DMVs and DBCC commands to get query optimization statistics and if sensitive data is revealed, the 'data_sensitivity_information' column of the audit record will be populated.</t>
  </si>
  <si>
    <t>Improves SQL Writer for better handling of COPY_ONLY backup messages in SQL Server 2019.</t>
  </si>
  <si>
    <t>Improved error message is returned when you try to link the base and history tables on which data classification is already defined.</t>
  </si>
  <si>
    <t>FIX: Non-yielding scheduler condition occurs with CONNECTION_MANAGER spinlock in SQL Server</t>
  </si>
  <si>
    <t>FIX: SQL Server may terminate due to lock conflicts during error message processing in SQL Server 2016 and 2019</t>
  </si>
  <si>
    <t>FIX: MERGE statement fails with assert “Attempt to access expired blob handle (1)” in SQL Server 2016 and 2019</t>
  </si>
  <si>
    <t>FIX: Non-yielding scheduler dump occurs in InterlockedCompareExchangePointer and SOS_RWLock in SQL Server 2016 and 2019</t>
  </si>
  <si>
    <t>FIX: Management Data Warehouse Server Activity Collection Set may fail in SQL Server 2016 and 2019</t>
  </si>
  <si>
    <t>FIX: Access violation occurs when change tracking auto cleanup tries to clean up side tables in SQL Server</t>
  </si>
  <si>
    <t>FIX: System or background task may fail when number of sessions reaches the maximum limit in SQL Server 2016 and 2019</t>
  </si>
  <si>
    <t>FIX: Assertion failure occurs when persistent log buffer is used in SQL Server 2016 and 2019</t>
  </si>
  <si>
    <t>FIX: Fix incorrect values in auto seeding XEvents in SQL Server</t>
  </si>
  <si>
    <t>FIX: Error occurs when you rename a column on temporal current table in SQL Server</t>
  </si>
  <si>
    <t>FIX: Access violation occurs with wait_info XEvent on busy SQL Server</t>
  </si>
  <si>
    <t>FIX: Intermittent non-yielding scheduler occurs when memory-optimized database running under heavy I/O activities in SQL Server 2016 and 2019</t>
  </si>
  <si>
    <t>FIX: Assertion occurs when you process a malformed XML message sent as message in Service Broker queue in SQL Server</t>
  </si>
  <si>
    <t>FIX: Access Violation occurs when you run query on computed columns in SQL Server</t>
  </si>
  <si>
    <t>FIX: Non-yielding Scheduler error may occur with Always On availability group in Microsoft SQL Server</t>
  </si>
  <si>
    <t>FIX: Missing log block may occur when you use Always On availability group in SQL Server</t>
  </si>
  <si>
    <t>FIX: Parallel sampled filtered statistics may cause incorrect histogram scaling in SQL Server 2016 and 2019</t>
  </si>
  <si>
    <t>SQL Writer will add its version and log tracing parameters to the log header when the service starts.</t>
  </si>
  <si>
    <t>In the Service Accounts interface of SQL Server Setup, password validation may fail if only username is entered before the correct password is entered. This failed validation may lock out the domain service account if you do this repeatedly and domain policy set to lock accounts after few unsuccessful attempts.</t>
  </si>
  <si>
    <t>FIX: Error occurs when you apply a security policy on PolyBase external table in SQL Server 2019</t>
  </si>
  <si>
    <t>FIX: Change Tracking cleanup does not work when invalid cleanup and hardened cleanup version are negative in SQL Server 2017 and 2019</t>
  </si>
  <si>
    <t>FIX: "Expired BLOB handle" error occurs when cross-database transaction involves communication with MSDTC in SQL Server 2017 and 2019</t>
  </si>
  <si>
    <t>FIX: Slow query performance when using query predicates with UPPER, LOWER or RTRIM with default CE in SQL Server 2017 and 2019</t>
  </si>
  <si>
    <t>FIX: Performance degradation occurs on PMEM devices with Hybrid Buffer Pool enabled in SQL Server 2019</t>
  </si>
  <si>
    <t>FIX: Error occurs when you try to create external table in PolyBase with database_default as collation in SQL Server 2019</t>
  </si>
  <si>
    <t>Mssql-conf tool fails if IPV6 is disabled on the Linux system</t>
  </si>
  <si>
    <t>When an application performs bulk copy operations and a subsequent SELECT in the same transaction against a database with simple or bulk-logged recovery model, SQL Server Access Violations may occur and repeat until the service is restarted.</t>
  </si>
  <si>
    <t>Assume that the Format String Expression property of a Calculation Item from a Calculation Group is set. The performance degradation occurs when you run MDX queries generated by MDX based client tools and may also occur when MDX queries do not refer to the calculation item with Format String Expression set. However, the performance degradation is not so evident on equivalent DAX queries generated by Power BI Desktop visuals.</t>
  </si>
  <si>
    <t>FIX: Error occurs when you interact with SQL Server Agent in SQL Server 2019</t>
  </si>
  <si>
    <t>FIX: Launchpad services fails to start during failover in SQL Server 2019</t>
  </si>
  <si>
    <t>Updates to SQL Server on Linux (mssql mlservices and extensibility) packages to address following issues: 1.BxlServer consumes 100% CPU 2.Python launcher encounters assert when deleting files 3.Data length mismatch when using Unicode string with OutputDataSet and InputDataSet of data passthrough query.</t>
  </si>
  <si>
    <t>FIX: Data length/size of Unicode nvarchar data type column is not correct for OutputDataSet in sp_execute_external_script query in SQL Server 2019 on Linux</t>
  </si>
  <si>
    <t>Allow DTSWizard to support AAD when the selected driver is MSOLEDBSQL.</t>
  </si>
  <si>
    <t>The JSON DDL request is missing the database name error occurs when you delete the database property from the descriptive table under the JSON code in SQL Server 2019</t>
  </si>
  <si>
    <t>Openness and Interoperability</t>
  </si>
  <si>
    <t>FIX: Fail to access openmpi path when running rx jobs in parallel mode with Revo package in Linux SQL Server 2019</t>
  </si>
  <si>
    <t>Updates RSetup with the updated FWLINK version 3.5.2.293.</t>
  </si>
  <si>
    <t>Updates the Zulu JRE version to zulu11.37.18-sa-jre11.0.6.</t>
  </si>
  <si>
    <t>When you run a query against sys.dm_db_stats_histogram, it may fail with access violation when a parallel plan is chosen.</t>
  </si>
  <si>
    <t>This update reduces query execution time for BDC storage pool tables and other Polybase external tables.</t>
  </si>
  <si>
    <t>FIX: Database creation to Azure blob storage from SQL Server 2019 on Linux may fail with error</t>
  </si>
  <si>
    <t>When you run a SELECT query returning empty/multiple rows with variable assignment in inline-able scalar UDFs, you may receive wrong results.</t>
  </si>
  <si>
    <t>Improvement: Size and retention policy are increased in default XEvent trace system_health in SQL Server 2019 and 2016</t>
  </si>
  <si>
    <t>Due to a new feature called concurrent PFS update in SQL Server 2019 which is enabled by default, in certain rare corner cases, you may encounter non-yielding threads and latch timeout errors in SQL Server.</t>
  </si>
  <si>
    <t>Improvement: Add new Protection key feature work for SQL Server 2019 on Linux</t>
  </si>
  <si>
    <t>When you repeatedly run a stored procedure that uses temporary table with indexes on SQL Server 2019, the client may receive an unexpected error with message "A severe error occurred on the current command" and an access violation exception is recorded on the SQL Server. If the same workload is executed on any previous major version of SQL Server, this issue does not occur.</t>
  </si>
  <si>
    <t>FIX: .NET Framework DbDataAdapter.FillSchema method returns NULL on database with compatibility level 140 in SQL Server 2019 and 2017</t>
  </si>
  <si>
    <t>Improvement: Enable hybrid buffer pool read caching in SQL Server 2019</t>
  </si>
  <si>
    <t>Enable SQL checksum sniffer for Pmm pages in hybrid buffer pool.Enable SQL checksum sniffer for Pmm pages in hybrid buffer pool.</t>
  </si>
  <si>
    <t>SQL Server error log contains additional empty lines while printing In-memory OLTP related messages.</t>
  </si>
  <si>
    <t>FIX: Memory leak by Controller container in SQL Server 2019 BDC</t>
  </si>
  <si>
    <t>FIX: Issue occurs when using PolyBase for SQL Server 2019 generic ODBC with drivers from Microsoft Access Database Engine Redistributable package</t>
  </si>
  <si>
    <t>FIX: Null pointer exception error occurs when "latch_suspend_end" XEvent is enabled in SQL Server 2019</t>
  </si>
  <si>
    <t>FIX: Login and logout failures occur while auditing data classification attributes in SQL Server 2019</t>
  </si>
  <si>
    <t>FIX: Error occurs in sp_xml_preparedocument where MSXMLSQL tries to access virtual address space beyond limit in SQL Server 2017 and 2019</t>
  </si>
  <si>
    <t>FIX: Internal DMS error when you use PolyBase Generic ODBC connector in SQL Server 2019</t>
  </si>
  <si>
    <t>FIX: PolyBase defaults string mapping for Microsoft Spark ODBC driver in SQL Server 2019</t>
  </si>
  <si>
    <t>FIX: Exception occurs when you run UNION ALL+ORDER BY/MERGE UNION ALL queries on table that contains randomized encrypted data in SQL Server 2019</t>
  </si>
  <si>
    <t>FIX: Changes made using ALTER DATABASE...SQL Server 2019 fails to log changes in SQL Error log or raise database trigger</t>
  </si>
  <si>
    <t>Improvement: Add BDC data/storage pool nodes DMVs in SQL Server 2019</t>
  </si>
  <si>
    <t>FIX: Map large fixed width types to variable width types in PolyBase in SQL Server 2019</t>
  </si>
  <si>
    <t>FIX: PolyBase query execution time may increase exponentially when you run concurrent queries in SQL Server 2019</t>
  </si>
  <si>
    <t>Implement support for Kerberos constrained delegation in SQL Server 2019 on Linux</t>
  </si>
  <si>
    <t>FIX: Access violation occurs when you run DBCC CHECKTABLE against a table with Clustered Columnstore Index in SQL Server 2017 and 2019</t>
  </si>
  <si>
    <t>FIX: Non-yielding scheduler condition occurs when you run batch mode query with multiple joins in SQL Server 2017 and 2019</t>
  </si>
  <si>
    <t>FIX: Latest drivers fail to work with in-memory compiled queries in SQL Server 2019</t>
  </si>
  <si>
    <t>FIX: Unable to encrypt data when using column encryption with symmetric keys in SQL Server 2019</t>
  </si>
  <si>
    <t>FIX: SOS_BLOCKALLOCPARTIALLIST spin lock contention may occur when TF 834 is enabled in SQL Server 2019</t>
  </si>
  <si>
    <t>FIX: Custom date format with time doesn't work properly in SQL Server 2019 Master Data Services</t>
  </si>
  <si>
    <t>FIX: Error occurs when you query storage pool external table that contains column with money data type in SQL Server 2019 BDC</t>
  </si>
  <si>
    <t>FIX: Error occurs and AG will be in non-synchronizing state when failover happens in primary AG of Distributed Availability Group in SQL Server 2017 on Linux</t>
  </si>
  <si>
    <t>FIX: The "is_media_read_only" value remains unchanged for a SQL Server data file even though the media is no longer read-only</t>
  </si>
  <si>
    <t>FIX: Error 544 occurs when you use SET IDENTITY_INSERT on temp table in SQL Server 2019</t>
  </si>
  <si>
    <t>FIX: Dumps occur because of OOM condition in SQL Server 2019</t>
  </si>
  <si>
    <t>FIX: SSMS showplan error occurs for BDC query in SQL Server 2019</t>
  </si>
  <si>
    <t>FIX: Error occurs when you run the same PolyBase query multiple times in SQL Server 2019</t>
  </si>
  <si>
    <t>FIX: PolyBase may fail to generate dumps if an error occurs during the distributed query optimization phase in SQL Server 2019</t>
  </si>
  <si>
    <t>FIX: Creating an external table against an Oracle database in SQL Server 2019 may fail if using Oracle database 12.2 or later versions</t>
  </si>
  <si>
    <t>FIX: Error occurs when QDS is turned on or you generate query plan for Polybase queries in SQL Server 2019</t>
  </si>
  <si>
    <t>FIX: Unable to start PolyBase services when TCP/IP is not enabled in SQL Server 2019 Developer Edition</t>
  </si>
  <si>
    <t>FIX: Error occurs while creating External Data Source for Data Pool that has nondefault name for LOCATION in SQL Server 2019</t>
  </si>
  <si>
    <t>Improvement: Add BDC storage pool cache in SQL Server 2019</t>
  </si>
  <si>
    <t>FIX: Logreader doesn't execute when you upgrade from SQL Server 2017 to 2019</t>
  </si>
  <si>
    <t>FIX: Fix incorrect memory page accounting that causes out-of-memory errors in SQL Server 2019</t>
  </si>
  <si>
    <t>Improvement: Download new CAB files that have fixes for R/Python runtime features</t>
  </si>
  <si>
    <t>FIX: Log shipping agent is not able to log history and error information to SQL Server 2019</t>
  </si>
  <si>
    <t>FIX: Error occurs when you run queries in PolyBase scale-out groups in SQL Server 2019</t>
  </si>
  <si>
    <t>FIX: Error occurs when you use PolyBase Generic ODBC connector with backend that has unsupported quote character in SQL Server 2019</t>
  </si>
  <si>
    <t>FIX: XML queries in PolyBase fail with an unknown type error in SQL Server 2019</t>
  </si>
  <si>
    <t>FIX: XML PATH queries in PolyBase fail with an error in SQL Server 2019</t>
  </si>
  <si>
    <t>FIX: User hierarchy is not hidden when you run DISCOVER_CSDL_METADATA in SQL Server 2017 and 2019</t>
  </si>
  <si>
    <t>FIX: Exception error 3628 may occur when you run stored procedure in SQL Server</t>
  </si>
  <si>
    <t>FIX: You may receive incorrect object_id after you switch a partition in SQL Server 2017 and 2019</t>
  </si>
  <si>
    <t>FIX: Menu and scroll bar are missing in "Changes" section when large number of changesets are added in Excel add-in for MDS in SQL Server 2017 and 2019</t>
  </si>
  <si>
    <t>FIX: sp_describe_parameter_encryption returns different results if you switch parameter positions in SQL Server 2017 and 2019</t>
  </si>
  <si>
    <t>FIX: UPDATE STATISTICS takes very long time to generate maintenance plan for large databases in SQL Server</t>
  </si>
  <si>
    <t>FIX: IsError function fails to detect error in Excel XIRR function when MDX query is executed from SSIS</t>
  </si>
  <si>
    <t>FIX: Scripts generated by SSMS collect different wait types after you install SQL Server</t>
  </si>
  <si>
    <t>FIX: Unable to restore SQL Server 2012 databases on SQL Server 2016, 2017 or 2019 because of NCCI</t>
  </si>
  <si>
    <t>FIX: Error 8959 may occur on IAM page when you query sys.dm_db_index_physical_stats against partitioned columnstore table after partition switch in SQL Server</t>
  </si>
  <si>
    <t>FIX: You may encounter a non-yielding scheduler condition when you run query with parallel batch-mode sort operator in SQL Server</t>
  </si>
  <si>
    <t>FIX: Memory may not get released when you process partitions with data in SQL Server</t>
  </si>
  <si>
    <t>FIX: Non-yielding scheduler issue occurs in SQL Server when you run an online build for an index that's not partition-aligned</t>
  </si>
  <si>
    <t>FIX: Error 8601 occurs when you run a query with partition function in SQL Server</t>
  </si>
  <si>
    <t>FIX: MDS and/or LocalDB patch installation fails if you patch SQL Server with a next CU</t>
  </si>
  <si>
    <t>FIX: Access violation occurs when you use sys.dm_os_memory_objects in SQL Server</t>
  </si>
  <si>
    <t>FIX: Synchronized job may fail when the target servers start to synchronize the database in SQL Server 2016 and 2017</t>
  </si>
  <si>
    <t>FIX: CREATE INDEX with new CE reads the partition table and results in huge row count higher than the total table row count in SQL Server</t>
  </si>
  <si>
    <t>FIX: Assertion error occurs when you use IDENT_CURRENT on view that has identity columns in SQL Server</t>
  </si>
  <si>
    <t>FIX: Error due to explicit transaction isolation level hint when accessing Memory-Optimized Tempdb catalog views in SQL Server 2019</t>
  </si>
  <si>
    <t>FIX: Calculation with summarizecolumn returns unexpected results after upgrading to SSAS 2019 with compatibility level 1500</t>
  </si>
  <si>
    <t>Improvement: Port additional two system tables in Tempdb Memory-Optimized Metadata feature in SQL Server 2019</t>
  </si>
  <si>
    <t>FIX: Access violation occurs when you create remote stored procedure with one of the system variable (@@servername, @@servicename) in SQL Server 2019</t>
  </si>
  <si>
    <t>FIX: Severe contention on LOGCACHE_ACCESS spinlock in SQL Server 2019</t>
  </si>
  <si>
    <t>FIX: Unable to execute sys.dm_exec_requests when you install SQL Server 2019 or when you upgrade from prior versions of SQL Server</t>
  </si>
  <si>
    <t>FIX: External satellite process scripts like R, Python are unable to access any directories outside of their working directory in SQL Server 2019</t>
  </si>
  <si>
    <t>FIX: Package execution may be impacted in SQL Server 2019 Integration Services</t>
  </si>
  <si>
    <t>DBCC STACKDUMP command was extended to support generating dumps of different types: mini, filtered, full dumps. It also allows you to limit the text output in the additional text file that gets generated with the memory dump. DBCC STACKDUMP WITH MINI_DUMP | FILTERED_DUMP | FULL_DUMP [, TEXT_DUMP = LIMITED | DETAILED]</t>
  </si>
  <si>
    <t>Improvement: Enable DNN feature in SQL Server 2019 FCI</t>
  </si>
  <si>
    <t>FIX: PolyBase Engine Service may dump if an error occurs during retrieval of Data Pool metadata in SQL Server 2019</t>
  </si>
  <si>
    <t>Improvement: Use QUOTENAME with EXECUTE AT to query on table that has column name with quotes in SQL Server 2019</t>
  </si>
  <si>
    <t>FIX: Queries may fail in SQL Server 2019 when PolyBase is under stress and heavy cancellations</t>
  </si>
  <si>
    <t>FIX: PolyBase query may hang if you cancel the query after it is started in SQL Server 2019</t>
  </si>
  <si>
    <t>FIX: SQLDiag fails to generate output due to missing stored procedure tempdb.dbo.sp_sqldiag14 in SQL Server 2017 and 2019</t>
  </si>
  <si>
    <t>Improvement: New features included in library management for external languages in SQL Server 2019</t>
  </si>
  <si>
    <t>FIX: Query on Clustered Columnstore Index in SQL Server 2019 uses more CPU time than in SQL Server 2016</t>
  </si>
  <si>
    <t>Improvement: Module and offset information is sent as output for dumps in SQL Server 2019</t>
  </si>
  <si>
    <t>FIX: SQL Server database remains in frozen I/O state indefinitely when backed up by VSS</t>
  </si>
  <si>
    <t>FIX: Upgrading FCI passive node from SQL Server 2019 RC1 to RTM fails when you try to access the MSSQL\JOBS which is on the shared drive</t>
  </si>
  <si>
    <t>FIX: DMVs fail when Big Data Cluster has multiple compute nodes in SQL Server 2019</t>
  </si>
  <si>
    <t>FIX: Heap corruption occurs when ADR is disabled and aborted transactions are present in SQL Server 2019 database</t>
  </si>
  <si>
    <t>Improvement: Update PolyBase vbump to 150.1812.0 in SQL Server 2019</t>
  </si>
  <si>
    <t>FIX: Error occurs when you select from storage pool table and insert into another external table in SQL Server 2019</t>
  </si>
  <si>
    <t>Improvement: Update the hktempdb.dll version in SQL Server 2019</t>
  </si>
  <si>
    <t>FIX: Query may fail when you join a storage pool table with a data pool table in SQL Server 2019</t>
  </si>
  <si>
    <t>FIX: NullPointerException occurs when the name node is not active and the HTTP request has other failures in SQL Server 2019</t>
  </si>
  <si>
    <t>FIX: PolyBase query may hang when DMS restarts in SQL Server 2019</t>
  </si>
  <si>
    <t>FIX: Spurious lines may be added to the SQL Server error log at each initialization in SQL Server 2019</t>
  </si>
  <si>
    <t>FIX: FSM may be called when you create a database in SQL Server 2019 Big Data Clusters</t>
  </si>
  <si>
    <t>FIX: Non-yielding scheduler error when Polybase function call to shared memory takes long time in SQL Server 2019</t>
  </si>
  <si>
    <t>FIX: Data pool database may be deleted if you fail to drop database on master in SQL Server 2019</t>
  </si>
  <si>
    <t>Improvement: Corrupted statistics can be detected by using extended_logical_checks in SQL Server 2019</t>
  </si>
  <si>
    <t>FIX: Access violation occurs when you set database containment to NONE in SQL Server 2019</t>
  </si>
  <si>
    <t>FIX: Assertion dump occurs when sp_cdc_disable_db is executed to disable CDC or when distributed transaction is committed after ROLLBACK SAVEPOINT in SQL Server</t>
  </si>
  <si>
    <t>FIX: PolyBase Hadoop queries may fail when the launchpadd service is restarted or killed in SQL Server 2019</t>
  </si>
  <si>
    <t>FIX: sp_describe_parameter_encryption returns different results with different parameter positions in SQL Server 2019</t>
  </si>
  <si>
    <t>Improvement: Execute Database upgrade scripts when Database state changes in SQL Server 2019</t>
  </si>
  <si>
    <t>Improvement: Add unlimited buffer size to support TDS V1 and V2 in SQL Server 2019</t>
  </si>
  <si>
    <t>FIX: Unsigned files are installed through the Microsoft MPI in SQL Server 2019</t>
  </si>
  <si>
    <t>Improvement: Add support to create index on encrypted unique identifier using Always Encrypted feature in SQL Server 2019</t>
  </si>
  <si>
    <t>FIX: Data masking of user-defined functions may result in crashes in SQL Server 2019</t>
  </si>
  <si>
    <t>Improvement: Update the misspelled words in server_principal_sid and server_principal_name description in SQL Server 2019</t>
  </si>
  <si>
    <t>Improvement: Dynamic Management View is added for external authentication in SQL Server 2019</t>
  </si>
  <si>
    <t>Improvement: Update error messages of Always Encrypted with secure enclaves in SQL Server 2019</t>
  </si>
  <si>
    <t>Improvement: Update SDK to improve security of Always Encrypted by using secure enclaves in SQL Server 2019</t>
  </si>
  <si>
    <t>FIX: Error occurs when you try to install SQL Server 2019 on a low power CPU</t>
  </si>
  <si>
    <t>FIX: "A system assertion check has failed" error when a procedure call is made from CLR with an OUTPUT large object argument</t>
  </si>
  <si>
    <t>FIX: Audit of batch may be skipped when the batch causes a failure that closes the session in SQL Server 2019</t>
  </si>
  <si>
    <t>FIX: Access violation occurs when you query sys.dm_db_persisted_sku_features DMV in SQL Server 2019</t>
  </si>
  <si>
    <t>FIX: Typo in error message for Columnstore indexes on temporary tables in SQL Server 2019</t>
  </si>
  <si>
    <t>FIX: Access violation occurs when worker stealing is enabled and CPU capacity reaches maximal configured value in SQL Server 2019</t>
  </si>
  <si>
    <t>FIX: Worker stealing stops working when AG contains one or more encrypted databases in SQL Server 2019</t>
  </si>
  <si>
    <t>FIX: Using temporary tables across multiple scopes may cause Error 213 or access violation in SQL Server 2019</t>
  </si>
  <si>
    <t>FIX: DTC transaction scenario reports unsupported transaction error when HkTempdb transaction is used in SQL Server 2019</t>
  </si>
  <si>
    <t>FIX: Access violation occurs when you call HkError.Throw() in SQL Server 2019</t>
  </si>
  <si>
    <t>Improvement: Add new fields to latch_suspend_end Extended Event in SQL Server 2019</t>
  </si>
  <si>
    <t>FIX: Access violation occurs when attempting to fetch the IAM page of the table in SQL Server 2019</t>
  </si>
  <si>
    <t>FIX: "Debug Assertion Failed" error if you create objects that are not hashed by name in SQL Server 2019</t>
  </si>
  <si>
    <t>FIX: PolyBase DMVs may return unexpected results after changing PolyBase enabled setting in SQL Server 2019</t>
  </si>
  <si>
    <t>FIX: Assertion error when you run internal query in batch mode for populating full-text index on computed LOB in SQL Server 2019</t>
  </si>
  <si>
    <t>FIX: "The File location cannot be opened" error occurs when you try to open a FileTable directory in SQL Server</t>
  </si>
  <si>
    <t>FIX: Incorrect results occur with index intersection on partitioned table with a clustered columnstore index in SQL Server</t>
  </si>
  <si>
    <t>FIX: Dump is generated when you create an AG with more than 122 characters in SQL Server 2019</t>
  </si>
  <si>
    <t>FIX: Database cannot recover and reports error 5243 in SQL Server</t>
  </si>
  <si>
    <t>FIX: Access violation occurs when a clone database verification fails in SQL Server 2016, 2017 and 2019</t>
  </si>
  <si>
    <t>FIX: SQL Writer Service fails to back up in non-component backup path in SQL Server 2016, 2017 and 2019</t>
  </si>
  <si>
    <t>FIX: Non-yielding scheduler error occurs when you run batch query with sort operation in SQL Server 2017 and 2019</t>
  </si>
  <si>
    <t>FIX: Access violation occurs when you run queries that involve PIVOT or UNPIVOT in SQL Server 2016, 2017 and 2019</t>
  </si>
  <si>
    <t>FIX: File content is sent twice when copied to HDFS using Hadoop File System Task in SQL Server 2017 and 2019</t>
  </si>
  <si>
    <t>FIX: SQL Server 2017 and 2019 on Linux fails with an Assertion error</t>
  </si>
  <si>
    <t>FIX: Restore fails when you try to restore compressed TDE backups prior to SQL Server 2016 SP2 CU4 on SQL Server 2016 SP2 CU8</t>
  </si>
  <si>
    <t>FIX: Error occurs when CDC capture process tries to insert duplicate key in table "cdc.lsn_time_mapping" in SQL Server 2016, 2017 and 2019</t>
  </si>
  <si>
    <t>FIX: Orphaned CLR sessions cause blocking in SQL Server</t>
  </si>
  <si>
    <t>FIX: Access violation occurs when you enable TF 3924 to clean orphaned DTC transactions in SQL Server 2016, 2017 and 2019</t>
  </si>
  <si>
    <t>FIX: Transaction log isn't truncated on a single node Availability Group in SQL Server</t>
  </si>
  <si>
    <t>FIX: Two issues with remote Hadoop bridge process in SQL Server 2019</t>
  </si>
  <si>
    <t>FIX: ObjectPropertyEx Cardinality property for columnstore table doesn't include rows in delta store rowset or account rows in deleted bitmap rowset in SQL Server 2019</t>
  </si>
  <si>
    <t>FIX: Stack dump occurs when table type has a user-defined constraint in SQL Server 2016, 2017 and 2019</t>
  </si>
  <si>
    <t>FIX: SQL Server Browser doesn't respond through clustered IP address from a SQL Server 2019 Failover Clustered Instance (FCI)</t>
  </si>
  <si>
    <t>14.0.3471.2</t>
  </si>
  <si>
    <t>https://support.microsoft.com/kb/5040940</t>
  </si>
  <si>
    <t>CU31 + GDR</t>
  </si>
  <si>
    <t>14.0.2056.2</t>
  </si>
  <si>
    <t>https://support.microsoft.com/kb/5040942</t>
  </si>
  <si>
    <t>14.0.3465.1</t>
  </si>
  <si>
    <t>14.0.2052.1</t>
  </si>
  <si>
    <t>14.0.3460.9</t>
  </si>
  <si>
    <t>14.0.2047.8</t>
  </si>
  <si>
    <t>14.0.3456.2</t>
  </si>
  <si>
    <t>https://support.microsoft.com/kb/5016884</t>
  </si>
  <si>
    <t>CU31</t>
  </si>
  <si>
    <t>14.0.3451.2</t>
  </si>
  <si>
    <t>https://support.microsoft.com/kb/5013756</t>
  </si>
  <si>
    <t>CU30</t>
  </si>
  <si>
    <t>14.0.3445.2</t>
  </si>
  <si>
    <t>https://support.microsoft.com/kb/5014553</t>
  </si>
  <si>
    <t>CU29 + GDR</t>
  </si>
  <si>
    <t>14.0.2042.3</t>
  </si>
  <si>
    <t>https://support.microsoft.com/kb/5014354</t>
  </si>
  <si>
    <t>14.0.3436.1</t>
  </si>
  <si>
    <t>https://support.microsoft.com/kb/5010786</t>
  </si>
  <si>
    <t>CU29</t>
  </si>
  <si>
    <t>14.0.3430.2</t>
  </si>
  <si>
    <t>https://support.microsoft.com/kb/5008084</t>
  </si>
  <si>
    <t>14.0.3421.10</t>
  </si>
  <si>
    <t>https://support.microsoft.com/kb/5006944</t>
  </si>
  <si>
    <t>14.0.3411.3</t>
  </si>
  <si>
    <t>https://support.microsoft.com/kb/5005226</t>
  </si>
  <si>
    <t>14.0.3401.7</t>
  </si>
  <si>
    <t>https://support.microsoft.com/kb/5003830</t>
  </si>
  <si>
    <t>14.0.3391.2</t>
  </si>
  <si>
    <t>https://support.microsoft.com/kb/5001228</t>
  </si>
  <si>
    <t>14.0.3381.3 </t>
  </si>
  <si>
    <t>https://support.microsoft.com/kb/5000685</t>
  </si>
  <si>
    <t>14.0.3370.1</t>
  </si>
  <si>
    <t>https://support.microsoft.com/kb/4583457</t>
  </si>
  <si>
    <t>14.0.2037.2</t>
  </si>
  <si>
    <t>https://support.microsoft.com/kb/4583456</t>
  </si>
  <si>
    <t>14.0.3356.20</t>
  </si>
  <si>
    <t>https://support.microsoft.com/kb/4577467</t>
  </si>
  <si>
    <t>14.0.3335.7</t>
  </si>
  <si>
    <t>https://support.microsoft.com/kb/4557397</t>
  </si>
  <si>
    <t>14.0.3294.2 </t>
  </si>
  <si>
    <t>https://support.microsoft.com/kb/4541283</t>
  </si>
  <si>
    <t>14.0.3281.6</t>
  </si>
  <si>
    <t>https://support.microsoft.com/kb/4535007</t>
  </si>
  <si>
    <t>14.0.3257.3</t>
  </si>
  <si>
    <t>https://support.microsoft.com/kb/4527377</t>
  </si>
  <si>
    <t>14.0.3238.1</t>
  </si>
  <si>
    <t>https://support.microsoft.com/kb/4515579</t>
  </si>
  <si>
    <t>14.0.3223.3</t>
  </si>
  <si>
    <t>https://support.microsoft.com/kb/4508218</t>
  </si>
  <si>
    <t>14.0.3192.2</t>
  </si>
  <si>
    <t>https://support.microsoft.com/kb/4505225</t>
  </si>
  <si>
    <t>CU15 + GDR</t>
  </si>
  <si>
    <t>14.0.2027.2</t>
  </si>
  <si>
    <t>https://support.microsoft.com/kb/4505224</t>
  </si>
  <si>
    <t>14.0.3162.1</t>
  </si>
  <si>
    <t>https://support.microsoft.com/kb/4498951</t>
  </si>
  <si>
    <t>14.0.3103.1</t>
  </si>
  <si>
    <t>https://support.microsoft.com/kb/4494352</t>
  </si>
  <si>
    <t>CU14 + GDR</t>
  </si>
  <si>
    <t>14.0.2014.14</t>
  </si>
  <si>
    <t>https://support.microsoft.com/kb/4494351</t>
  </si>
  <si>
    <t>14.0.3076.1</t>
  </si>
  <si>
    <t>https://support.microsoft.com/kb/4484710</t>
  </si>
  <si>
    <t>14.0.3048.4</t>
  </si>
  <si>
    <t>https://support.microsoft.com/kb/4466404</t>
  </si>
  <si>
    <t>14.0.3045.24</t>
  </si>
  <si>
    <t>https://support.microsoft.com/kb/4464082</t>
  </si>
  <si>
    <t>14.0.3038.14</t>
  </si>
  <si>
    <t>https://support.microsoft.com/kb/4462262</t>
  </si>
  <si>
    <t>14.0.3037.1</t>
  </si>
  <si>
    <t>https://support.microsoft.com/kb/4342123</t>
  </si>
  <si>
    <t>14.0.2002.14</t>
  </si>
  <si>
    <t>https://support.microsoft.com/kb/4293803</t>
  </si>
  <si>
    <t>14.0.3035.2</t>
  </si>
  <si>
    <t>https://support.microsoft.com/kb/4293805</t>
  </si>
  <si>
    <t>CU9 + GDR</t>
  </si>
  <si>
    <t>14.0.3030.27</t>
  </si>
  <si>
    <t>https://support.microsoft.com/kb/4341265</t>
  </si>
  <si>
    <t>14.0.3029.16</t>
  </si>
  <si>
    <t>https://support.microsoft.com/kb/4338363</t>
  </si>
  <si>
    <t>14.0.3026.27</t>
  </si>
  <si>
    <t>https://support.microsoft.com/kb/4229789</t>
  </si>
  <si>
    <t>14.0.3025.34</t>
  </si>
  <si>
    <t>https://support.microsoft.com/kb/4101464</t>
  </si>
  <si>
    <t>14.0.3023.8</t>
  </si>
  <si>
    <t>https://support.microsoft.com/kb/4092643</t>
  </si>
  <si>
    <t>14.0.3022.28</t>
  </si>
  <si>
    <t>https://support.microsoft.com/kb/4056498</t>
  </si>
  <si>
    <t>14.0.3015.40</t>
  </si>
  <si>
    <t>https://support.microsoft.com/kb/4052987</t>
  </si>
  <si>
    <t>ADV180002 + CU3</t>
  </si>
  <si>
    <t>https://support.microsoft.com/kb/4058562</t>
  </si>
  <si>
    <t>CU3 + GDR</t>
  </si>
  <si>
    <t>ADV180002</t>
  </si>
  <si>
    <t>14.0.2000.63</t>
  </si>
  <si>
    <t>https://support.microsoft.com/kb/4057122</t>
  </si>
  <si>
    <t>14.0.3008.27</t>
  </si>
  <si>
    <t>https://support.microsoft.com/kb/4052574</t>
  </si>
  <si>
    <t>14.0.3006.16</t>
  </si>
  <si>
    <t>https://support.microsoft.com/kb/4038634</t>
  </si>
  <si>
    <t>14.0.1000.169</t>
  </si>
  <si>
    <t>Resolves the Denial of Service (DoS) vulnerability for the Newtonsoft library in SQL Server 2017.</t>
  </si>
  <si>
    <t>An access violation may occur after you apply SQL Server 2017 Cumulative Update 30 (CU30). This issue can occur when you perform a bulk insert operation followed by a SELECT statement in the same transaction, and the database's recovery model is either simple or bulk-logged.</t>
  </si>
  <si>
    <t>Non-yielding dumps occur frequently on ColumnStoreAttributeCache::ColumnStoreColumnAttributeNode::GetSegmentById.</t>
  </si>
  <si>
    <t>The non-primary filegroup misses all files after you restore the clone database to SQL Server 2017 and change it to read-write mode. Additionally, you receive the following error message when you try to insert data into a table: Msg 622, Level 16, State 3, Line &lt;LineNumber&gt; The filegroup "&lt;FileGroupName&gt;" has no files assigned to it. Tables, indexes, text columns, ntext columns, and image columns cannot be populated on this filegroup until a file is added.</t>
  </si>
  <si>
    <t>Memory-optimized tempdb metadata (HkTempDB) keeps consuming memory under VARHEAP: LOB Page Allocator.</t>
  </si>
  <si>
    <t>An assertion failure occurs on secondary replica when you use Always On availability groups in high-latency networks in SQL Server 2017. You may see this assertion failure in the error log: Assertion: File: &lt;"e:\\b\\s3\\sources\\sql\\ntdbms\\storeng\\dfs\\trans\\lsnlocmap.cpp"&gt;, line=358 Failed Assertion = 'pos - pndx &lt; map-&gt;EntryCount'</t>
  </si>
  <si>
    <t>A non-yielding scheduler dump occurs in sqldk!SOS_MemoryWorkSpace::Lookup.</t>
  </si>
  <si>
    <t>Error 208 occurs when you use the sp_changereplicationserverpasswords stored procedure to change stored passwords for the Microsoft SQL Server login used by replication agents. Here is the error message: Msg 208, Level 16, State 1, Procedure master.sys.sp_MSchangerepltablepasswords, Line &lt;LineNumber&gt; [Batch Start Line 0] Invalid object name 'MSreplservers'.</t>
  </si>
  <si>
    <t>This fix resolves the following issues: An assertion failure occurs when your query contains the MERGE statement. The online index rebuild can't finish when you use the simple recovery model.</t>
  </si>
  <si>
    <t>An access violation occurs when you try to truncate specific partitions of a table by using the $Partition function if the function name or table name does not exist.</t>
  </si>
  <si>
    <t>Dropping temp tables causes an unresolved deadlock and dump file in some rare cases.</t>
  </si>
  <si>
    <t>In Microsoft SQL Server 2017, running parameterized queries skips the SelOnSeqPrj rule. Therefore, pushdown does not occur.</t>
  </si>
  <si>
    <t>In Microsoft SQL Server 2017, an index creation script fails and returns error message 8624. Here is the error message: Internal Query Processor Error: The query processor could not produce a query plan. For more information, contact Customer Support Services.</t>
  </si>
  <si>
    <t>Improvement: Match the lock escalation policy for the change tracking table to that of the base table</t>
  </si>
  <si>
    <t>Restoring from a compressed backup that contains filestream content occasionally fails when the restore is run by using the Virtual Device Interface (VDI) client. The following error message is generated: Msg 3241 The media family on device '&amp;lt;backup file name&amp;gt;' is incorrectly formed. SQL Server cannot process this media family.</t>
  </si>
  <si>
    <t>FIX: Python is broken after the runtime upgrades to Python 3.7</t>
  </si>
  <si>
    <t>Improves the response time of the Sqldumpr.exe utility when in-memory objects are used in SQL Server or once existed.</t>
  </si>
  <si>
    <t>Lets more flexible cleanup and merge operations enable by changing In-Memory during restore operations.</t>
  </si>
  <si>
    <t>An error occurs after the failover of a Distributed Availability Group (AG) that attempts to connect to the secondary AG listener with application intent set to READ ONLY. Here are the possible error messages: 1. Sqlcmd: Error: Microsoft ODBC Driver 11 for SQL Server: Protocol error in TDS stream 2. Invalid routing information received.</t>
  </si>
  <si>
    <t>The database recovery process is chosen as the deadlock victim on Availability Group (AG) failover under certain circumstances. The following error message is generated: &amp;lt;DateTime&amp;gt;&amp;nbsp; &amp;nbsp; &amp;nbsp;Error: 1205, Severity: 13, State: 51. &amp;lt;DateTime&amp;gt;&amp;nbsp; &amp;nbsp; Transaction (Process ID n) was deadlocked on lock resources with another process and has been chosen as the deadlock victim. Rerun the transaction.</t>
  </si>
  <si>
    <t>A filtered index becomes corrupted after you drop a computed column on the same table, and the filtered index corruptions are reported as 8951 and 8955 errors when you run DBCC CHECKTABLE WITH EXTENDED_LOGICAL_CHECKS.</t>
  </si>
  <si>
    <t>The Table Valued Function (TVF) misses calling the execution plan if the same TVF is referenced more than once in the same SQL query.</t>
  </si>
  <si>
    <t>The query against the dynamic management view (DMV) sys.dm_os_ring_buffers may cause an access violation (AV).&amp;nbsp;</t>
  </si>
  <si>
    <t>An access violation occurs when you use FileTables in SQL Server 2017.</t>
  </si>
  <si>
    <t>A view, created in a table that has an XML index, may not return the correct result because of missing '%' in LIKE predicate on columns hidden for xml_index_nodes table.</t>
  </si>
  <si>
    <t>Fixes the following error that occurs when you execute the internal.cleanup_server_log stored procedure in the SSISDB database: #MS_SSISServerCleanupJobLogin##. A cursor with the name 'execution_cursor' does not exist. [SQLSTATE 34000] (Error 16916)</t>
  </si>
  <si>
    <t>Fixes an issue in which some of the temporary working folders are not cleared when many R queries are run in parallel</t>
  </si>
  <si>
    <t>Fixes the following error that occurs when you back up a database by using virtual device interface (VDI) on ubuntu docker container installed SQL Server 2017: Host_515697bb-6009-4018-b373-50c871ed736c_SQLVDIMemoryName_0: ClientBufferAreaManager::SyncWithGlobalTable: Open(hBufferMemory): error 2Host_515697bb-6009-4018-b373-50c871ed736c_SQLVDIMemoryName_0: TriggerAbort: invoked: error 0Host_515697bb-6009-4018-b373-50c871ed736c_SQLVDIMemoryName_0: TriggerAbort: ChannelSem: error 2Features returned by SQL Server: 0x10000 Opening the device. VDS::OpenDevice fails: x80770004 Msg 18210, Level 16, State 1, Server &amp;lt;ServerName&amp;gt;, Line &amp;lt;LineNumber&amp;gt; BackupVirtualDeviceSet::AllocateBuffer: failure on backup device '515697bb-6009-4018-b373-50c871ed736c'. Operating system error 995(The I/O operation has been aborted because of either a thread exit or an application request.). Msg 3013, Level 16, State 1, Server &amp;lt;ServerName&amp;gt;, Line &amp;lt;LineNumber&amp;gt; BACKUP DATABASE is terminating abnormally.</t>
  </si>
  <si>
    <t>Fixes an issue where sys.fn_hadr_backup_is_preferred_replica returns different results on secondary replicas of read-scale availability groups (Cluster_Type=None) when running on standalone machines or cluster nodes</t>
  </si>
  <si>
    <t>Fixes an issue where executing concurrent queries with Large Object (LOB) parameters causes failed assertions in tmpilb.cpp and generates minidumps</t>
  </si>
  <si>
    <t>Fixes an issue where SQL Server disconnects a session when it gets an attention and INTERLEAVED_EXECUTION_TVF is enabled</t>
  </si>
  <si>
    <t>Fixes an issue in which the query processor can't produce a query plan if the USE PLAN hint specifies a query plan that has a left outer join and an inner join</t>
  </si>
  <si>
    <t>Fixes an issue where Cumulative Update (CU) patching fails with the following message when you set default data directory to Azure Blob Storage URL: The given path's format is not supported. Exception Type “System.NotSupportedException” Note To work around the issue, you can change the data default directory to a local directory and rerun the SQL patch.</t>
  </si>
  <si>
    <t>Access violation occurs when you use LOB data type with columnstore indexes in SQL Server 2017</t>
  </si>
  <si>
    <t>Fixes the failed assertion that occurs due to implicit conversion where predicate's precision is greater than the value: Msg 3624, Level 20, State 1, Line LineNumber&amp;nbsp;&amp;nbsp;&amp;nbsp;&amp;nbsp;&amp;nbsp; A system assertion check has failed. Check the SQL Server error log for details. Typically, an assertion failure is caused by a software bug or data corruption. To check for database corruption, consider running DBCC CHECKDB. If you agreed to send dumps to Microsoft during setup, a mini dump will be sent to Microsoft. An update might be available from Microsoft in the latest Service Pack or in a Hotfix from Technical Support. Msg 596, Level 21, State 1, Line LineNumber Cannot continue the execution because the session is in the kill state.&amp;nbsp;&amp;nbsp;&amp;nbsp; Msg 0, Level 20, State 0, Line LineNumber A severe error occurred on the current command. The results, if any, should be discarded.</t>
  </si>
  <si>
    <t>sp_execute_external_script fails after you configure new runtime and remove a new Cumulative Update patch in SQL Server 2017</t>
  </si>
  <si>
    <t>Fixes an access violation exception that may occur when sp_server_diagnostics is executed</t>
  </si>
  <si>
    <t>Fixes an issue in which the extended event version in the Alwayson_health session isn't changed automatically during the Cumulative Update upgrade and downgrade.</t>
  </si>
  <si>
    <t>Fixes an issue where Failover Cluster Instance (FCI) setup fails on secondary nodes of a PolyBase scale-out group in a standard edition of SQL Server 2019. Here is the error message: The specified scaleout setting for Polybase is not the same as that specified for the active node in the SQL Server Failover Cluster. To continue, please provide False for the setting.</t>
  </si>
  <si>
    <t>You encounter error messages 8114 or 22122 when performing change tracking cleanup</t>
  </si>
  <si>
    <t>Fixes an issue where the DAX query with union generates an exception: An unexpected error occurred (file 'FileName', line LineNumber, function 'FunctionName').</t>
  </si>
  <si>
    <t>Fixes the issue in SSIS 2017 when Dimension Processing returns clsid {ID}" could not be created and error code 0x80070005 "Access is denied.". Make sure that the component is registered correctly. OnError: "Dimension Processing failed validation and returned error code 0x80040005"</t>
  </si>
  <si>
    <t>Error when you use columnstore indexes and run versioned scans if all rows in a compressed rowgroup are deleted in SQL Server 2017 and 2019</t>
  </si>
  <si>
    <t>Persisted computed columns not being consistently blocked for Columnstore index</t>
  </si>
  <si>
    <t>SQL Server often crashes when network.forceencryption property is set to '1'</t>
  </si>
  <si>
    <t>Adds improvement to report SQL Server native error 35217 in the AlwaysOn_health XEvent log: DateTimeSpid&amp;nbsp;&amp;nbsp;&amp;nbsp;&amp;nbsp;&amp;nbsp; Error: 35217, Severity: 16, State: 1. DateTimeSpid&amp;nbsp;&amp;nbsp;&amp;nbsp;&amp;nbsp;&amp;nbsp; The thread pool for Always On Availability Groups was unable to start a new worker thread because there are not enough available worker threads. This may degrade Always On Availability Groups performance. Use the "max worker threads" configuration option to increase number of allowable threads.</t>
  </si>
  <si>
    <t>Fixes an issue in SQL Server 2017 where you may encounter an Access Violation or Assertion when using the&amp;nbsp; sys.dm_exec_query_statistics_xml Dynamic Management View</t>
  </si>
  <si>
    <t>Fixes an issue in SQL Server 2017 and 2019 where you may encounter an Access Violation or Assertion when using the sys.dm_exec_query_statistics_xml Dynamic Management View</t>
  </si>
  <si>
    <t>Fix to keep the PERSIST_SAMPLE_PERCENT value for statistics on an indexed column after index rebuild</t>
  </si>
  <si>
    <t>Adds pOwnerSess to the error message to find the owner session Id that runs the Log Reader Agent or log-related procedure in SQL Server 2017</t>
  </si>
  <si>
    <t>Fixes the issue where datatype is not included in the warning message instead a 'null' value appears: Warning: Article with '(null)' data type column is not supported with memory optimized tables on subscribers running SQL Server 2014 or earlier</t>
  </si>
  <si>
    <t>Assertion failure may occur when sp_cleanup_history_table is executed in SQL Server 2017</t>
  </si>
  <si>
    <t>SQL Server affinity settings are reset after applying CU for SQL Server 2017 and 2019</t>
  </si>
  <si>
    <t>Corrupted statistics can be detected by using extended_logical_checks in SQL Server 2017</t>
  </si>
  <si>
    <t>Access violation occurs when you use FileTable feature with Windows Defender enabled</t>
  </si>
  <si>
    <t>Fixes an issue where Distributed Replay Client may fail with an unhandled exception. This fix is for the Distributed Replay Client that is released with SQL Server 2017. The following is the error you may observe in the output/log file: DateTime OPERATIONAL&amp;nbsp; [Common]&amp;nbsp; Unhandled exception is encountered. [Exception Code = 3221225477] DateTime OPERATIONAL&amp;nbsp; [Common] Invoking dump. DateTime OPERATIONAL&amp;nbsp; [Common] Service terminating</t>
  </si>
  <si>
    <t>Cannot change the password for a SQL Server service account when additional LSA protection is enabled</t>
  </si>
  <si>
    <t>SQL Server Manageability (SSM)</t>
  </si>
  <si>
    <t>Fixes an issue where SSAS 2017 unexpected error occurs when you restore a tabular database backed up on the same instance</t>
  </si>
  <si>
    <t>Fixes an issue where Setup Account Privileges check may not be performed when installing Cumulative Update or Security Update</t>
  </si>
  <si>
    <t>FIX: Update SQL Server 2017 CEIP service to send usage and diagnostic data to a new endpoint</t>
  </si>
  <si>
    <t>Telemetry</t>
  </si>
  <si>
    <t>Improvement: Failover Cluster DNN in SQL Server 2017</t>
  </si>
  <si>
    <t>Fixes the EXCEPTION_INVALID_CRT_PARAMETER dump that is generated on performing INSERT\UPDATE of wide replicated table in SQL Server 2017</t>
  </si>
  <si>
    <t>Fixes an issue in which a database freezes its I/O during a VSS backup but never thaws the I/O. This can lead to latch timeouts</t>
  </si>
  <si>
    <t>Fixes an issue where you are unable to set up Managed Backup on SQL 2016/2017 by using Azure SAS credential with a long secret due to SAS expiration in SQL Server 2017</t>
  </si>
  <si>
    <t>FIX: Wrong results may occur during Clustered Columnstore Index alter index reorganize in versioned scans in SQL Server 2017</t>
  </si>
  <si>
    <t>Fixes an issue where a query is stuck in BATCH_MODE_SORT in SQL Server 2017</t>
  </si>
  <si>
    <t>Fixes an issue where SQL Server 2017 CU22 using XTP UserDB for staging tables has steady growing trend for "VARHEAP\Storage internal heap" in dm_db_xtp_memory_consumers that leads to OOM/41805 errors when it reaches 50/60GB and requires proactive restart/failover to retain stability</t>
  </si>
  <si>
    <t>Fixes an issue on how to rotate the service account password without restarting SQL Server</t>
  </si>
  <si>
    <t>Adds improvement to help diagnose replica connection timeout errors. Note: This improvement adds sqlserver.ucs_connection_setup XEvent and 35206, 35201 ERROR_REPORTED XEvent to AlwaysOn_health, to provide additional logging detail when connection timeout occurs between error log. SSAS does not work with AlwaysOn Availability Groups, but need a different solution for DR unless you are using SQL databases as your data source.</t>
  </si>
  <si>
    <t>Improvement: Availability Group listener without the load balancer in SQL Server 2017 and 2019</t>
  </si>
  <si>
    <t>Fixes an issue that causes the database log_reuse_wait_desc to change to AVAILABILITY_REPLICA when a database is removed from an Availability Group.</t>
  </si>
  <si>
    <t>Adds support for 32 key columns to system sp_pkeys and fixes the performance regression that occurs after the installation of Cumulative Update 21 (CU21) for SQL Server 2017</t>
  </si>
  <si>
    <t>FIX: Access Violation on secondary replica may occur when you drop index from view on primary replica in SQL Server 2017</t>
  </si>
  <si>
    <t>Fixes the Assertion error that occurs while performing database recovery in SQL Server 2017</t>
  </si>
  <si>
    <t>Fixes the unexpected error that causes the database to fail when deploying JSON script to replace existing database in SQL Server 2017</t>
  </si>
  <si>
    <t>After FIPS is enabled in Windows, you cannot enable Managed Backup in SQL Server 2017. When trying to do so, the Application event log will record a 57054 error (from the "Microsoft SQL Server Automated Backup" source) with the following message: [Warning] ManagedBackupBackupCertificateFailed: System.Exception: Failed to backup certificate and upload it to Azure storage. ---&amp;gt; System.Reflection.TargetInvocationException: Exception has been thrown by the target of an invocation. ---&amp;gt; System.InvalidOperationException: This implementation is not part of the Windows Platform FIPS validated cryptographic algorithms.</t>
  </si>
  <si>
    <t>Assert failure occurs when concurrent query modifies the same bitmap during clustered columnstore delete bitmap seek in SQL Server 2016 and 2017</t>
  </si>
  <si>
    <t>Fixes an Access Violation error that occurs at sqllang!CStatement::SetDbIdMaskingUsageInfo+0x11 in SQL Server 2016</t>
  </si>
  <si>
    <t>Fixes an Access Violation (AV) that occurs when error is being collected for Availability Group (AG) DB Failover while there is a AG failover undergoing</t>
  </si>
  <si>
    <t>SqlLocalDB fails to start shared instances or you cannot connect to shared instances of SqlLocalDB in SQL Server 2017</t>
  </si>
  <si>
    <t>Error 574 when you try to install Service Pack 2 for SQL Server 2017</t>
  </si>
  <si>
    <t>Fixes an Access Violation error that occurs when importing large amount of data to Azure Blob storage. This can occur if PolyBase Data Movement Service encounters out-of-memory condition during large data insert transaction</t>
  </si>
  <si>
    <t>MERGE statement fails with Access Violation at BTreeRow::DisableAccessReleaseOnWait in SQL Server</t>
  </si>
  <si>
    <t>Fixes an issue where optimizer doesn't push down constant parameter to remote query via linked server</t>
  </si>
  <si>
    <t>Fixes the performance issue that occurs with CHANGETABLE function and syscommit on SQL Server 2017</t>
  </si>
  <si>
    <t>Failures with the log reader agent occur when you create and drop publication on CDC-enabled database in SQL Server 2019, 2017, and 2016</t>
  </si>
  <si>
    <t>Fixes an issue with the Foreign Key added to a table that is referencing a table's column, which is part of a unique index with included columns. When the table's ALTER command is replicated, Distribution Agent fails with the following error message. Number of referencing columns in foreign key differs from number of referenced columns, table 'TableName'. (Source: MSSQLServer, Error number: 8139)</t>
  </si>
  <si>
    <t>Fixes the sp_hadr_verify_replication_publisher displaying wrong distribution database name in error in SQL Server 2017</t>
  </si>
  <si>
    <t>Fixes FullText query not returning the expected values that are located on the FullText index structure with AccentSensitivity turned on</t>
  </si>
  <si>
    <t>Fixed the memory release issue in execution of the STDistance spatial method while using spatial index. Before the fix, memory usage of MEMORYCLERK_SOSNODE gradually grew until all the memory available is taken.</t>
  </si>
  <si>
    <t>Improves the records stage of failure and error during stack copy for better diagnostics</t>
  </si>
  <si>
    <t>Fixes "Fast Fail" error that occurs when SQL Server 2017 on Linux creates core dumps and SQL Server not starting after applying the latest update</t>
  </si>
  <si>
    <t>Fixes an issue where DBCC PAGE with option 3 generates access violation dumps after dropping a unique identifier column from the table in SQL Server 2017. Msg 596, Level 21, State 1, Line LineNumber Cannot continue the execution because the session is in the kill state. Msg 0, Level 20, State 0, Line LineNumber A severe error occurred on the current command. The results, if any, should be discarded.</t>
  </si>
  <si>
    <t>Delete operation may fail with 7105 error in SQL Server 2017</t>
  </si>
  <si>
    <t>Power BI queries generally perform 2-5 times slower after upgrading from the SQL Server Analysis Services (SSAS) 2016 to 2017, due to different query plan generated and different Internal Vertipaq scan</t>
  </si>
  <si>
    <t>14.0.3381.3</t>
  </si>
  <si>
    <t>The synchronizeSecurity setting of AMO method Microsoft.AnalysisServices.Tabular.Server.Synchronize is ignored</t>
  </si>
  <si>
    <t>Unexpected Exception error occurs intermittently when SQL Dialect is used against SSAS Tabular model</t>
  </si>
  <si>
    <t>Data source with MultiSubnetFailover=True;ApplicationIntent=ReadOnly properties doesn't route requests to AG in SQL Server 2017</t>
  </si>
  <si>
    <t>Indefinite hang occurs during cube processing after applying SSAS 2016 SP2 CU7</t>
  </si>
  <si>
    <t>SSAS 2017 stops responding when you run a DAX query</t>
  </si>
  <si>
    <t>Fixes long duration taken for Integration Services Project deployment through powershell by improving search of operation messages in deployment process</t>
  </si>
  <si>
    <t>Intermittent connection error occurs when an expression is used for both connection string and password of a connection manager</t>
  </si>
  <si>
    <t>Fixes an error that HTTP connection manager cannot connect to web services via TLS 1.1 &amp;amp; 1.2</t>
  </si>
  <si>
    <t>ISDBUpgradeWizard.exe throws error when you try to upgrade SSISDB after restoring from earlier versions in SQL Server</t>
  </si>
  <si>
    <t>SQL Server crashes when Afd!DbCreateSocketOperation process fails</t>
  </si>
  <si>
    <t>Fixes an issue where a database restore fails with an error 3257 (insufficient free space error) when the database is larger than 2 TB. The issue happens when the TotalAllocationUnits on the target volume is more than 4,294,967,295 units, for example when the target volume is larger than 16 TB and uses an allocation unit size = 512 bytes and a single sector per cluster</t>
  </si>
  <si>
    <t>When you run a RESTORE HEADERONLY of SQL Server 2016 backup, you may notice error 3285 even if the correct blocksize has been specified. If the error persists after applying this fix, you may specify the proper blocksize or contact Microsoft Support for assistance</t>
  </si>
  <si>
    <t>When you try to restore from a compressed or encrypted backup over an existing TDE enabled database, you may notice that the restore operation may take longer time than expected</t>
  </si>
  <si>
    <t>Memory grant wait times out when you run many Columnstore bulk inserts concurrently in SQL Server 2017</t>
  </si>
  <si>
    <t>VERIFY_CLONEDB prints message 'Clone database verification has failed' for the database if the database name starts with a number.</t>
  </si>
  <si>
    <t>Incorrect results when you run INSERT INTO SELECT statement on memory-optimized table variables in SQL Server</t>
  </si>
  <si>
    <t>Wrong results when you run a query on In-Memory optimized tables in SQL Server 2017</t>
  </si>
  <si>
    <t>SQL Server service fails to start in Linux operating system</t>
  </si>
  <si>
    <t>Automatic seeding failure occurs for a secondary replica in SQL Server</t>
  </si>
  <si>
    <t>Fixes an issue where SQL process is not killed properly resulting in subsequent start of SQL Server fails when the AG-Helper sends the KILL 9 command to terminate the SQL Server process</t>
  </si>
  <si>
    <t>Fixes an issue where ALTER AVAILABILITY GROUP SET (ROLE=SECONDARY) raises an error 41104. However, it doesn't impact the Always On Availability Group health</t>
  </si>
  <si>
    <t>Login failed for user error occurs when you run Maintenance plan with SQL login account in SQL Server 2016 and 2017</t>
  </si>
  <si>
    <t>Error when you enable managed or automated backup in SQL Server 2016 and 2017 if "Allow Blob Public Access" is disabled on a storage account</t>
  </si>
  <si>
    <t>Stored procedure (no SP:CacheInsert in trace) is not cached for database compatibility level 140 or 150 in SQL Server 2017</t>
  </si>
  <si>
    <t>Wrong results due to undetected concatenation parameters from scalar expression</t>
  </si>
  <si>
    <t>Fixes an access violation which occurs while querying row mod count property on spatial indexes in SQL Server 2017</t>
  </si>
  <si>
    <t>Log reader agent generates access violation exception for P2P or transactional replication with partitioning tables in SQL Server</t>
  </si>
  <si>
    <t>Newly added articles' snapshot doesn't get applied to subscriber in SQL Server</t>
  </si>
  <si>
    <t>Intermittent error 6552 occurs when running Spatial query with TOP &amp;lt;param&amp;gt; or OFFSET &amp;lt;param1&amp;gt; ROWS FETCH NEXT &amp;lt;param2&amp;gt; ROWS ONLY clause and parallel plan</t>
  </si>
  <si>
    <t>SQL Server on Linux does not start after trace flag 8809 is enabled</t>
  </si>
  <si>
    <t>Fixes a high HADR_SYNC_COMMIT waits which may show on SQL Server with heavy workload after you apply CU22 for SQL Server 2017</t>
  </si>
  <si>
    <t>Fixes an issue with Performance counter Data File(s) Size (KB) that doesn't report the total size of database files correctly when the file size &gt; 4 TB</t>
  </si>
  <si>
    <t>CHECKDB reports no errors but users may see errors 602 and 608 due to inconsistent Full Text metadata</t>
  </si>
  <si>
    <t>User session is in rollback state indefinitely after it is killed in SQL Server</t>
  </si>
  <si>
    <t>Fixes an assertion error that occurs when the Availability Group is failed over manually to another replica. The failover succeeds however, the databases from the earlier primary (now the secondary) where the AG was failed from, does not come online and generates the assertion dumps with the signature: File: &amp;lt;"FilePath/FileName"&amp;gt;, line=LineNumber Failed Assertion = 'inCorrectOrder'.</t>
  </si>
  <si>
    <t>Improvement: Option to forcefully turn QDS off by specifying the additional option in ALTER DB command</t>
  </si>
  <si>
    <t>Non-yielding Scheduler error may occur when query store tries to grow its memory structure during heavy workload</t>
  </si>
  <si>
    <t>Query Store scalability improvement for ad-hoc workloads. Query Store now imposes internal limits to the amount of memory, it can use and automatically changes the operation mode to READ-ONLY until enough memory has been returned to the Database Engine, preventing performance issues.</t>
  </si>
  <si>
    <t>Fixes an issue where an access violation exception may occur when you execute queries in read uncommitted mode with high concurrent read or write pattern over XML data types</t>
  </si>
  <si>
    <t>Fixes an error that occurs when you run DISCOVER_CSDL_METADATA on a DirectQuery model perspective in SSAS 2017. "OLE DB or ODBC error: We're sorry, an error occurred during evaluation.."</t>
  </si>
  <si>
    <t>Fixes an unexpected error when you run a query against Multi Dimensional Instance using DirectQuery mode. Unexpected error (file 'FileName', line LineNumber, FunctionName :: start function)</t>
  </si>
  <si>
    <t>Fixes an unexpected exception that occurs on function XLVariable::WriteVarInfo in SSAS 2017 when you enable trace or profiler to get DAX query plan.</t>
  </si>
  <si>
    <t>Fixes long package execution time involving SSIS task of type TransferSqlServerObjectsTask when database contains tens of thousands of tables and the db user is not db_owner.</t>
  </si>
  <si>
    <t>FIX: Concurrent inserts against tables with columnstore indexes may cause queries to hang in SQL Server</t>
  </si>
  <si>
    <t>FIX: Error 8992 occurs when you run DBCC CHECKDB on cloned database in SQL Server 2017</t>
  </si>
  <si>
    <t>FIX: Access violation occurs when you run INSERT EXEC with sp_execute_external_script on a table that has IDENTITY column in SQL Server 2017</t>
  </si>
  <si>
    <t>FIX: INSERT EXEC doesn't work when you insert row containing explicit identity value into table with IDENTITY column and IDENTITY_INSERT is OFF by default in SQL Server</t>
  </si>
  <si>
    <t>FIX: A LOB allocator may be leaked when a LOB or off-row column is altered or dropped in SQL Server 2017</t>
  </si>
  <si>
    <t>FIX: UTC time for DST time zone in Brazil/Sao Paulo is reported incorrectly in SQL Server 2017</t>
  </si>
  <si>
    <t>FIX: Error occurs when you run Distribution Agent on an instance of SQL Server 2017 on Linux</t>
  </si>
  <si>
    <t>FIX: Access violation exception occurs in Availability Groups in SQL Server 2017 under certain conditions</t>
  </si>
  <si>
    <t>Assertion error occurs on the mirror server during redo process hitting. Assertion: File: &amp;lt;FilePath\FileName&amp;gt;, line = LineNumber Failed Assertion = 'result == LCK_OK'</t>
  </si>
  <si>
    <t>FIX: Managed backup is not backing up the database when SQL Agent system jobs are changed to different name other than 'sa' in SQL Server 2017</t>
  </si>
  <si>
    <t>FIX: Sharing violation when the “sp_cycle_agent_errorlog” stored procedure is run in SQL Server</t>
  </si>
  <si>
    <t>When you run ALTER commands that include ROLLBACK IMMEDIATE option, the rollback may trigger before the command is processed even if the ALTER itself may fail due to lack of permissions. This fix ensures that the rollback is processed only after the ALTER command completes.</t>
  </si>
  <si>
    <t>Fixes Access Violation exception that occurs when you run a query that references a non-existing partition function in SQL Server.</t>
  </si>
  <si>
    <t>FIX: Incorrect results can occur when you run linked server query with aggregates or joins on table with filtered index on a remote server in SQL Server 2017</t>
  </si>
  <si>
    <t>Non-yielding scheduler error occurs when a query with large number of expressions is run.</t>
  </si>
  <si>
    <t>Error occurs when DELETE from CONSTITUENT table is run, even when no matching rows exist in the referenced tables. Msg 547, Level 16, State 0, Line LineNumber The DELETE statement conflicted with the REFERENCE constraint "constraint name". The conflict occurred in database "DatabaseName", table "TableName", column 'ColumnName'. The statement has been terminated.</t>
  </si>
  <si>
    <t>FIX: Cascade delete on key values outside of leading table histogram bounds causes Index scan in SQL Server 2017</t>
  </si>
  <si>
    <t>FIX: COMPILE blocking occurs when executing many concurrent stored procedures in SQL Server 2017</t>
  </si>
  <si>
    <t>FIX: Upgrade script fails if you use an Always On high availability group as a secondary replica in SQL Server</t>
  </si>
  <si>
    <t>"Monitor and Sync replication agent jobs" error occurs when a job runs on the new secondary replica after failover of the Availability group that hosts the distribution database for transactional replication. Unable to post notification to SQLServerAgent (reason: The maximum number of pending SQLServerAgent notifications has been exceeded. The notification will be ignored.) [SQLSTATE 42000] (Error 22022). The step failed.</t>
  </si>
  <si>
    <t>Intermittent error 6552 occurs when running Spatial query with TOP &amp;lt;param&amp;gt; or OFFSET &amp;lt;param1&amp;gt; ROWS FETCH NEXT &amp;lt;param2&amp;gt; ROWS ONLY clause and parallel plan.</t>
  </si>
  <si>
    <t>SQL Server AG Helper/AG monitoring application waiting more than 30 seconds with epoll and futex_wait_queue_me wait type is unable to connect to SQL Server 2017 resulting in timeout and failover.</t>
  </si>
  <si>
    <t>DBCC CHECKDB may incorrectly report corruption on Spatial Index if base table has a column called ID.</t>
  </si>
  <si>
    <t>DBCC SHRINKFLE or SHRINKDATABASE can cause an assertion exception error when executed against database or files containing system-versioned temporal tables.</t>
  </si>
  <si>
    <t>FIX: Distributed transactions may experience long waits with DTC_STATE wait type in SQL Server</t>
  </si>
  <si>
    <t>FIX: Unable to use Filestream on Windows Server 2012 or Windows 8 after applying SQL Server 2017 CU21</t>
  </si>
  <si>
    <t>FIX: "Login failed for user" error occurs when you run Maintenance plan with SQL login account in SQL Server 2017</t>
  </si>
  <si>
    <t>This updates adds detailed error information to the pacemaker log when pacemaker agent fails to connect to SQL Server resource to obatin health status</t>
  </si>
  <si>
    <t>FIX: Intermittent Availability Group failover occurs as AG helper connection times out while connecting to SQL Server 2017</t>
  </si>
  <si>
    <t>FIX: VDI backup fails with error after applying SQL Server 2017 CU19/CU20/CU21</t>
  </si>
  <si>
    <t>Assume that you run an MDX query with YTD and select multiple members on column, you notice that incorrect result may return in SSAS Tabular instance. However, correct result returns if you run the similar MDX query with YTD but select each individual member on column</t>
  </si>
  <si>
    <t>This improves MDX query execution performance against a dimension user hierarchy that is ragged hierarchy (HidememberIf property set) and has deep hierarchy level in SSAS Multidimensional instance</t>
  </si>
  <si>
    <t>When you use mashup to import from Active Directory by using the default M query generated from the connection wizard, you may encounter "Key Expression Error: The key didn't match any rows in the table"</t>
  </si>
  <si>
    <t>When you try to refresh a model that contains many measures with USERELATIONSHIP function, SSAS can take many minutes before sending out queries to read from the data source. This fix can improve the processing performance and data source queries will be sent out very soon after the initial "sequence point algorithm" step</t>
  </si>
  <si>
    <t>Error occurs when you create a session cube on a database and then try to query from that session cube in SQL Server 2017 "Server: The operation has been cancelled because there is not enough memory available for the application. If using a 32-bit version of the product, consider upgrading to the 64-bit version or increasing the amount of memory available on the machine."</t>
  </si>
  <si>
    <t>FIX: Script downgrade may fail when Cumulative Update 20 (CU20) is uninstalled from SQL server 2017</t>
  </si>
  <si>
    <t>Uninstall</t>
  </si>
  <si>
    <t>Improves SSISDB performance by adding indexes to event_message_context and execution_property_override_values tables in SQL Server 2017</t>
  </si>
  <si>
    <t>Column Description disappears after exporting/importing models through MDSModelDeploy for an approval required entity in SQL Server 2017</t>
  </si>
  <si>
    <t>FIX: Assertion failure occurs when you try to insert record into a page in fully logged mode in SQL Server 2017</t>
  </si>
  <si>
    <t>FIX: Assertion exception occurs when you query the DMV sys.dm_db_file_space_usage in SQL Server 2017 and 2019</t>
  </si>
  <si>
    <t>FIX: Non-yielding scheduler condition occurs if large number of row-column values are processed in row groups in SQL Server 2016 and 2017</t>
  </si>
  <si>
    <t>R Setup components fail to download CAB files when TLS 1.0 is disabled. This update includes a new R Setup version to add support for TLS1.2</t>
  </si>
  <si>
    <t>Fixes an assertion exception (Location:sosmemobj.cpp:LineNumber, Expression: pvb-&amp;gt;FInUse ()) while querying the DMV sys.dm_hadr_automatic_seeding</t>
  </si>
  <si>
    <t>This update contains an improvement for object level lock optimization on secondary replicas of Always On Availability Groups and addresses the schema lock contention on secondary replica redo, when the number of logical processors is large</t>
  </si>
  <si>
    <t>Improvement: A manual method to set maximum group commit time in SQL Server 2017</t>
  </si>
  <si>
    <t>sys.key_constraints reports two rows (duplicate) for an index if we have an XML component id with an id that is the same as the "object_id" of a primary key</t>
  </si>
  <si>
    <t>Fixes an access violation while frequently restarting Extended Event session with QueryPlanProfile event in SQL Server 2017</t>
  </si>
  <si>
    <t>Fixes an access violation with recursive CTE whose anchor member is a clustered Columnstore index</t>
  </si>
  <si>
    <t>Access violation exception occurs when a query that references a non-existing partition function is executed in SQL Server 2017</t>
  </si>
  <si>
    <t>The DELETE from CONSTITUENT table in SQL Server 2017 fails with error even when the table has no matching rows in the referenced tables Msg 547, Level 16, State 0, Line LineNumber The DELETE statement conflicted with the REFERENCE constraint "ConstraintName". The conflict occurred in database "DatabaseName", table "TableName", column 'ColumnName'. The statement has been terminated</t>
  </si>
  <si>
    <t>Fixes an issue where sys.dm_db_stats_histogram does not show NULL value histogram step in SQL Server 2017</t>
  </si>
  <si>
    <t>FIX: Assertion dump may occur when Implicit Transactions are enabled in SQL Server 2016 and 2017</t>
  </si>
  <si>
    <t>Fixes self-deadlock with database log flush queue spinlock</t>
  </si>
  <si>
    <t>FIX: High CPU usage causes performance issues in SQL Server 2016 and 2017</t>
  </si>
  <si>
    <t>Executing sys.fn_xe_file_target_read_file may cause SQL Server to stop responding</t>
  </si>
  <si>
    <t>When using FileTables in SQL Server, you may notice dumps being generated periodically that contain an assertion in function FFtFileObject::ProcessPostCreate. In some environments, these dumps may trigger a failover FtFileObject::ProcessPostCreate file = fftfo.cpp line = LineNumber&amp;nbsp; expression = FALSE</t>
  </si>
  <si>
    <t>This improvement can force the Query Store option to be turned off by specifying the additional option FORCED in the ALTER DB command. FORCED option allows you to turn off Query Store immediately by aborting all background tasks. ALTER DATABASE {0} SET QUERY_STORE = OFF (FORCED).</t>
  </si>
  <si>
    <t>Fixes long duration taken for Integration Services Project deployment through PowerShell by improving search of operation messages in deployment process</t>
  </si>
  <si>
    <t>FIX: DAX query causes server to have exceptions in TBB heap and crash in Windows heap in SQL Server 2016 and 2017</t>
  </si>
  <si>
    <t>14.0.3294.2</t>
  </si>
  <si>
    <t>FIX: Analysis Services Execute DDL task may fail to impersonate the user context to the remote Analysis services instance in SQL Server 2017</t>
  </si>
  <si>
    <t>DMV query $system.DISCOVER_STORAGE_TABLES may execute slowly against in-memory model that contains many tables and large table row counts in SQL Server 2017.</t>
  </si>
  <si>
    <t>Floating point exception error occurs during Clustered Columnstore Index Rebuild in SQL Server 2017.</t>
  </si>
  <si>
    <t>FIX: SQL Server may terminate due to lock conflicts during error message processing in SQL Server 2016, 2017 and 2019</t>
  </si>
  <si>
    <t>FIX: Intermittent non-yielding scheduler occurs when memory-optimized database running under heavy I/O activities in SQL Server</t>
  </si>
  <si>
    <t>Access violation occurs when you enable Parallel Recovery by turning of Trace Flag 3459 during runtime and there is in-memory table in the database.</t>
  </si>
  <si>
    <t>FIX: Error occurs when you try to create a differential backup on secondary replica in SQL Server 2017</t>
  </si>
  <si>
    <t>FIX: Management Data Warehouse Server Activity Collection Set may fail in SQL Server</t>
  </si>
  <si>
    <t>FIX: System or background task may fail when number of sessions reaches the maximum limit in SQL Server 2016, 2017 and 2019</t>
  </si>
  <si>
    <t>FIX: MERGE statement fails with assert “Attempt to access expired blob handle (1)” in SQL Server 2016, 2017 and 2019</t>
  </si>
  <si>
    <t>FIX: Assertion error occurs when you run resumable index statement in SQL Server 2017</t>
  </si>
  <si>
    <t>When you run a query against a table with filtered index, the query may fail and stack dump may be generated.</t>
  </si>
  <si>
    <t>Memory dump may be generated for non-yielding scheduler condition (message 17883) when query plan is forced (using QDS, Plan Guide or USE PLAN hint) for queries that contain large number of joins. Having adaptive join feature enabled increases the risk of seeing this issue for complex queries.</t>
  </si>
  <si>
    <t>FIX: Parallel sampled filtered statistics may cause incorrect histogram scaling in SQL Server</t>
  </si>
  <si>
    <t>Non-yielding scheduler dump in InterlockedCompareExchangePointer and SOS_RWLock on the publisher in SQL Server 2017.</t>
  </si>
  <si>
    <t>FIX: Non-yielding scheduler dump occurs in InterlockedCompareExchangePointer and SOS_RWLock in SQL Server 2016, 2017 and 2019</t>
  </si>
  <si>
    <t>FIX: Geocentric Datum of Australia 2020 is added to SQL Server 2014, 2016 and 2017</t>
  </si>
  <si>
    <t>Improvement: Size and retention policy are increased in default XEvent trace system_health in SQL Server 2016, 2017 and 2019</t>
  </si>
  <si>
    <t>Extended Event session_nt_username name is truncated and reported incorrectly in SQL Server 2017.</t>
  </si>
  <si>
    <t>FIX: Fix incorrect memory page accounting that causes out-of-memory errors in SQL Server 2017 and 2019</t>
  </si>
  <si>
    <t>Improves speed of memory dump generation (filtered dumps) using Page exclusion bitmap mechanism. The PageExclusionBitmap is turned on by default in SQL Server 2017.</t>
  </si>
  <si>
    <t>FIX: Access violation exception occurs when promoting latches of frequently used database pages in SQL Server 2017</t>
  </si>
  <si>
    <t>FIX: Assertion failure occurs when persistent log buffer is used in SQL Server</t>
  </si>
  <si>
    <t>FIX: IsError function fails to detect error in Excel XIRR function when MDX query is executed from SSIS 2016 and 2017</t>
  </si>
  <si>
    <t>FIX: Memory may not get released when you process partitions with data in SQL Server 2016 and 2017</t>
  </si>
  <si>
    <t>FIX: MDS and/or LocalDB patch installation fails if you patch SQL Server 2016 or 2017 with a next CU</t>
  </si>
  <si>
    <t>FIX: cleanup_server_retention_window does not function properly when you try to cleanup execution logs in SSISDB</t>
  </si>
  <si>
    <t>FIX: Debugging an SSIS package in SSDT 2017 always starts DtsDebugHost in 32-bit instead of 64-bit</t>
  </si>
  <si>
    <t>FIX: SQL Server 2016 and 2017 database remains in frozen I/O state indefinitely when backed up by VSS</t>
  </si>
  <si>
    <t>FIX: Unable to restore SQL Server 2012 databases on SQL Server 2016 and 2017 because of NCCI</t>
  </si>
  <si>
    <t>FIX: Access violation occurs when you run DBCC CHECKTABLE against a table with Clustered Columnstore Index in SQL Server 2017</t>
  </si>
  <si>
    <t>FIX: Non-yielding scheduler condition occurs when you run batch mode query with multiple joins in SQL Server 2017</t>
  </si>
  <si>
    <t>FIX: Assertion error occurs when you use IDENT_CURRENT on view that has identity columns in SQL Server 2016 and 2017</t>
  </si>
  <si>
    <t>FIX: Database initialization may fail by using automatic seeding in SQL Server 2017</t>
  </si>
  <si>
    <t>FIX: Transaction commit may cause extra latency at low workloads in SQL Server 2017</t>
  </si>
  <si>
    <t>FIX: Secondary replica update may fail if availability group configured on Linux in SQL Server 2017</t>
  </si>
  <si>
    <t>FIX: "Expired BLOB handle" error occurs when cross-database transaction involves communication with MSDTC in SQL Server 2017</t>
  </si>
  <si>
    <t>FIX: Non-yielding scheduler issue occurs in SQL Server 2016 and 2017 when you run an online build for an index that's not partition-aligned</t>
  </si>
  <si>
    <t>FIX: You may encounter a non-yielding scheduler condition when you run query with parallel batch-mode sort operator in SQL Server 2016 and 2017</t>
  </si>
  <si>
    <t>FIX: Access violation occurs when you use sys.dm_os_memory_objects in SQL Server 2016 and 2017</t>
  </si>
  <si>
    <t>FIX: Access violation occurs when you join two columns in SQL Server 2017 in which Adaptive joins are permitted</t>
  </si>
  <si>
    <t>FIX: Slow query performance when using query predicates with UPPER, LOWER or RTRIM with default CE in SQL Server 2017</t>
  </si>
  <si>
    <t>FIX: CREATE INDEX with new CE reads the partition table and results in huge row count higher than the total table row count in SQL Server 2016 and 2017</t>
  </si>
  <si>
    <t>FIX: Assertion occurs when sys.sp_cdc_enable_table is used to enable CDC on column set table in SQL Server 2017</t>
  </si>
  <si>
    <t>FIX: Change Tracking cleanup does not work when invalid cleanup and hardened cleanup version are negative in SQL Server 2017</t>
  </si>
  <si>
    <t>FIX: Scripts generated by SSMS collect different wait types after you install SQL Server 2016 or 2017</t>
  </si>
  <si>
    <t>FIX: Deadlock may occur when you create a database by using non-default collation in SQL Server 2017</t>
  </si>
  <si>
    <t>FIX: SQLDiag fails to generate output due to missing stored procedure tempdb.dbo.sp_sqldiag14 in SQL Server 2017</t>
  </si>
  <si>
    <t>FIX: User hierarchy is not hidden when you run DISCOVER_CSDL_METADATA in SQL Server 2017</t>
  </si>
  <si>
    <t>FIX: SQL patch does not update Local DB files correctly when installed using SqlLocalDb.msi</t>
  </si>
  <si>
    <t>FIX: Error 18456 occurs when you run DMV queries on the SQL Server 2017 instance after rebuilding system databases</t>
  </si>
  <si>
    <t>FIX: Different users get the same model list with different permissions in SQL Server 2016 and 2017</t>
  </si>
  <si>
    <t>FIX: Menu and scroll bar are missing in "Changes" section when large number of changesets are added in Excel add-in for MDS in SQL Server 2017</t>
  </si>
  <si>
    <t>FIX: Exception error 3628 may occur when you run store procedure in SQL Server 2016 and 2017</t>
  </si>
  <si>
    <t>FIX: You may receive incorrect object_id after you switch a partition in SQL Server 2017</t>
  </si>
  <si>
    <t>FIX: Concurrent inserts into a CCI can cause deadlock under memory pressure in SQL Server 2016 and 2017</t>
  </si>
  <si>
    <t>FIX: Access violation error occurs when you try to insert results of stored procedure into a table with dynamic data masking in SQL Server 2016 and 2017</t>
  </si>
  <si>
    <t>FIX: Symmetric key encryption takes longer time in SQL Server 2017 than in SQL Server 2012</t>
  </si>
  <si>
    <t>FIX: sp_describe_parameter_encryption returns different results if you switch parameter positions in SQL Server 2017</t>
  </si>
  <si>
    <t>FIX: Access violation occurs when you restore the In-Memory Optimized database in SQL Server 2016 and 2017</t>
  </si>
  <si>
    <t>FIX: Connection error occurs when you try to connect SQL Server 2017 on Linux by using OpenSSL 1.1</t>
  </si>
  <si>
    <t>FIX: Error 41168 occurs when you try to alter DAG SEEDING_MODE in SQL Server 2016 and 2017</t>
  </si>
  <si>
    <t>FIX: UPDATE STATISTICS takes very long time to generate maintenance plan for large databases in SQL Server 2016 and 2017</t>
  </si>
  <si>
    <t>FIX: .NET Framework DbDataAdapter.FillSchema method returns NULL on database with compatibility level 140 in SQL Server 2017</t>
  </si>
  <si>
    <t>FIX: An access violation may occur when the optimizer uses an Adaptive Join in SQL Server 2017</t>
  </si>
  <si>
    <t>Improvement: Snapshot replication and transactional replication are enabled on Linux in SQL Server 2017</t>
  </si>
  <si>
    <t>2017</t>
  </si>
  <si>
    <t>FIX: Error occurs when CDC capture process tries to insert duplicate key in table "cdc.lsn_time_mapping" in SQL Server 2016 and 2017</t>
  </si>
  <si>
    <t>FIX: SQL Server 2017 generates dump when you transfer ownership of full-text stoplist to another user if previous owner is dropped</t>
  </si>
  <si>
    <t>FIX: Database cannot recover and reports error 5243 in SQL Server 2016 and 2017</t>
  </si>
  <si>
    <t>FIX: Unexpected results occur when you query a SSAS 2017 tabular mode database in DQ mode</t>
  </si>
  <si>
    <t>FIX: Error occurs when you refresh data on Power BI after Process FULL of SSAS 2017 Tabular database</t>
  </si>
  <si>
    <t>FIX: Synchronize command copies SSAS 2017 tabular model database role membership even when Skipmembership is used</t>
  </si>
  <si>
    <t>FIX: SQL jobs fail due to blocking in SSISDB in SQL Server 2014, 2016 and 2017</t>
  </si>
  <si>
    <t>FIX: Hadoop File System Task fails to copy gigabyte-large file from HDFS in SQL Server 2017</t>
  </si>
  <si>
    <t>FIX: File content is sent twice when copied to HDFS using Hadoop File System Task in SQL Server 2017</t>
  </si>
  <si>
    <t>FIX: Accessibility bugs are fixed in MDS 2019 but not fixed in MDS 2017</t>
  </si>
  <si>
    <t>FIX: "Non-yielding Scheduler" occurs when you run queries with batch-mode hash join and/or sort in SQL Server 2016 and 2017</t>
  </si>
  <si>
    <t>FIX: Azure storage I/O subsystem may not reset transfer details for a failed I/O resulting in backup errors</t>
  </si>
  <si>
    <t>FIX: Restore or RESTORE VERIFYONLY of a TDE-compressed backup fails in SQL Server 2016 and 2017</t>
  </si>
  <si>
    <t>FIX: SQL Writer Service fails to back up in non-component backup path in SQL Server 2016 and 2017</t>
  </si>
  <si>
    <t>FIX: Error 9003 occurs when you back up a database on a secondary replica in Microsoft SQL Server 2016 and 2017</t>
  </si>
  <si>
    <t>FIX: Query against table with both clustered columnstore index and nonclustered rowstore index may return incorrect results in SQL Server 2016 and 2017</t>
  </si>
  <si>
    <t>FIX: Columnstore filter pushdown may return wrong results when there is an overflow in filter expressions in SQL Server 2014, 2016 and 2017</t>
  </si>
  <si>
    <t>FIX: Access violation error occurs when SQL Server 2016 and 2017 uses hash join, hash aggregate, sort or window function in batch-mode plan in the deadlock monitor</t>
  </si>
  <si>
    <t>FIX: Assertion error occurs when SQL Server 2016 and 2017 use hash join, hash aggregate, sort or window function in batch-mode plan</t>
  </si>
  <si>
    <t>FIX: Non-yielding scheduler error occurs when you run batch query with sort operation in SQL Server 2017</t>
  </si>
  <si>
    <t>FIX: JDBC XA transaction fails with an error in SQL Server 2017 on Linux</t>
  </si>
  <si>
    <t>FIX: Core dump may be generated when you restart the SQL Server</t>
  </si>
  <si>
    <t>FIX: sys.fn_hadr_backup_is_preferred_replica causes error 41005 in SQL Server 2017</t>
  </si>
  <si>
    <t>FIX: Error 41162 occurs when the creation of distributed availability groups fails in SQL Server 2016 and 2017</t>
  </si>
  <si>
    <t>FIX: Error 35262 with Severity 17 occurs when database is part of an Availability Group in SQL Server 2017</t>
  </si>
  <si>
    <t>FIX: AG is suspended when cross-database transaction is applied on AG databases in SQL Server 2016 and 2017</t>
  </si>
  <si>
    <t>FIX: Assertion occurs when you fail over Read-Scale AlwaysOn Availability Groups in SQL Server 2017</t>
  </si>
  <si>
    <t>FIX: Stack dump occurs when table type has a user-defined constraint in SQL Server 2016</t>
  </si>
  <si>
    <t>FIX: Cardinality property for a table doesn't include rows in the delta store or deleted bitmap if the table has a clustered columnstore index</t>
  </si>
  <si>
    <t>FIX: Access violation occurs when a clone database verification fails in SQL Server 2016 and 2017</t>
  </si>
  <si>
    <t>FIX: Access violation occurs when you run queries that involve PIVOT or UNPIVOT in SQL Server 2016 and 2017</t>
  </si>
  <si>
    <t>FIX: Incorrect results occur with index intersection on partitioned table with a clustered columnstore index in SQL Server 2016 and 2017</t>
  </si>
  <si>
    <t>FIX: Error occurs when a non-dbo user alters procedure in SQL Server 2017 database that has Merge Publication enabled</t>
  </si>
  <si>
    <t>FIX: Peer-to-peer replication fails in SQL Server 2016 and 2017 if the host name is not uppercase</t>
  </si>
  <si>
    <t>FIX: SQL Server 2017 on Linux fails with an Assertion error</t>
  </si>
  <si>
    <t>FIX: Error 8965 occurs when you run DBCC CHECKDB with PHYSICAL_ONLY option on CCI table in SQL Server 2017</t>
  </si>
  <si>
    <t>FIX: Access violation occurs when you enable TF 3924 to clean orphaned DTC transactions in SQL Server 2016 and 2017</t>
  </si>
  <si>
    <t>FIX: Unable to mount SQL Server FILESTREAM share from Linux with SMB 3.x protocol</t>
  </si>
  <si>
    <t>FIX: Database is inaccessible when you upgrade tabular model compatibility level from 1103 to 1400 in SQL Server 2017</t>
  </si>
  <si>
    <t>FIX: SSAS 2017 crashes intermittently due to c0000005 Access violation error</t>
  </si>
  <si>
    <t>FIX: Refresh command hangs occasionally because of thread deadlock in SSAS 2017 Tabular mode</t>
  </si>
  <si>
    <t>FIX: Data processing is much slower in SSAS 2016 SP2 and 2017 than in SSAS 2016 SP1</t>
  </si>
  <si>
    <t>FIX: Database may crash when multiple threads update permissions on the same database in SQL Server 2016 and 2017</t>
  </si>
  <si>
    <t>FIX: Repair fails for Machine Learning components on server with no Internet access</t>
  </si>
  <si>
    <t>FIX: Deadlock errors when you run an SSIS package in parallel in SQL Server</t>
  </si>
  <si>
    <t>FIX: Unexpected index will be deleted when you delete attribute including index in SQL Server 2017</t>
  </si>
  <si>
    <t>FIX: Error occurs when you back up a virtual machine with non-component based backup in SQL Server 2016 and 2017</t>
  </si>
  <si>
    <t>FIX: Intermittent failures when you back up to Azure storage from SQL Server 2017</t>
  </si>
  <si>
    <t>FIX: Access violation occurs when you insert LOB data in Clustered Columnstore Index in SQL Server 2017</t>
  </si>
  <si>
    <t>FIX: Poor performance occurs when you run a query against columnstore in an RCSI-enabled database in SQL Server 2016 and 2017</t>
  </si>
  <si>
    <t>FIX: Login to SQL Server 2017 on Linux takes more time with SQL authentication than SQL Server 2017 on Windows</t>
  </si>
  <si>
    <t>FIX: Data masking may not be applied when you use PIVOT or UNPIVOT function on masked column in SQL Server 2016 and 2017</t>
  </si>
  <si>
    <t>FIX: Access violation occurs when you use LOG function with a remote query in SQL Server 2016 or 2017</t>
  </si>
  <si>
    <t>Distributed Query</t>
  </si>
  <si>
    <t>FIX: Resolving state occurs when an assertion occurs in SQL Server 2017</t>
  </si>
  <si>
    <t>FIX: Assertion error occurs when you run a query to access sys.dm_db_xtp_checkpoint_files in SQL Server 2016 and 2017</t>
  </si>
  <si>
    <t>FIX: Access violation occurs when you start the Full-Text service in Linux in SQL Server 2017</t>
  </si>
  <si>
    <t>FIX: SQL Server 2017 on Linux fails in script upgrade mode for the database SSISDB after you apply CU9</t>
  </si>
  <si>
    <t>Improvement: Microsoft Distributed Transaction Coordinator is enabled on Linux in SQL Server 2017</t>
  </si>
  <si>
    <t>FIX: "sys.fn_hadr_backup_is_preferred_replica(database)" query fails for WSFC type in SQL Server 2017</t>
  </si>
  <si>
    <t>14.0.3164.1</t>
  </si>
  <si>
    <t>FIX: Access violation occurs when you run a query against sys.availability_replicas in SQL Server 2016 and 2017</t>
  </si>
  <si>
    <t>FIX: Access violation occurs when you query sys.dm_hadr_availability_replica_states in SQL Server 2016 and 2017</t>
  </si>
  <si>
    <t>FIX: Internal thread deadlock may occur on primary or secondary replica of availability group in SQL Server 2016 SP2 and 2017</t>
  </si>
  <si>
    <t>FIX: Async secondary replica receives logs from primary replica in SQL Server 2017 on Linux but it does not harden or redone</t>
  </si>
  <si>
    <t>FIX: Querying sys.tables returns temporary tables created by concurrent users starting from SQL Server 2012</t>
  </si>
  <si>
    <t>FIX: Slow performance occurs as CMEMTHREAD waiting occurs due to temporary table cachestore memory object contention in SQL Server 2016 and 2017</t>
  </si>
  <si>
    <t>FIX: Extended event sql_statement_post_compile does not populate object_name field in SQL Server 2017</t>
  </si>
  <si>
    <t>FIX: DBCC SHOW_STATISTICS permission check fails with an AV error in SQL Server 2016 and 2017</t>
  </si>
  <si>
    <t>FIX: SQL Server 2014 and 2016 do not perform the requested pre-row assignments when you use MERGE statement that performs assignments of local variables for each row</t>
  </si>
  <si>
    <t>FIX: Filtered index may be corrupted when you rebuild index in parallel in SQL Server 2014 and 2016</t>
  </si>
  <si>
    <t>FIX: Adding new Publication may fail if distribution database is in AG and collation is set to BIN in SQL Server 2016 and 2017</t>
  </si>
  <si>
    <t>FIX: Intermittent "row not found" error at Azure SQL DB Subscriber caused by duplication of BEGIN TRAN statements</t>
  </si>
  <si>
    <t>FIX: Syscommittab cleanup causes a lock escalation that will block the syscommittab flush in SQL Server 2014</t>
  </si>
  <si>
    <t>FIX: Geocentric Datum of Australia 2020 is added to SQL Server 2014</t>
  </si>
  <si>
    <t>FIX: SQL Server 2017 on Linux fails with last chance exception error</t>
  </si>
  <si>
    <t>FIX: Indirect checkpoints on tempdb database cause "Non-yielding scheduler" error in SQL Server 2016 and 2017</t>
  </si>
  <si>
    <t>FIX: Prolonged non-transactional usage of FileTable without instance restart may cause non-yielding scheduler error or server crash in SQL Server 2014</t>
  </si>
  <si>
    <t>FIX: Filled transaction log causes outages when you run Query Store in SQL Server 2016 and 2017</t>
  </si>
  <si>
    <t>FIX: DAX query requires more than 200 times of memory than the size of the database in SQL Server 2017 multidimensional model database</t>
  </si>
  <si>
    <t>FIX: Exception occurs when you design a parameterized DAX query in Query Designer of Report Builder in SSRS</t>
  </si>
  <si>
    <t>FIX: CDC Source preview fails with "The given key was not present in the dictionary" error in SQL Server 2017</t>
  </si>
  <si>
    <t>CDC</t>
  </si>
  <si>
    <t>FIX: Search Attribute doesn't work when display format is set to "Name {Code}" in SQL Server 2017</t>
  </si>
  <si>
    <t>FIX: Gray background for read-only attributes disappears after Refresh in Excel Add-in for MDS in SQL Server 2017</t>
  </si>
  <si>
    <t>FIX: SQL Writer Service can cause undetected deadlocks on system DMV when you do a VSS backup</t>
  </si>
  <si>
    <t>FIX: Restoring backup to SQL Server 2016 and 2017 from SQL Server 2008 or 2008 R2 takes a long time</t>
  </si>
  <si>
    <t>FIX: Non-yielding scheduler issue occurs when you run queries in batch mode that spill in SQL Server 2016 and 2017</t>
  </si>
  <si>
    <t>FIX: Access violation occurs when you run sys.fn_dump_dblog function in SQL Server 2016 and 2017</t>
  </si>
  <si>
    <t>FIX: Self-deadlock occurs when transaction auditing is enabled in SQL Server 2017</t>
  </si>
  <si>
    <t>FIX: Dynamic Data Masking does not function as expected in SQL Server 2017</t>
  </si>
  <si>
    <t>FIX: A specially crafted query run by a low privileged user may expose the masked data in SQL Server 2016 and 2017</t>
  </si>
  <si>
    <t>FIX: Assertion dump occurs when you select a view on a linked server in SQL Server 2017</t>
  </si>
  <si>
    <t>FIX: Interleaved execution on MSTVFs by using memory-optimized tables causes floating point exception in SQL Server 2017</t>
  </si>
  <si>
    <t>FIX: AD authentication fails to connect to SQL Server 2017</t>
  </si>
  <si>
    <t>FIX: Automatic seeding assertions occur when databases are removed from AG in SQL Server 2016 and 2017</t>
  </si>
  <si>
    <t>FIX: Access violation occurs in sqlmin!AGHealthCompStateActual::GetData in SQL Server 2017</t>
  </si>
  <si>
    <t>Improvement: DMV sys.dm_hadr_cluster reports cloud witness quorum type "4" and quorum_type_desc "UNKNOWN_QUORUM" in SQL Server 2016 and 2017</t>
  </si>
  <si>
    <t>FIX: Fail to join the secondary replica if the database has a defunct filegroup in SQL Server 2014, 2016 and 2017</t>
  </si>
  <si>
    <t>FIX: Data movement to DAG Forwarder does not resume automatically after connection time-out in SQL Server 2016 and 2017</t>
  </si>
  <si>
    <t>FIX: Manual failover between forwarder and secondary replica fails with all replicas synchronized in SQL Server 2016 and 2017</t>
  </si>
  <si>
    <t>FIX: "No valid credentials provided" occurs after you restart PolyBase in SQL Server 2017</t>
  </si>
  <si>
    <t>FIX: PolyBase queries that target Parquet or ORC files in HDP 3.0 or later will fail with pushdown computation enabled</t>
  </si>
  <si>
    <t>FIX: Access violation occurs when you run a batch-mode query with UNION statement in SQL Server 2017</t>
  </si>
  <si>
    <t>FIX: Access Violation occurs due to corruption of compressed Showplan.xml file in SQL Server 2017</t>
  </si>
  <si>
    <t>FIX: CPU and elapsed time reported by query_plan_profile and query_post_execuion_plan_profile xEvents are not accurate in SQL Server 2017</t>
  </si>
  <si>
    <t>FIX: Assertion error occurs when you use sys.dm_exec_query_statistics_xml in SQL Server 2016 and 2017</t>
  </si>
  <si>
    <t>FIX: Referential integrity constraints are not evaluated correctly when query execution plan uses Foreign Key Reference Check operator in SQL Server 2016 and 2017</t>
  </si>
  <si>
    <t>FIX: SQLCLR function takes a longer time to run the query in CU 14 than RTM of SQL Server 2017</t>
  </si>
  <si>
    <t>FIX: SQL Server 2016 and 2017 do not perform the requested pre-row assignments when you use MERGE statement that performs assignments of local variables for each row</t>
  </si>
  <si>
    <t>FIX: Query takes a long time if you enable Batch Mode Adaptive Join in SQL Server 2017</t>
  </si>
  <si>
    <t>FIX: Error occurs when sp_addarticle is used to add article for transactional replication to memory-optimized table on subscriber in SQL Server 2016 and 2017</t>
  </si>
  <si>
    <t>FIX: 'MSrepl_agent_jobs' does not exist when you run sp_addpullsubscription_agent to create pull subscription in SQL Server 2016 and 2017</t>
  </si>
  <si>
    <t>FIX: Log reader agent may fail after AG failover with TF 1448 enabled in SQL Server 2014, 2016 and 2017</t>
  </si>
  <si>
    <t>Improvement: Improve CDC supportability and usability with In-Memory Databases</t>
  </si>
  <si>
    <t>FIX: Error 10314 occurs when you load .NET CLR assembly in SQL Server 2016 and 2017 database</t>
  </si>
  <si>
    <t>FIX: SSIS and Power BI reports fail with connection time-out errors in SQL Server 2017</t>
  </si>
  <si>
    <t>FIX: Core dump failed to generate on m_numLocks.load() == 0 error in SQL Server 2017</t>
  </si>
  <si>
    <t>FIX: SQL Server generates core dump with "Failed to monitor external signals" in SQL Server 2017</t>
  </si>
  <si>
    <t>FIX: SQL Server 2017 crashes due to stack overflow when you try to back up database master to disk</t>
  </si>
  <si>
    <t>FIX: FileTable database level directory is inaccessible after database startup in SQL Server 2016 and 2017</t>
  </si>
  <si>
    <t>FIX: DBCC STACKDUMP doesn't generate dump file for SQL Server 2017 on Linux starting from SQL Server 2017 CU9 to CU13</t>
  </si>
  <si>
    <t>SQLOS</t>
  </si>
  <si>
    <t>FIX: Reporting Action feature does not appear in the menu when you view the related measure in Excel or use MDSCHEMA_ACTIONS in SSAS 2017</t>
  </si>
  <si>
    <t>FIX: An unexpected exception error occurs when you run a TREATAS function DAX query from Power BI desktop in SSAS 2017</t>
  </si>
  <si>
    <t>FIX: Query results are not as expected when you run a particular query from Excel in SQL 2014 SP2 CU14 or later versions (2016, 2017 or 2019)</t>
  </si>
  <si>
    <t>Update adds improvements and fixes issues when you use an Oracle RAC environment in SQL Server</t>
  </si>
  <si>
    <t>FIX: Publishing MDS data from Excel fails when you save the changes to workbook, close and reopen it in SQL Server 2016 and 2017</t>
  </si>
  <si>
    <t>FIX: MDS database upgrade fails with error in SQL Server 2016 and 2017</t>
  </si>
  <si>
    <t>FIX: Assertion failure occurs when you try to back up database in limited disk space in SQL Server 2016 and 2017</t>
  </si>
  <si>
    <t>FIX: TCP Timeout or login time-out error occurs when you connect to SQL Server 2017 by using Integrated Authentication</t>
  </si>
  <si>
    <t>Improvement: New XEvent sqlserver.security_authentication_perf_interrogate_login is added in SQL Server 2017</t>
  </si>
  <si>
    <t>Improvement: New mssql-conf option network.enablekdcfromkrb5 is added in SQL Server 2017</t>
  </si>
  <si>
    <t>FIX: sys.fn_hadr_backup_is_preferred_replica returns TRUE for more than one secondary replica even if the priority values are identical in SQL Server 2016 and 2017</t>
  </si>
  <si>
    <t>FIX: Access violation occurs and data movement is suspended for databases in Availability Group in SQL Server 2017</t>
  </si>
  <si>
    <t>FIX: Truncation error when TF 460 is enabled and you use INSERT INTO table variable in ELSE block in SQL Server 2017</t>
  </si>
  <si>
    <t>FIX: "Non-yielding" error occurs when there is a heavy use of prepared statements in SQL Server 2014, 2016 and 2017</t>
  </si>
  <si>
    <t>Improvement: Add a new extended event query_post_execution_plan_profile in SQL Server 2017</t>
  </si>
  <si>
    <t>FIX: Columnstore Index build request may time out after 25 seconds though the memory grant time-out is configured in SQL Server 2016 or 2017</t>
  </si>
  <si>
    <t>FIX: Access violation occurs when automatic statistics update happen on tables with incremental statistics in SQL Server 2017</t>
  </si>
  <si>
    <t>FIX: Filtered NCI over a CCI may not be maintained when the table is updated in a way that none of the key or included columns of the NCI are changed in SQL Server 2016 and 2017</t>
  </si>
  <si>
    <t>FIX: Users are incorrectly permitted to create incremental statistics on nonclustered indexes which are not aligned to the base table in SQL Server 2016 and 2017</t>
  </si>
  <si>
    <t>FIX: Upgrade to SQL Server 2016 SP2 CU3 or CU4 fails with an error when sysadmin account "sa" is renamed in SQL Server 2016 and 2017</t>
  </si>
  <si>
    <t>FIX: Error 2812 and 20028 occur when you drop publisher or enable database for publication after you upgrade your SQL Server 2016 and 2017</t>
  </si>
  <si>
    <t>FIX: Repl_Schema_Access wait issues when there are multiple publisher databases on the same instance of SQL Server 2017</t>
  </si>
  <si>
    <t>FIX: Stack Dump occurs in the change tracking cleanup process in SQL Server 2016 and 2017</t>
  </si>
  <si>
    <t>FIX: Access violation occurs and server stops unexpectedly when you use XEvent session with sqlos.wait_info event in SQL Server 2016 and 2017</t>
  </si>
  <si>
    <t>FIX: SQL Server 2017 may crash when local process uses global key event handle</t>
  </si>
  <si>
    <t>FIX: TCP Timeout or login time-out error occurs when you connect to SQL Server 2017 using Integrated Authentication</t>
  </si>
  <si>
    <t>FIX: I/O error on a BPE file causes buffer time-out in SQL Server</t>
  </si>
  <si>
    <t>x64</t>
  </si>
  <si>
    <t>FIX: SQL Server may generate EXCEPTION_ACCESS_VIOLATION dump file when you merge two partitions of system-versioned temporal tables in SQL Server 2016 or 2017</t>
  </si>
  <si>
    <t>FIX: Possible assertion failure when a cross-database transaction involving an Availability Group database is committed from a SQL Server trigger</t>
  </si>
  <si>
    <t>Snapshot Isolation and Savepoint support added for Availability Group databases on the same instance with DTC enabled in SQL Server</t>
  </si>
  <si>
    <t>FIX: Assertion occurs when linked server which points to itself is used in a cross-database transaction in SQL Server 2016 and 2017</t>
  </si>
  <si>
    <t>FIX: FILESTREAM for file I/O access feature can't be enabled when you use Cluster Shared Volumes (CSV) in SQL Server 2016 and 2017 Failover Cluster Instances</t>
  </si>
  <si>
    <t>FIX: Assertion occurs when a parallel query deletes from a Filestream table in SQL Server 2014, 2016 and 2017</t>
  </si>
  <si>
    <t>Improvement: IsAvailableInMDX feature can disable processing for specific columns in TREATAS function DAX query in SQL Server 2017</t>
  </si>
  <si>
    <t>FIX: “An unexpected exception occurred” when you run an MDX query after an XMLA query to process a dimension in SSAS</t>
  </si>
  <si>
    <t>FIX: Can't retrieve ConnectionID and SPID when running an SSAS Profiler trace in SQL Server</t>
  </si>
  <si>
    <t>FIX: Designing a parameterized DAX query in Report Builder Query Designer generates an exception in SSAS</t>
  </si>
  <si>
    <t>FIX: Memory gets exhausted when you run Power BI report that executes DAX query on SSAS 2014, 2016 and 2017 Multidimensional mode</t>
  </si>
  <si>
    <t>FIX: Missing logs for Analysis Services Processing tasks in SQL Server 2016 and 2017 Integration Services</t>
  </si>
  <si>
    <t>x64;x86</t>
  </si>
  <si>
    <t>FIX: “A connection cannot be made” error when SSIS package uses a parameterized connection manager in SQL Server 2016 and 2017</t>
  </si>
  <si>
    <t>FIX: VC++ 2015 Redistributable installation returns error 1638 when a newer version is already installed</t>
  </si>
  <si>
    <t>Improvement: You can set the minimum interval value to less than 10 seconds for running SSIS packages in parallel in SQL Server 2017</t>
  </si>
  <si>
    <t>FIX: Cannot connect to the MDS database by using the MDS Add-in for Microsoft Excel</t>
  </si>
  <si>
    <t>Improvement: Performance issue when you create or modify entities, attributes, users, or groups when page load permissions are used in SQL Server</t>
  </si>
  <si>
    <t>FIX: The "modification_counter" in DMV sys.dm_db_stats_properties shows incorrect value when partitions are merged through ALTER PARTITION in SQL Server 2016 and 2017</t>
  </si>
  <si>
    <t>FIX: ObjectPropertyEx returns incorrect row count when there are partitions in a database object</t>
  </si>
  <si>
    <t>FIX: Restore or Restore Verifyonly of a TDE-compressed backup fails with errors 33111 and 3013 in SQL Server 2017</t>
  </si>
  <si>
    <t>FIX: Assertion error occurs during restore of compressed backups in SQL Server 2014, 2016 and 2017</t>
  </si>
  <si>
    <t>FIX: Intermittent failures when you back up to Azure storage from SQL Server</t>
  </si>
  <si>
    <t>Improvement: Merge operation will consider the number of deleted rows in the rowgroup in SQL Server 2017</t>
  </si>
  <si>
    <t>FIX: Access violation occurs when you query data from a view created on a table with columnstore index in SQL Server 2016 and 2017</t>
  </si>
  <si>
    <t>FIX: Error 41317 when you enable server audit and you use in-memory transactions in SQL Server</t>
  </si>
  <si>
    <t>FIX: Error occurs when the Database Encryption Key is longer than 3,456 bits in SQL Server 2016 and 2017</t>
  </si>
  <si>
    <t>FIX: Masked data is exposed when a query that uses sp_cursorfetch is run in SQL Server if Dynamic Data Masking is enabled</t>
  </si>
  <si>
    <t>FIX: Query plans are different on clone database created by DBCC CLONEDATABASE and its original database in SQL Server 2016 and 2017</t>
  </si>
  <si>
    <t>FIX: "3414" and "9003" errors and a .pmm log file grows large in SQL Server 2016 and 2017</t>
  </si>
  <si>
    <t>FIX: Access violation in cross data center failover if you use Always On Availability Groups in SQL Server</t>
  </si>
  <si>
    <t>FIX: Pacemaker can't manage cluster resources in an Always On Availability Group in SQL Server</t>
  </si>
  <si>
    <t>FIX: Access violations and unhandled exceptions when you set automatic seeding for secondary replica or Distributed Availability Group replica in SQL Server</t>
  </si>
  <si>
    <t>FIX: Access violation occurs and SSAS crashes when you process an SSAS database in SQL Server 2014, 2016 and 2017</t>
  </si>
  <si>
    <t>Analysis services</t>
  </si>
  <si>
    <t>FIX: Access violation when you run a query that uses the XML data type in SQL Server 2014 and 2017</t>
  </si>
  <si>
    <t>FIX: Access violation when you run a granular audit policy for DML in SQL Server</t>
  </si>
  <si>
    <t>FIX: SQL Server installation fails if one of the remote nodes is unreachable in a cluster</t>
  </si>
  <si>
    <t>FIX: Primary replica databases display "NOT SYNCHRONIZING" status when all replicas in AG use synchronous commit availability mode in SQL Server 2017</t>
  </si>
  <si>
    <t>FIX: Error occurs when you run sp_send_dbmail stored procedure that contains comma in sender email address and name in SQL Server 2014 and 2017</t>
  </si>
  <si>
    <t>FIX: Error 18204 during automatic backup in virtual machines when the backup file is split into multiple files</t>
  </si>
  <si>
    <t>FIX: DBCC CHECKDB on master database fails with error 2570 when Common Criteria Compliance is enabled in SQL Server 2017</t>
  </si>
  <si>
    <t>FIX: Error occurs when you run a query that includes a Boolean field against PolyBase external tables in SQL Server 2017</t>
  </si>
  <si>
    <t>FIX: QRY_PROFILE_LIST_MUTEX is blocked when TF 7412 is enabled in SQL Server 2016 and 2017</t>
  </si>
  <si>
    <t>Enhancement adds sql_statement_post_compile extended event in SQL Server 2017</t>
  </si>
  <si>
    <t>FIX: Overestimations when using default Cardinality Estimator to query table with many null values</t>
  </si>
  <si>
    <t>FIX: Slow query performance occurs when you use NULL filters on Partition Key with default CE in SQL Server 2016 and 2017</t>
  </si>
  <si>
    <t>FIX: "ran out of memory" error when executing a query on a table that has a large full-text index in SQL Server 2014,2016 and 2017</t>
  </si>
  <si>
    <t>FIX: Log message displays “N/A” when using ring buffer target to hold extended event data in memory in SQL Server</t>
  </si>
  <si>
    <t>FIX: Restore of TDE-compressed backup is unsuccessful when backing up database to a 512-byte Emulation disk in SQL Server 2017</t>
  </si>
  <si>
    <t>FIX: SQL Server service crashes when DBCC CHECKDB runs against a database that has a corrupted partition</t>
  </si>
  <si>
    <t>FIX: Internal error messages when you update a FILESTREAM tombstone system table in SQL Server</t>
  </si>
  <si>
    <t>FIX: A dump file may be generated when you run the DML internal plan on Query Store enabled database in SQL Server 2017</t>
  </si>
  <si>
    <t>FIX: Access violation when you query by using “sys.dm_db_tuning_recommendations” in SQL Server</t>
  </si>
  <si>
    <t>FIX: DCExec crashes when you collect data on SQL Server 2017</t>
  </si>
  <si>
    <t>FIX: "Internal error: An unexpected error occurred" when you run an MDX query that was generated by Excel in SSAS</t>
  </si>
  <si>
    <t>FIX: Error occurs when you delete a record in an entity that has "Approval Required" permission enabled in SQL Server 2017 MDS</t>
  </si>
  <si>
    <t>FIX: Derived hierarchies don't work in SQL Server 2017 MDS Add-in for Excel</t>
  </si>
  <si>
    <t>Update lets you set order for processing of business rules for Master Data Services database in SQL Server</t>
  </si>
  <si>
    <t>FIX: Access violation when you try to access a table when page compression is enabled on the table in SQL Server</t>
  </si>
  <si>
    <t>FIX: The SQL Service shuts down after SP2 is installed on SQL Server 2016 and 2017 with c2 audit mode enabled</t>
  </si>
  <si>
    <t>FIX: Pacemaker may kill the resource agent processes when operation times out in SQL Server 2017 AlwaysOn Availability Group</t>
  </si>
  <si>
    <t>Update improves SQL server performance by restricting which KDC can be contacted in geographically large networks</t>
  </si>
  <si>
    <t>FIX: Synchronization fails when you stop primary replica and failover a secondary replica to primary in Read-Scale AG in SQL Server 2017</t>
  </si>
  <si>
    <t>FIX: Assertion error occurs when you add a database to an instance of SQL Server 2016 and 2017</t>
  </si>
  <si>
    <t>Update adds lightweight query profiling hint in SQL Server 2016</t>
  </si>
  <si>
    <t>Improvement: Update to add spill information of batch-mode operators to "Warnings" section of Showplan XML in SQL Server 2016 and 2017</t>
  </si>
  <si>
    <t>FIX: A dump file is generated when you run DBCC CHECKDB on a database that has tables with clustered columnstore index in SQL Server 2017</t>
  </si>
  <si>
    <t>FIX: Transactions and log truncation may be blocked when you use Query Store in SQL Server 2017</t>
  </si>
  <si>
    <t>FIX: Excessive memory usage when you trace RPC events that involve Table-Valued Parameters in SQL Server 2016 and 2017</t>
  </si>
  <si>
    <t>FIX: Deadlock occurs in SSAS 2017 when you run a DAX query with time intelligence calculation in parallel</t>
  </si>
  <si>
    <t>FIX: “An unexpected exception occurred” in an MDX query for PC dimensions in SSAS 2017</t>
  </si>
  <si>
    <t>FIX: Create and update don't work in an entity when you set Read and Create permission in MDS 2017</t>
  </si>
  <si>
    <t>FIX: Error occurs when you change the "Display value" of "Name" attribute of an entity to any value other than "Name" in SQL Server 2017 MDS Add-in for Excel</t>
  </si>
  <si>
    <t>FIX: "Encryption not supported on the client" error when a SQL Server 2017 linked server query fails</t>
  </si>
  <si>
    <t>FIX: Assertion error occurs when you run a MERGE statement with an OUTPUT clause in SQL Server 2017</t>
  </si>
  <si>
    <t>FIX: Rebuilding an Index with Resumable Online Index Rebuild can result in a fragmented index in SQL Server 2017</t>
  </si>
  <si>
    <t>FIX: Backing up a SQL Server 2008 database by using a VSS backup application may fail after installing CU10 for SQL Server 2017</t>
  </si>
  <si>
    <t>FIX: SQL Server 2017 crashes unexpectedly when you use third-party Active Directory providers</t>
  </si>
  <si>
    <t>Improvement: Optional replacement for “String or binary data would be truncated” message with extended information in SQL Server 2017</t>
  </si>
  <si>
    <t>FIX: An intra-query deadlock occurs in a query containing UNION ALL in batch mode in SQL Server</t>
  </si>
  <si>
    <t>FIX: Query operation freezes when you insert data into a clustered columnstore index in parallel in SQL Server data warehousing</t>
  </si>
  <si>
    <t>FIX: Access violation occurs in Distribution Agent in SQL Server 2017</t>
  </si>
  <si>
    <t>FIX: "Could not find server" when the publisher database name contains a period in SQL Server 2017</t>
  </si>
  <si>
    <t>FIX: Incorrect results occur when you convert "pollinginterval" parameter from seconds to hours in sys.sp_cdc_scan in SQL Server 2014 and 2016</t>
  </si>
  <si>
    <t>FIX: Access violation occurs in compile code when you parse the forced plan in SQL Server 2017</t>
  </si>
  <si>
    <t>Update disables trace flag 2467 at session level to prevent a performance issue for parallel queries in SQL Server 2017</t>
  </si>
  <si>
    <t>FIX: Excessive memory usage when you trace RPC events that involve Table-Valued Parameters in SQL Server 2017</t>
  </si>
  <si>
    <t>FIX: Bad plan error occurs and query fails when you use Adaptive Join to run a query in SQL Server 2017</t>
  </si>
  <si>
    <t>https://support.microsoft.com/kb/4341221</t>
  </si>
  <si>
    <t>FIX: VSS backup fails in secondary replica of Basic Availability Groups in SQL Server 2016 and 2017</t>
  </si>
  <si>
    <t>FIX: Totals are wrong after you filter on a pivot table item and remove the filter in SSAS</t>
  </si>
  <si>
    <t>FIX: No records are returned when you run an MDX query after restarting SSAS 2016 and 2017</t>
  </si>
  <si>
    <t>FIX: Synchronization of a database takes a long time to finish in SQL Server 2017</t>
  </si>
  <si>
    <t>FIX: Delete operation doesn't work in an entity when you enable Approval Required permission in SQL Server 2017 Master Data Services</t>
  </si>
  <si>
    <t>FIX: The Excel Add-in still appears on the MDS home page when the option is set to “No” in MDS Configuration Manager</t>
  </si>
  <si>
    <t>FIX: A value set for the “Accepted NTLM SPNs” variable causes an access violation during startup of SQL Server 2017</t>
  </si>
  <si>
    <t>FIX: Errors 3212 and 3013 occur when you back up a database in AlwaysOn Availability Groups in SQL Server 2017</t>
  </si>
  <si>
    <t>FIX: Leakage of sensitive data occurs when you enable DDM function in SQL Server 2016 and 2017</t>
  </si>
  <si>
    <t>FIX: Error occurs when you open a symmetric key that is encrypted by an asymmetric key in SQL Server 2017</t>
  </si>
  <si>
    <t>FIX: Out of memory error when you run SQL Server 2017 inside a Linux Docker container</t>
  </si>
  <si>
    <t>FIX: Transaction delays on the primary replica if database synchronization is reported incorrectly on a secondary replica in SQL Server</t>
  </si>
  <si>
    <t>FIX: Slow performance in SQL Server 2017 when you run a query that contains HASHBYTES function when compared to SQL Server 2016</t>
  </si>
  <si>
    <t>FIX: Many xml_deadlock_report events are reported for one single intra-query deadlock occurrence in SQL Server 2016 and 2017</t>
  </si>
  <si>
    <t>Improvement: Update to support QUERY_OPTIMIZER_COMPATIBILITY_LEVEL_n in USE HINT option in SQL Server 2017</t>
  </si>
  <si>
    <t>FIX: Change Tracking cleanup messages unexpectedly recorded in error log for Always On Availability Groups in SQL Server</t>
  </si>
  <si>
    <t>Improvement enables CREATE AVAILABILITY GROUP and ALTER AVAILABILITY GROUP DDLs to set the SESSION_TIMEOUT for a configuration-only replica in SQL Server</t>
  </si>
  <si>
    <t>FIX: Event notifications for AUDIT_LOGIN and AUDIT_LOGIN_FAILED events will cause an unusual growth of TempDB in SQL Server 2016 and 2017</t>
  </si>
  <si>
    <t>FIX: A memory leak occurs in sqlwepxxx.dll causes the WmiPrvSe.exe process to crash</t>
  </si>
  <si>
    <t>FIX: MEMORYCLERK_SOSMEMMANAGER grows larger and FAIL_PAGE_ALLOCATION error is logged after you enable large page allocations</t>
  </si>
  <si>
    <t>FIX: Out of memory error occurs even when there are many free pages in SQL Server</t>
  </si>
  <si>
    <t>FIX: Incorrect prompt to restart SQL Server 2017 on Linux when not required</t>
  </si>
  <si>
    <t>FIX: Error when a role that is defined with a restricted column is used to run a drillthrough query in SSAS</t>
  </si>
  <si>
    <t>FIX: Exception error occurs when you try to refresh data for a pivot table in Excel in SSAS 2017</t>
  </si>
  <si>
    <t>FIX: Access to SSAS by using HTTP fails in SQL Server</t>
  </si>
  <si>
    <t>FIX: A .NET Framework error occurred when you update the reference table of a Fuzzy Lookup transformation in SSIS</t>
  </si>
  <si>
    <t>FIX: “Unclosed quotation mark after the character string” error occurs on the MDS explorer when you try to add a new member to an entity in SQL Server</t>
  </si>
  <si>
    <t>FIX: “Could not load file or assembly 'Microsoft.AnalysisServices.AdomdClientUI” error when a “Process Full” operation is run in SQL Server</t>
  </si>
  <si>
    <t>FIX: TDE enabled database backup with compression causes database corruption in SQL Server</t>
  </si>
  <si>
    <t>FIX: SQL Server 2017 on Linux shuts down unexpectedly during the recovery of an In-Memory OLTP database</t>
  </si>
  <si>
    <t>FIX: SQLDUMPER.EXE initiated dumps may take a long time to complete dump generation process for SQL Server 2017 on Linux</t>
  </si>
  <si>
    <t>Improvement: Allow SQL Server Agent jobs to start without waiting for all databases to get recovered in SQL Server 2017 on Linux</t>
  </si>
  <si>
    <t>FIX: Parallel redo does not work after you disable Trace Flag 3459 in an instance of SQL Server</t>
  </si>
  <si>
    <t>FIX: A split brain scenario occurs after a failover when using AlwaysOn availability groups with external cluster technology in SQL Server 2017</t>
  </si>
  <si>
    <t>FIX: "Corrupted index" message and server disconnection when an update statistics query uses hash aggregate on SQL Server</t>
  </si>
  <si>
    <t>FIX: Error 3906 when a hotfix is applied on a SQL Server that has a database snapshot on a pull subscription database</t>
  </si>
  <si>
    <t>FIX: DMVs sys.dm_db_log_stats and sys.dm_db_log_info may return incorrect values for the last database of the SQL Server 2016 instance</t>
  </si>
  <si>
    <t>FIX: An instance of SQL Server may appear unresponsive then a "Non-yielding Scheduler" error may occur in SQL Server 2016</t>
  </si>
  <si>
    <t>FIX: Error when a SQL Server Agent job runs a PowerShell command to enumerate permissions of the database</t>
  </si>
  <si>
    <t>SMO</t>
  </si>
  <si>
    <t>FIX: Cannot change the “isAvailableInMdx” column property to “False” in SSAS in Tabular mode</t>
  </si>
  <si>
    <t>NULL</t>
  </si>
  <si>
    <t>FIX: DAX query performance decrease after you upgrade to SQL Server 2017</t>
  </si>
  <si>
    <t>FIX: Unexpected error when processing a table by using the "Process Full" option in SQL Server Analysis Services</t>
  </si>
  <si>
    <t>Update adds improved support for SAP HANA data sources in SQL Server Analysis Services</t>
  </si>
  <si>
    <t>FIX: Processing a cube with many partitions generates lots of concurrent data source connections in SSAS 2016 and 2017</t>
  </si>
  <si>
    <t>FIX: Query performance difference between SSAS 2014 and SSAS 2017</t>
  </si>
  <si>
    <t>FIX: SQL Server 2017 Analysis Services crashes after a random query is run against DirectQuery mode</t>
  </si>
  <si>
    <t>FIX: “An unexpected error occurred” when you use DAX measures in Power BI table visualizations in SQL Server</t>
  </si>
  <si>
    <t>FIX: An internal exception access violation occurs and the SSAS server stops responding</t>
  </si>
  <si>
    <t>FIX: A crash occurs when proactive caching is triggered for a dimension in SSAS</t>
  </si>
  <si>
    <t>SSMS and SSDT do not escape double quotation marks when you export data as CSV</t>
  </si>
  <si>
    <t>FIX: Wrong user name appears when two users log on to MDS at different times in SQL Server</t>
  </si>
  <si>
    <t>FIX: A DAX query that contains SWITCH and nested IF statements take more than an hour to finish in SQL Server</t>
  </si>
  <si>
    <t>FIX: Access violation when you run a nested select query against a columnstore index in SQL Server</t>
  </si>
  <si>
    <t>FIX: RESTORE HEADERONLY statement for a TDE compressed backup slow to complete in SQL Server</t>
  </si>
  <si>
    <t>FIX: TDE-enabled backup and restore are slow if the encryption key is stored in an EKM provider in SQL Server</t>
  </si>
  <si>
    <t>FIX: Memory leak after dropping a LOB or off-row column from a memory-optimized table in SQL Server on Linux</t>
  </si>
  <si>
    <t>FIX: Database recovery could hang if it contains in-memory objects and a recovery failure is encountered during a race condition in SQL Server 2017</t>
  </si>
  <si>
    <t>FIX: Two SQL Server instances are the primary replica of an availability group in SQL Server</t>
  </si>
  <si>
    <t>FIX: Always On database is stuck in “Recovery Pending” state after the host name of an availability replica is renamed in SQL Server</t>
  </si>
  <si>
    <t>FIX: Startup of a database that belongs to an availability group times out in SQL Server on Linux</t>
  </si>
  <si>
    <t>Improvements for Always On Availability Groups on a Pacemaker cluster in SQL Server</t>
  </si>
  <si>
    <t>Improvement: Adds Service Broker support for DBCC CLONEDATABASE in SQL Server</t>
  </si>
  <si>
    <t>FIX: Unnecessary failovers occur when a SQL Server 2017 Failover Cluster Instance or an Always On Availability Group is managed by Pacemaker</t>
  </si>
  <si>
    <t>FIX: Error 19432 when you use Always On Availability Groups in SQL Server</t>
  </si>
  <si>
    <t>Improvement to reduce the fail-over duration for an availability group in SQL Server on Linux</t>
  </si>
  <si>
    <t>FIX: An assertion error may occur when you query dm_db_stats_histogram DMF in SQL Server 2017</t>
  </si>
  <si>
    <t>FIX: Access violation occurs when you compile a query and histogram amendment is enabled with default Cardinality Estimation in SQL Server 2017</t>
  </si>
  <si>
    <t>FIX: An access violation occurs when incremental statistics are automatically updated on a table in SQL Server</t>
  </si>
  <si>
    <t>FIX: SQL Server crashes and then restarts when the “Adaptive join” option is enabled</t>
  </si>
  <si>
    <t>FIX: CASE expressions containing identical sub-queries may return incorrect results in SQL Server 2017</t>
  </si>
  <si>
    <t>FIX: Change tracking record is inconsistent during an update on a table that has a clustered or unique index in SQL Server</t>
  </si>
  <si>
    <t>FIX: Parallel query hangs when a worker thread is aborted in an instance of SQL Server</t>
  </si>
  <si>
    <t>FIX: Performance is slow for an Always On AG when you process a read query in SQL Server</t>
  </si>
  <si>
    <t>FIX: Error 883 occurs when a database that belongs to an availability group is marked as SUSPECT in SQL Server 2017 on Linux</t>
  </si>
  <si>
    <t>FIX: "PAGE_FAULT_IN_NONPAGED_AREA" Stop error when enumerating contents in a SQL Server FileTable directory</t>
  </si>
  <si>
    <t>FIX: SSAS may crash when you run a DAX query by using a non-admin Windows user in SQL Server 2016 and 2017</t>
  </si>
  <si>
    <t>FIX: “DirectQuery may not be used with this data source” error when you browse a Direct Query model in SQL Server</t>
  </si>
  <si>
    <t>FIX: A calculation error occurs when a secured measure is queried in SSAS 2017</t>
  </si>
  <si>
    <t>FIX: Unexpected error when you create a subcube in SQL Server 2016 and 2017 Analysis Services (Multidimensional model)</t>
  </si>
  <si>
    <t>FIX: SSAS stops responding when you run an MDX query in SQL Server 2016 and 2017 Analysis Services (Multidimensional model)</t>
  </si>
  <si>
    <t>FIX: Out of memory occurs and query fails when you run MDX query with NON EMPTY option in SSAS</t>
  </si>
  <si>
    <t>FIX: Memory gets exhausted when you run Power BI report that executes DAX query on SSAS 2016 and 2017 Multidimensional mode</t>
  </si>
  <si>
    <t>FIX: Access violation occurs when executing a DAX query on a tabular model in SQL Server 2014 and 2017 Analysis Services</t>
  </si>
  <si>
    <t>FIX: An unexpected exception occurs and SSAS crashes when you execute a particular DAX function in SQL Server 2017</t>
  </si>
  <si>
    <t>Improvement: Performance issue when upgrading MDS from SQL Server 2012 to 2016</t>
  </si>
  <si>
    <t>FIX: A dead latch condition occurs when you perform an online index rebuild or execute a merge command in SQL Server</t>
  </si>
  <si>
    <t>FIX: A memory assertion failure occurs and the server is unable to make any new connections in SQL Server</t>
  </si>
  <si>
    <t>FIX: Restore of a TDE compressed backup is unsuccessful when using the VDI client</t>
  </si>
  <si>
    <t>Multiple device VDI backup can hang on Linux</t>
  </si>
  <si>
    <t>FIX: DROP_ASYMMETRIC_KEY causes an instance of SQL Server to crash if it's rolled back from a trigger</t>
  </si>
  <si>
    <t>FIX: "Non-yielding" error when you try to recover an In-Memory database in SQL Server</t>
  </si>
  <si>
    <t>FIX: Floating point overflow error occurs when you execute a nested natively compiled module that uses EXP functions in SQL Server</t>
  </si>
  <si>
    <t>Improvement: Configure SESSION_TIMEOUT value for a Distributed Availability Group replica in SQL Server 2016 and 2017</t>
  </si>
  <si>
    <t>FIX: Pacemaker promotes local replica to primary may fail when you use AlwaysOn AG in SQL Server 2017</t>
  </si>
  <si>
    <t>Transparent Data Encryption added for Log Shipping in SQL Server 2016 and 2017</t>
  </si>
  <si>
    <t>PFS page round robin algorithm improvement in SQL Server 2016</t>
  </si>
  <si>
    <t>FIX: An unexpected communication link error occurs when using datetime2 fields accessing a database in SQL Server 2017</t>
  </si>
  <si>
    <t>FIX: SQL Server will not start when you run a SQL Server 2017 Linux container image on Docker for Windows</t>
  </si>
  <si>
    <t>FIX: TDE enabled database backup with compression causes database corruption in SQL Server 2016</t>
  </si>
  <si>
    <t>FIX: “Cannot use SAVE TRANSACTION within a distributed transaction” error when you execute a stored procedure in SQL Server</t>
  </si>
  <si>
    <t>FIX: Change Data Capture functionality does not work in SQL Server</t>
  </si>
  <si>
    <t>FIX: "Incorrect syntax near the keyword 'KEY'" error when you add an Oracle table with primary column named 'KEY' in SQL Server 2016 and 2017</t>
  </si>
  <si>
    <t>FIX: SQL Server Agent cannot connect to SQL Server 2017 on Docker when non-default TCP port is used</t>
  </si>
  <si>
    <t>FIX: Error when upgrading SSIS catalog database in SQL Server 2016 and 2017 Standard Edition</t>
  </si>
  <si>
    <t>FIX: Incorrect user name is displayed when a user logs in MDS and accesses Users and Groups functional area in SQL Server 2017</t>
  </si>
  <si>
    <t>FIX: Assertion error when data is bulk-inserted into a table that contains non-clustered and clustered columnstore indexes in SQL Server 2016 and 2017</t>
  </si>
  <si>
    <t>FIX: Random masking does not mask BIGINT values correctly in SQL Server</t>
  </si>
  <si>
    <t>FIX: Leakage of sensitive data occurs when you enable DDM function in SQL Server 2017</t>
  </si>
  <si>
    <t>Fixes an issue in which the database cannot be detached or dropped after its storage is disconnected and reconnected.</t>
  </si>
  <si>
    <t>FIX: R script fails on parallel execution in SQL Server 2017</t>
  </si>
  <si>
    <t>FIX: Large disk checkpoint usage occurs for an In-Memory optimized filegroup during heavy non-In-Memory workloads</t>
  </si>
  <si>
    <t>FIX: Errors occur when you upgrade to SQL Server 2017 CU4 or later and SQL Server Agent isn't enabled on Linux</t>
  </si>
  <si>
    <t>FIX: Database Mail cannot connect to SQL Server 2017 on Linux when non-default TCP port is used</t>
  </si>
  <si>
    <t>Latch timeout on Secondary Replica, Deadlock Between Read-only Queries</t>
  </si>
  <si>
    <t>FIX: Assert in "HadrRefcountedObject::Release" when you configure a replica for manual seeding mode in SQL Server</t>
  </si>
  <si>
    <t>FIX: Assertion failure when sys.dm_db_log_space_usage statement is run on a database snapshot in SQL Server 2016 and 2017</t>
  </si>
  <si>
    <t>FIX: Parallel redo in a secondary replica of an availability group that contains heap tables generates a runtime assert dump or the SQL Server crashes with an access violation error</t>
  </si>
  <si>
    <t>FIX: Automatic seeding fails when you use an Always On availability group in SQL Server</t>
  </si>
  <si>
    <t>FIX: "Access is denied" error when you try to create a database in SQL Server 2017 Express LocalDB</t>
  </si>
  <si>
    <t>FIX: Managed Backup fails when database is renamed with trailing white space in SQL Server 2016 and 2017</t>
  </si>
  <si>
    <t>FIX: Error 15665 when you call sp_set_session_context repeatedly with null key value in SQL Server 2016</t>
  </si>
  <si>
    <t>FIX: Random access violations occur when you run monitoring stored procedure in SQL Server 2016 and 2017</t>
  </si>
  <si>
    <t>Update to support partition elimination in query plans that have spatial indexes in SQL Server 2016 and 2017</t>
  </si>
  <si>
    <t>FIX: "Access Violation" error when you execute a complex query with multiple joins and the Adaptive Join feature is enabled in SQL Server</t>
  </si>
  <si>
    <t>FIX: ALTER PROCEDURE WITH ENCRYPTION statement fails when you encrypt a non-published stored procedure in SQL Server 2016 and 2017</t>
  </si>
  <si>
    <t>Improvement: Enable "forced flush" mechanism in SQL Server 2017 on Linux</t>
  </si>
  <si>
    <t>False error reporting when you execute the Test-SqlAvailabilityGroup cmdlet in SQL Server</t>
  </si>
  <si>
    <t>Powershell (SQLPS.exe)</t>
  </si>
  <si>
    <t>Improves the query performance when an optimized bitmap filter is applied to a query plan in SQL Server 2016 and 2017</t>
  </si>
  <si>
    <t>A non-optimal query plan choice causes poor performance when values outside the range represented in statistics are searched in SQL Server 2016 and 2017</t>
  </si>
  <si>
    <t>FIX: Unexpected exception occurs when you process dimensions by using Process Update in SSAS 2016 or SSAS 2017</t>
  </si>
  <si>
    <t>FIX: Intermittent 9004 error when a backup is restored via Standby Mode in SQL Server 2014, 2016, and 2017</t>
  </si>
  <si>
    <t>FIX: Intra-query deadlock when values are inserted into a partitioned clustered columnstore index in SQL Server 2016 or 2017</t>
  </si>
  <si>
    <t>FIX: In-Memory OLTP database takes a long time to recover in SQL Server 2017</t>
  </si>
  <si>
    <t>FIX: Cannot stop the SQL Server Linux Docker container by using the “docker stop” command</t>
  </si>
  <si>
    <t>FIX: Replication not enabled when database collation uses '_SC' collation extension in SQL Server 2016</t>
  </si>
  <si>
    <t>FIX: SQL Server stops responding when you remove the availability group listener or change their port number</t>
  </si>
  <si>
    <t>FIX: Pacemaker promotes an unsynchronized replica to primary when you use AlwaysOn AG in SQL Server 2017 on Linux</t>
  </si>
  <si>
    <t>FIX: Heavy tempdb contention occurs in SQL Server 2016 or 2017</t>
  </si>
  <si>
    <t>FIX: Very large PAGELATCH_EX contentions occur when you drop temporary objects in SQL Server</t>
  </si>
  <si>
    <t>Better intra-query parallelism deadlocks troubleshooting in SQL Server 2017</t>
  </si>
  <si>
    <t>FIX: Errors 1921 and 1750 when you create a node or edge table in database that has binary collation in SQL Server 2017</t>
  </si>
  <si>
    <t>FIX: Access violation occurs when you query a table with an integer column in SQL Server 2017</t>
  </si>
  <si>
    <t>FIX: Error 9002 when there is no sufficient disk space for critical log growth in SQL Server 2014, 2016, and 2017</t>
  </si>
  <si>
    <t>FIX: Access violation occurs when Query Store collects runtime statistics in SQL Server 2017</t>
  </si>
  <si>
    <t>Improvement: Increase the parallelism of external queries that can be executed by the modern Get Data experience in SSAS 2017 Tabular model</t>
  </si>
  <si>
    <t>FIX: Processing a tabular model database, table or partition takes longer to process in SSAS 2017</t>
  </si>
  <si>
    <t>FIX: Non-admin role cannot receive correct ChildCount estimates for parent/child dimension leaf members in SSAS</t>
  </si>
  <si>
    <t>FIX: Internal error when you drill down hierarchy members in SSAS 2016 and 2017 in multidimensional mode</t>
  </si>
  <si>
    <t>FIX: SSAS 2016 and 2017 crash intermittently when you rename a multidimensional database by using script</t>
  </si>
  <si>
    <t>FIX: Access violation error in SSAS when an MDX query is executed in SQL Server 2017</t>
  </si>
  <si>
    <t>FIX: "AdomdConnectionException" error when SSRS 2016 and 2017 data source uses msmdpump.dll</t>
  </si>
  <si>
    <t>Reporting Services</t>
  </si>
  <si>
    <t>FIX: Sliding expiration for authentication cookie isn't working and fails to redirect to logon page in SSRS 2016 and 2017</t>
  </si>
  <si>
    <t>FIX: Data-driven subscription fails after you upgrade from SSRS 2008 to SSRS 2016</t>
  </si>
  <si>
    <t>FIX: "Incompletely installed" error on Feature Selection page when you modify the current installation of SQL Server 2016 SP1 or SQL Server 2016 SP1 CU5</t>
  </si>
  <si>
    <t>FIX: SQL Server Integration Service packages randomly hang if custom logging is enabled</t>
  </si>
  <si>
    <t>FIX: "Request timed out" error when you change security options for an MDS security group in SQL Server 2016 and 2017</t>
  </si>
  <si>
    <t>FIX: Unable to restore a database using replace option if the FILENAME contains double slash operator in SQL Server 2017</t>
  </si>
  <si>
    <t>FIX: A deadlock occurs when you run a parallel query on a clustered columnstore index in SQL Server 2016 and 2017</t>
  </si>
  <si>
    <t>FIX: Can't create a login based on a user that belongs to the parent domain in SQL Server 2017 on Linux</t>
  </si>
  <si>
    <t>FIX: Queries that cast string or binary data to XML take a long time to compile in SQL Server 2016 and 2017</t>
  </si>
  <si>
    <t>FIX: Many consecutive transactions inserting data into temp table in SQL Server 2016 and 2017 consume more CPU than in SQL Server 2014</t>
  </si>
  <si>
    <t>FIX: System stored procedure sp_execute_external_script and DMV sys.dm_exec_cached_plans cause memory leaks in SQL Server 2017</t>
  </si>
  <si>
    <t>FIX: PREDICT function does not return error message for missing columns and does not handle learning parameter for Tree/Forest models in SQL Server 2017 ML Services</t>
  </si>
  <si>
    <t>FIX: High CPU usage when large index is used in a query on a memory-optimized table in SQL Server 2016 and 2017</t>
  </si>
  <si>
    <t>FIX: In-Memory databases in an Availability Group hang during recovery in SQL Server 2017</t>
  </si>
  <si>
    <t>FIX: Recovery of database takes a long time when it contains memory-optimized tables in SQL Server 2016 and 2017</t>
  </si>
  <si>
    <t>Improvement: Move master database and error log file to another location in SQL Server 2017 on Linux</t>
  </si>
  <si>
    <t>FIX: NEWSEQUENTIALID function generates duplicate GUID after SQL Server 2017 on Linux is restarted</t>
  </si>
  <si>
    <t>FIX: Unexpected memory consumption when TCP protocol connections are used for SQL Server 2017 on Linux</t>
  </si>
  <si>
    <t>FIX: Database schemas aren't upgraded or downgraded when you install or uninstall a cumulative update in SQL Server 2017 on Linux</t>
  </si>
  <si>
    <t>Improvement: Improves the performance of SQL Server 2017 on smaller systems</t>
  </si>
  <si>
    <t>FIX: "Msg 3948" error when you run a query on secondary replica of secondary availability group in SQL Server 2016 and 2017</t>
  </si>
  <si>
    <t>FIX: A REDO thread is not available in the secondary replica after an availability database is dropped in SQL Server</t>
  </si>
  <si>
    <t>FIX: Log shipping fails when you use it together with Always On Availability Groups in SQL Server 2016 and 2017</t>
  </si>
  <si>
    <t>FIX: Access violation occurs on primary replica of AlwaysOn Availability Group in SQL Server</t>
  </si>
  <si>
    <t>FIX: Access violation occurs when DMV queries run against a distributed availability group in SQL Server</t>
  </si>
  <si>
    <t>FIX: Pacemaker demotes existing primary replica of an AlwaysOn AG in SQL Server 2017 on Linux and never promotes a new one</t>
  </si>
  <si>
    <t>FIX: Error 14684 when you reconfigure Management Data Warehouse in a named instance of SQL Server 2016 and 2017</t>
  </si>
  <si>
    <t>FIX: Compatibility level of msdb database remains at 130 by doing slipstream upgrade to SQL Server 2017</t>
  </si>
  <si>
    <t>FIX: PolyBase does not install because the installer does not recognize JRE 9 when you install SQL Server 2017</t>
  </si>
  <si>
    <t>FIX: "Invalid comparison due to NO COLLATION" retail assert occurs in SQL Server 2014 and 2017</t>
  </si>
  <si>
    <t>FIX: Assertion occurs when you pass memory-optimized table variable into a stored procedure as table-valued parameter in SQL Server 2016 and 2017</t>
  </si>
  <si>
    <t>FIX: UPDATE statement fails silently when you reference a nonexistent partition function in the WHERE clause in SQL Server 2014 or 2017</t>
  </si>
  <si>
    <t>FIX: CXPACKET and CXCONSUMER wait types show inconsistent results for some parallel query plans in SQL Server 2017</t>
  </si>
  <si>
    <t>FIX: Assertion error when executing a stored procedure that references a large object in SQL Server 2014 and 2017</t>
  </si>
  <si>
    <t>FIX: Error when you rebuild a single partition of an index online in SQL Server 2014 and 2016</t>
  </si>
  <si>
    <t>FIX: SELECT query that uses batch mode hash aggregate operator that counts multiple nullable columns returns bad results in SQL Server</t>
  </si>
  <si>
    <t>FIX: Error when SQL Server replication article contains either GEOGRAPHY_AUTO_GRID or GEOMETRY_AUTO_GRID</t>
  </si>
  <si>
    <t>FIX: Can't enable or disable change data capture for a database after you attach it in SQL Server 2014 or 2017</t>
  </si>
  <si>
    <t>FIX: Change data capture does not work in SQL Server 2017</t>
  </si>
  <si>
    <t>FIX: Processing XML message through Service Broker results in hung session in SQL Server 2016 and 2017</t>
  </si>
  <si>
    <t>FIX: Thread pool exhaustion and CMEMTHREAD contention in AAG with data seeding in SQL Server 2016 and 2017</t>
  </si>
  <si>
    <t>FIX: Memory dumps generated for "Stalled IOCP Listener" and "non-yielding IOCP listener" after SQL Server restart</t>
  </si>
  <si>
    <t>FIX: SQL Server shuts down after restart if C2 audit mode is enabled</t>
  </si>
  <si>
    <t>FIX: Memory ramp-up phase is too long after TF834 is enabled in SQL Server 2017 on Linux</t>
  </si>
  <si>
    <t>FIX: Out of memory error when the virtual address space of the SQL Server process is very low in SQL Server 2014 and 2017</t>
  </si>
  <si>
    <t>FIX: DMV sys.dm_os_windows_info returns wrong values for Windows 10 and Windows Server 2016</t>
  </si>
  <si>
    <t>FIX: Performance Counters are missing after the installation of SSAS 2017 in tabular mode</t>
  </si>
  <si>
    <t>FIX: Inconsistent behavior for returning trailing blanks at the end of CHAR and BINARY data in SQL Server</t>
  </si>
  <si>
    <t>FIX: Unnecessary failover when you use AlwaysOn Availability Group in SQL Server 2017 on Linux</t>
  </si>
  <si>
    <t>FIX: Mirroring session stops synchronizing after doing rolling upgrade to SQL Server 2017</t>
  </si>
  <si>
    <t>FIX: Alert Engine reads complete Application event log and sends alerts on old events after Windows is restarted</t>
  </si>
  <si>
    <t>Update to enable PolyBase technology in SQL Server 2017</t>
  </si>
  <si>
    <t>Update adds CPU timeout setting to Resource Governor workgroup REQUEST_MAX_CPU_TIME_SEC in SQL Server 2017</t>
  </si>
  <si>
    <t>Improve tempdb spill diagnostics in DMV and Extended Events in SQL Server 2017</t>
  </si>
  <si>
    <t>Update enables XML Showplans to provide a list of statistics used during query optimization in SQL Server 2017</t>
  </si>
  <si>
    <t>Update adds execution statistics of a scalar-valued, user-defined function to the Showplan XML file in SQL Server 2017</t>
  </si>
  <si>
    <t>FIX: Add CXPACKET wait type in showplan XML in SQL Server 2017</t>
  </si>
  <si>
    <t>Update adds optimizer row goal information in query execution plans in SQL Server 2017</t>
  </si>
  <si>
    <t>Update adds support for MAXDOP option for CREATE STATISTICS and UPDATE STATISTICS statements in SQL Server 2017</t>
  </si>
  <si>
    <t>FIX: Automatic update of incremental statistics is delayed in SQL Server 2017</t>
  </si>
  <si>
    <t>FIX: DBCC CHECKDB returns consistency errors if SOUNDEX function is used in PERSISTED computed columns in SQL Server</t>
  </si>
  <si>
    <t>FIX: "The data area passed to a system call is too small" error when you start a Centennial application on a SQL Server 2017 server</t>
  </si>
  <si>
    <t>FIX: Bookmarks functionality does not work completely when you open a report in MHTML format through Outlook in SSRS</t>
  </si>
  <si>
    <t>FIX: "An unknown error" for "Show More Members" on Entity Dependencies explorer page in SQL Server 2016 Master Data Services</t>
  </si>
  <si>
    <t>FIX: Errors 33111 and 3013 when you back up a TDE encrypted database in SQL Server</t>
  </si>
  <si>
    <t>FIX: Assertion occurs on accessing memory-optimized table through MARS</t>
  </si>
  <si>
    <t>FIX: Data retrieval queries using non-clustered index seek take much longer in SQL Server</t>
  </si>
  <si>
    <t>FIX: Memory use with many databases in SQL Server 2017 is greater than earlier versions</t>
  </si>
  <si>
    <t>FIX: External R library is installed or uninstalled repeatedly in SQL Server</t>
  </si>
  <si>
    <t>FIX: "sys.external_libraries" catalog views are empty for non-dbo users in SQL Server</t>
  </si>
  <si>
    <t>FIX: Deadlock when multiple PREDICT T-SQL functions run concurrently</t>
  </si>
  <si>
    <t>FIX: Error when you backup database with memory-optimized tables in SQL Server 2017</t>
  </si>
  <si>
    <t>FIX: Using ALTER TABLE on an in-memory optimized table crashes SQL Server 2017</t>
  </si>
  <si>
    <t>FIX: Fatal error when a natively compiled stored procedure is executed to access memory-optimized tables in SQL Server 2017</t>
  </si>
  <si>
    <t>FIX: "Message 611" error when you use BULK INSERT or INSERT SELECT to insert data into a clustered columnstore index</t>
  </si>
  <si>
    <t>FIX: Excessive PREMPTIVE_OS_CREATEDIRECTORY waits during a workload that compiles or recompiles memory-optimized tables or table types</t>
  </si>
  <si>
    <t>FIX: SQL Server 2017 cannot decrypt data encrypted by earlier versions of SQL Server by using the same symmetric key</t>
  </si>
  <si>
    <t>FIX: Name resolution error occurs when IPv6 is disabled in SQL Server 2017 on Linux</t>
  </si>
  <si>
    <t>FIX: SQL Server 2017 on Linux does not listen to the nondefault IP address specified by the mssql-conf script</t>
  </si>
  <si>
    <t>FIX: TLS cipher suites with PFS don't work for secure connections in SQL Server 2017 on Linux</t>
  </si>
  <si>
    <t>FIX: A parallel query execution plan that contains a "merge join" operator takes longer to execute in Cumulative Update 3, 4 or 5 for SQL Server 2016 Service Pack 1</t>
  </si>
  <si>
    <t>FIX: Access violation when you cancel a pending query if the missing indexes feature is enabled in SQL Server</t>
  </si>
  <si>
    <t>FIX: "sys.dm_exec_query_profiles" DMV returns wrong "estimate_row_count" in SQL Server 2017 on Linux and Windows</t>
  </si>
  <si>
    <t>FIX: Error 213 when you merge or split a partition of a partitioned graph table in SQL Server 2017 on Linux or Windows</t>
  </si>
  <si>
    <t>FIX: Error 8624 when you execute a query that contains a SELECT DISTINCT statement on a graph column in SQL Server 2017 on Linux or Windows</t>
  </si>
  <si>
    <t>Update for manual change tracking cleanup procedure in SQL Server 2017</t>
  </si>
  <si>
    <t>Improvement: General improvements to the change tracking cleanup process in SQL Server 2017</t>
  </si>
  <si>
    <t>FIX: Error 156 when SQL Server replication article contains either GEOGRAPHY_AUTO_GRID or GEOMETRY_AUTO_GRID</t>
  </si>
  <si>
    <t>Performance improvement for Spatial Intermediate Filter in SQL Server 2017</t>
  </si>
  <si>
    <t>FIX: Minimum memory limit set to 2GB to install or start SQL Server 2017</t>
  </si>
  <si>
    <t>Update adds a new extended event "marked_transaction_latch_trace" in SQL Server 2017 on Linux and Windows</t>
  </si>
  <si>
    <t>FIX: ForceLastGoodPlan recommendation state is falsely reported as Expired if it is applied manually in SQL Server 2017</t>
  </si>
  <si>
    <t>FIX: Incorrect warning message that asks to restart SQL Server when it is not required in SQL Server 2017 on Linux</t>
  </si>
  <si>
    <t>Extreme OLTP</t>
  </si>
  <si>
    <t>Policy-Based Management policy not working after you install CU2 for SQL Server 2016 SP1</t>
  </si>
  <si>
    <t>Policy-Based Management</t>
  </si>
  <si>
    <t>FIX: Cannot change the password for a SQL Server 2014 service account when additional LSA protection is enabled</t>
  </si>
  <si>
    <t>FIX: SQL Server 2016 or 2017 Analysis Services may crash in a specific situation</t>
  </si>
  <si>
    <t>FIX: An unexpected exception error occurs when an XIRR measure processes too many records in SSAS 2016 or 2017</t>
  </si>
  <si>
    <t>FIX: A memory leak may occur when you perform Process Update operations in SSAS</t>
  </si>
  <si>
    <t>FIX: "Ambiguous paths" error when deploying tabular model database to Analysis Services in SQL Server 2016 or 2017</t>
  </si>
  <si>
    <t>FIX: SSAS crashes when you process an SSAS database or cube in SQL Server 2014 or 2017</t>
  </si>
  <si>
    <t>FIX: Error when you export an SSRS report on an iOS device in SQL Server 2016 or 2017</t>
  </si>
  <si>
    <t>FIX: Reporting Services "SortExpression" causes rsComparisonError when there is a NULL value in a column set as "DataTimeOffset"</t>
  </si>
  <si>
    <t>FIX: Memory spike in LSASS.EXE when you enable Basic Authentication mode in SSRS 2016 or 2017</t>
  </si>
  <si>
    <t>FIX: "The folder ... does not exist" error when deleting a folder in web portal of SQL Server 2016 Reporting Service</t>
  </si>
  <si>
    <t>FIX: Horizontal scroll bar missing from Subscription page in SSRS 2016 or 2017 web portal</t>
  </si>
  <si>
    <t>FIX: Report Viewer Web Part does not allow a full vertical scrollbar after you set a specific web part height</t>
  </si>
  <si>
    <t>FIX: Error when you export a DQS knowledge base that contains domains in the DQS client in SQL Server 2014 or 2017</t>
  </si>
  <si>
    <t>Import-Export</t>
  </si>
  <si>
    <t>FIX: Unable to install SQL Server 2017 when instance name/ID/installation path contains multi-byte characters</t>
  </si>
  <si>
    <t>FIX: SSIS package that contains German umlauts characters fails on execution after Incremental Package Deployment in SQL Server 2016 or 2017</t>
  </si>
  <si>
    <t>FIX: Excel crashes when you save a workbook as a PDF file by using the Adobe Acrobat PDFMaker add-in if the MDS add-in for Excel in SQL Server is also installed</t>
  </si>
  <si>
    <t>FIX: SQL Server Managed Backup does not delete old backups that are beyond the retention period in SQL Server 2014 or 2017</t>
  </si>
  <si>
    <t>FIX: Managed Backup fails intermittently because of SQLVDI error in SQL Server 2014 or 2017</t>
  </si>
  <si>
    <t>FIX: Managed Backup to Microsoft Azure stops after large database backup in SQL Server 2014 or 2017</t>
  </si>
  <si>
    <t>FIX: Constraint violation error returned by the managed_backup.fn_available_backups function after you install the Cumulative Update 2 for SQL Server 2016 SP1</t>
  </si>
  <si>
    <t>FIX: SQL Server Managed Backups do not run a scheduled log backup in SQL Server 2016 or 2017</t>
  </si>
  <si>
    <t>FIX: SUSER_SNAME function returns different results between SQL Server 2014 and SQL Server 2016</t>
  </si>
  <si>
    <t>FIX: An assertion error occurs within minutes or hours after you create a snapshot backup for a database that contains memory-optimized tables in SQL Server 2017</t>
  </si>
  <si>
    <t>FIX: Performance drop when using In-Memory OLTP with Always On availability groups in SQL Server 2016 or 2017</t>
  </si>
  <si>
    <t>FIX: Error occurs on passing memory-optimized table into inline table-valued function when called from stored procedure in SQL Server 2017</t>
  </si>
  <si>
    <t>FIX: Incorrect behavior when you use memory-optimized tables with "where exists" statement in SQL Server 2016 or 2017</t>
  </si>
  <si>
    <t>FIX: Portability and performance differ between Windows and Linux scheduler mappings in SQL Server 2017</t>
  </si>
  <si>
    <t>FIX: DST changes of Sao Paulo time zone are not determined by SQL Server 2017 on Linux</t>
  </si>
  <si>
    <t>FIX: Memory corruption occurs during availability group failovers for DTC transactions in SQL Server 2017</t>
  </si>
  <si>
    <t>FIX: SQL Server 2017 reports that all transactions are completed even though some transactions encounter failures while trying to commit</t>
  </si>
  <si>
    <t>Update to enable SQL Server 2017 Express edition to act as a witness role in a database mirroring session</t>
  </si>
  <si>
    <t>FIX: Database mirroring failover fails with error 3456 in SQL Server 2016 or 2017</t>
  </si>
  <si>
    <t>FIX: Log chain break in the "managed_backup.fn_available_backups" table in SQL Server 2016 or 2017</t>
  </si>
  <si>
    <t>FIX: A deadlock condition occurs when you create a new database in SQL Server 2017</t>
  </si>
  <si>
    <t>FIX: Access violation occurs when a DDL trigger is raised by the CREATE EXTERNAL TABLE command in SQL Server 2016 or 2017</t>
  </si>
  <si>
    <t>FIX: Remote instance of SQL Server crashes while executing a stored procedure that bulk loads an incomplete data file into a temporary table</t>
  </si>
  <si>
    <t>FIX: SSIS package does not start when it's run by a CLR stored procedure whose user does not have SYSADMIN permissions</t>
  </si>
  <si>
    <t>FIX: EXCEPTION_ACCESS_VIOLATION for query using sys.dm_os_memory_objects statement in SQL Server 2016 or 2017</t>
  </si>
  <si>
    <t>FIX: A divide-by-zero error occurs when a parallel query is forced to run in a serial mode in SQL Server 2017</t>
  </si>
  <si>
    <t>FIX: Unable to drop stored procedure execution article from P2P publication in SQL Server</t>
  </si>
  <si>
    <t>FIX: Access violation for spatial datatypes query via linked server in SQL Server 2014 or 2017</t>
  </si>
  <si>
    <t>Update to enable the new dynamic management views and functions in SQL Server 2017</t>
  </si>
  <si>
    <t>FIX: Couldn't truncate a partition of the partitioned table if it contains an extended or XML index in SQL Server 2016 or 2017</t>
  </si>
  <si>
    <t>FIX: DML statements that use cascading operations fail in SQL Server 2017</t>
  </si>
  <si>
    <t>FIX: Indirect checkpoints on tempdb database cause "Non-yielding scheduler" error in SQL Server 2016 or 2017</t>
  </si>
  <si>
    <t>FIX: Assertion error occurs on the secondary replica when you resume a suspended availability database in SQL Server 2016 or 2017</t>
  </si>
  <si>
    <t>FIX: FORCE_LAST_GOOD_PLAN recommendation is stuck in "Verifying" state upon first verification in SQL Server 2017</t>
  </si>
  <si>
    <t>FIX: Automatic tuning settings cannot be configured on ModelDB in SQL Server 2017</t>
  </si>
  <si>
    <t>FIX: Access violation occurs when you use sp_xml_preparedocument to open XML documents in SQL Server 2014 or 2017</t>
  </si>
  <si>
    <t>FIX: An unexpected error occurs when you use DReplay feature to replay a captured trace in SQL Server 2017</t>
  </si>
  <si>
    <t>FIX: An error occurs when you export a Reporting Services report to PDF in SQL Server 2017</t>
  </si>
  <si>
    <t>FIX: Change Tracking manual cleanup fails with table non-existence error in SQL Server 2014 and 2017</t>
  </si>
  <si>
    <t>Update to improve the performance for columnstore dynamic management views "column_store_row_groups" and "dm_db_column_store_row_group_physical_stats" in SQL Server 2016 or 2017</t>
  </si>
  <si>
    <t>FIX: Automatic seeding in Availability Groups randomly causes error 41169 in SQL Server 2016 or 2017</t>
  </si>
  <si>
    <t>FIX: Returns incorrect results when computed column is queried after installing hotfix that's described in KB 3213683 and enabling TF 176 in SQL Server 2016 or 2017</t>
  </si>
  <si>
    <t>FIX: EXCEPTION_ACCESS_VIOLATION error when you execute the sys.sp_MScdc_capture_job stored procedure in SQL Server</t>
  </si>
  <si>
    <t>FIX: SSAS crashes when a numeric calculated column must change its encoding scheme during the ProcessRecalc phase</t>
  </si>
  <si>
    <t>FIX: Dimension security is ignored by Power BI Desktop in SQL Server Analysis Services (Multidimensional model)</t>
  </si>
  <si>
    <t>FIX: Queries against PolyBase external tables return duplicate rows in SQL Server 2017 and SQL Server 2016</t>
  </si>
  <si>
    <t>FIX: SSAS crashes when a measure is added that refers to null values in Power BI</t>
  </si>
  <si>
    <t>FIX: Incorrect MDX query results if a table cross join is run on a table hierarchy member in SSAS</t>
  </si>
  <si>
    <t>FIX: SSAS crashes when you execute an MDX query that refers to a calculated member which is a child member of another hierarchy</t>
  </si>
  <si>
    <t>FIX: Expanding the Entities folder on the Manage Groups page takes a long time in SQL Server 2017 MDS and SQL Server 2016 MDS</t>
  </si>
  <si>
    <t>FIX: A data mask on a floating points column is not applied in SQL Server 2017 and SQL Server 2016</t>
  </si>
  <si>
    <t>FIX: SSAS crashes when you access .vmp files in SQL Server 2017 and SQL Server 2016</t>
  </si>
  <si>
    <t>FIX: Security Bulletin MS16-136 breaks the SSRS data source type in PowerPivot in SQL Server 2017 and SQL Server 2016</t>
  </si>
  <si>
    <t>FIX: SSAS crashes when you run a DAX or MDX query in SSAS in Tabular mode</t>
  </si>
  <si>
    <t>FIX: Load data from staging tables takes a much longer time to finish when recursive hierarchy is used in Master Data Services</t>
  </si>
  <si>
    <t>FIX: Execution fails when a SQL CLR function invokes Transact-SQL statements through impersonation calls in SQL Server 2017</t>
  </si>
  <si>
    <t>FIX: Backup of availability database via VSS-based application may fail in SQL Server</t>
  </si>
  <si>
    <t>Enhancement: New keyword is added to CREATE and UPDATE STATISTICS statements to persist sampling rate for future statistics updates in SQL Server</t>
  </si>
  <si>
    <t>13.0.6441.1</t>
  </si>
  <si>
    <t>https://support.microsoft.com/kb/5040946</t>
  </si>
  <si>
    <t>SP3</t>
  </si>
  <si>
    <t>SP3 + GDR</t>
  </si>
  <si>
    <t>GDR for Service Pack</t>
  </si>
  <si>
    <t>13.0.7037.1</t>
  </si>
  <si>
    <t>https://support.microsoft.com/kb/5040944</t>
  </si>
  <si>
    <t>SP3 Azure Connect Feature Pack</t>
  </si>
  <si>
    <t>SP3 Azure Connect Feature Pack + GDR</t>
  </si>
  <si>
    <t>GDR for Azure Connect Pack</t>
  </si>
  <si>
    <t>13.0.6435.1</t>
  </si>
  <si>
    <t>13.0.7029.3</t>
  </si>
  <si>
    <t>13.0.6430.49</t>
  </si>
  <si>
    <t>13.0.7024.30</t>
  </si>
  <si>
    <t>13.0.7016.1</t>
  </si>
  <si>
    <t>13.0.6419.1</t>
  </si>
  <si>
    <t>13.0.5893.48</t>
  </si>
  <si>
    <t>SP2</t>
  </si>
  <si>
    <t>CU17 + GDR</t>
  </si>
  <si>
    <t>13.0.5108.50</t>
  </si>
  <si>
    <t>SP2 + GDR</t>
  </si>
  <si>
    <t>13.0.7000.253</t>
  </si>
  <si>
    <t>13.0.6300.2</t>
  </si>
  <si>
    <t>Service Pack</t>
  </si>
  <si>
    <t>13.0.5888.11</t>
  </si>
  <si>
    <t>13.0.5882.1</t>
  </si>
  <si>
    <t>13.0.5865.1</t>
  </si>
  <si>
    <t>13.0.5103.6</t>
  </si>
  <si>
    <t>13.0.5850.14</t>
  </si>
  <si>
    <t>13.0.5830.85</t>
  </si>
  <si>
    <t>13.0.5820.21</t>
  </si>
  <si>
    <t>13.0.5698.0</t>
  </si>
  <si>
    <t>13.0.5622.0</t>
  </si>
  <si>
    <t>CU11 + GDR</t>
  </si>
  <si>
    <t>13.0.5102.14</t>
  </si>
  <si>
    <t>13.0.5598.27</t>
  </si>
  <si>
    <t>13.0.5492.2</t>
  </si>
  <si>
    <t>Expedited replacement of CU9</t>
  </si>
  <si>
    <t>13.0.5426.0</t>
  </si>
  <si>
    <t>13.0.5366.0</t>
  </si>
  <si>
    <t>CU7 + GDR</t>
  </si>
  <si>
    <t>13.0.5101.9</t>
  </si>
  <si>
    <t>13.0.4604.0</t>
  </si>
  <si>
    <t>SP1</t>
  </si>
  <si>
    <t>13.0.4259.0</t>
  </si>
  <si>
    <t>SP1 + GDR</t>
  </si>
  <si>
    <t>13.0.5337.0</t>
  </si>
  <si>
    <t>13.0.4574.0</t>
  </si>
  <si>
    <t>Last Cumulative Update for SP1</t>
  </si>
  <si>
    <t>13.0.5292.0</t>
  </si>
  <si>
    <t>13.0.4560.0</t>
  </si>
  <si>
    <t>13.0.5264.1</t>
  </si>
  <si>
    <t>13.0.4550.1</t>
  </si>
  <si>
    <t>13.0.5233.0</t>
  </si>
  <si>
    <t>13.0.4541.0</t>
  </si>
  <si>
    <t>13.0.5216.0</t>
  </si>
  <si>
    <t>13.0.4528.0</t>
  </si>
  <si>
    <t>13.0.4224.16</t>
  </si>
  <si>
    <t>KB4293801 was superceded by KB4458842</t>
  </si>
  <si>
    <t>13.0.5161.0</t>
  </si>
  <si>
    <t>CU2 + GDR</t>
  </si>
  <si>
    <t>KB4293807 was superceded by KB4458621</t>
  </si>
  <si>
    <t>13.0.5081.1</t>
  </si>
  <si>
    <t>13.0.4522.0</t>
  </si>
  <si>
    <t>13.0.5153.0</t>
  </si>
  <si>
    <t>13.0.4514.0</t>
  </si>
  <si>
    <t>13.0.5149.0</t>
  </si>
  <si>
    <t>13.0.4502.0</t>
  </si>
  <si>
    <t>13.0.5026.0</t>
  </si>
  <si>
    <t>13.0.4474.0</t>
  </si>
  <si>
    <t>13.0.2218.0</t>
  </si>
  <si>
    <t>CU9 + ADV180002</t>
  </si>
  <si>
    <t>13.0.1745.2</t>
  </si>
  <si>
    <t>13.0.4466.4</t>
  </si>
  <si>
    <t>ADV180002 + CU7</t>
  </si>
  <si>
    <t>13.0.4210.6</t>
  </si>
  <si>
    <t>13.0.4457.0</t>
  </si>
  <si>
    <t>13.0.2216.0</t>
  </si>
  <si>
    <t>13.0.4451.0</t>
  </si>
  <si>
    <t>13.0.2213.0</t>
  </si>
  <si>
    <t>13.0.4446.0</t>
  </si>
  <si>
    <t>13.0.4206.0</t>
  </si>
  <si>
    <t>13.0.2210.0</t>
  </si>
  <si>
    <t>13.0.1742.0</t>
  </si>
  <si>
    <t>13.0.4435.0</t>
  </si>
  <si>
    <t>13.0.2204.0</t>
  </si>
  <si>
    <t>13.0.4422.0</t>
  </si>
  <si>
    <t>13.0.2197.0</t>
  </si>
  <si>
    <t>13.0.4411.0</t>
  </si>
  <si>
    <t>13.0.2193.0</t>
  </si>
  <si>
    <t>13.0.4202.2</t>
  </si>
  <si>
    <t>13.0.1728.2</t>
  </si>
  <si>
    <t>13.0.2186.6</t>
  </si>
  <si>
    <t>13.0.4001.0</t>
  </si>
  <si>
    <t>MS16-136/CU3</t>
  </si>
  <si>
    <t>QFE Security Update</t>
  </si>
  <si>
    <t>13.0.1722.0</t>
  </si>
  <si>
    <t>MS16-136</t>
  </si>
  <si>
    <t>13.0.2164.0</t>
  </si>
  <si>
    <t>13.0.1708.0</t>
  </si>
  <si>
    <t>13.0.2149.0</t>
  </si>
  <si>
    <t>13.0.1601.5</t>
  </si>
  <si>
    <t>N/A</t>
  </si>
  <si>
    <t>12.0.6449.1</t>
  </si>
  <si>
    <t>CU4 + GDR</t>
  </si>
  <si>
    <t>12.0.6179.1</t>
  </si>
  <si>
    <t>12.0.6444.4</t>
  </si>
  <si>
    <t>12.0.6174.8</t>
  </si>
  <si>
    <t>12.0.6439.10</t>
  </si>
  <si>
    <t>https://support.microsoft.com/kb/5014164</t>
  </si>
  <si>
    <t>12.0.6169.19</t>
  </si>
  <si>
    <t>https://support.microsoft.com/kb/5014165</t>
  </si>
  <si>
    <t>12.0.6433.1</t>
  </si>
  <si>
    <t>https://support.microsoft.com/kb/4583462</t>
  </si>
  <si>
    <t>12.0.6164.21</t>
  </si>
  <si>
    <t>https://support.microsoft.com/kb/4583463</t>
  </si>
  <si>
    <t>12.0.6372.1</t>
  </si>
  <si>
    <t>https://support.microsoft.com/kb/4535288</t>
  </si>
  <si>
    <t>12.0.6118.4</t>
  </si>
  <si>
    <t>https://support.microsoft.com/kb/4532095</t>
  </si>
  <si>
    <t>12.0.6329.1</t>
  </si>
  <si>
    <t>https://support.microsoft.com/kb/4500181</t>
  </si>
  <si>
    <t>12.0.5687.1</t>
  </si>
  <si>
    <t>https://support.microsoft.com/kb/4500180</t>
  </si>
  <si>
    <t>12.0.6293.0</t>
  </si>
  <si>
    <t>https://support.microsoft.com/kb/4505422</t>
  </si>
  <si>
    <t>12.0.6108.1</t>
  </si>
  <si>
    <t>https://support.microsoft.com/kb/4505218</t>
  </si>
  <si>
    <t>12.0.5659.1</t>
  </si>
  <si>
    <t>https://support.microsoft.com/kb/4505419</t>
  </si>
  <si>
    <t>12.0.5223.6</t>
  </si>
  <si>
    <t>https://support.microsoft.com/kb/4505217</t>
  </si>
  <si>
    <t>12.0.6259.0</t>
  </si>
  <si>
    <t>https://support.microsoft.com/kb/4491539</t>
  </si>
  <si>
    <t>12.0.5632.1</t>
  </si>
  <si>
    <t>https://support.microsoft.com/kb/4491540</t>
  </si>
  <si>
    <t>12.0.6214.1</t>
  </si>
  <si>
    <t>https://support.microsoft.com/kb/4482960</t>
  </si>
  <si>
    <t>12.0.5626.1</t>
  </si>
  <si>
    <t>https://support.microsoft.com/kb/4482967</t>
  </si>
  <si>
    <t>12.0.6205.1</t>
  </si>
  <si>
    <t>https://support.microsoft.com/kb/4470220</t>
  </si>
  <si>
    <t>12.0.5605.1</t>
  </si>
  <si>
    <t>https://support.microsoft.com/kb/4469137</t>
  </si>
  <si>
    <t>12.0.6024.0</t>
  </si>
  <si>
    <t>https://support.microsoft.com/kb/4022619</t>
  </si>
  <si>
    <t>12.0.5600.1</t>
  </si>
  <si>
    <t>https://support.microsoft.com/kb/4459860</t>
  </si>
  <si>
    <t>12.0.5590.1</t>
  </si>
  <si>
    <t>https://support.microsoft.com/kb/4456287</t>
  </si>
  <si>
    <t>12.0.5589.7</t>
  </si>
  <si>
    <t>https://support.microsoft.com/kb/4130489</t>
  </si>
  <si>
    <t>12.0.5579.0</t>
  </si>
  <si>
    <t>https://support.microsoft.com/kb/4077063</t>
  </si>
  <si>
    <t>12.0.5571.0</t>
  </si>
  <si>
    <t>https://support.microsoft.com/kb/4052725</t>
  </si>
  <si>
    <t>CU10 + ADV180002</t>
  </si>
  <si>
    <t>12.0.5214.6</t>
  </si>
  <si>
    <t>https://support.microsoft.com/kb/4057120</t>
  </si>
  <si>
    <t>12.0.5563.0</t>
  </si>
  <si>
    <t>https://support.microsoft.com/kb/4055557</t>
  </si>
  <si>
    <t>12.0.5557.0</t>
  </si>
  <si>
    <t>https://support.microsoft.com/kb/4037356</t>
  </si>
  <si>
    <t>12.0.5556.0</t>
  </si>
  <si>
    <t>https://support.microsoft.com/kb/4032541</t>
  </si>
  <si>
    <t>12.0.5553.0</t>
  </si>
  <si>
    <t>https://support.microsoft.com/kb/4019094</t>
  </si>
  <si>
    <t>12.0.5207.0</t>
  </si>
  <si>
    <t>https://support.microsoft.com/kb/4019093</t>
  </si>
  <si>
    <t>12.0.4522.0</t>
  </si>
  <si>
    <t>https://support.microsoft.com/kb/4019099</t>
  </si>
  <si>
    <t>12.0.4237.0</t>
  </si>
  <si>
    <t>https://support.microsoft.com/kb/4019091</t>
  </si>
  <si>
    <t>12.0.4511.0</t>
  </si>
  <si>
    <t>https://support.microsoft.com/kb/4017793</t>
  </si>
  <si>
    <t>12.0.5546.0</t>
  </si>
  <si>
    <t>https://support.microsoft.com/kb/4013098</t>
  </si>
  <si>
    <t>12.0.5540.0</t>
  </si>
  <si>
    <t>https://support.microsoft.com/kb/4010394</t>
  </si>
  <si>
    <t>12.0.4502.0</t>
  </si>
  <si>
    <t>https://support.microsoft.com/kb/4010392</t>
  </si>
  <si>
    <t>12.0.5538.0</t>
  </si>
  <si>
    <t>https://support.microsoft.com/kb/3204388</t>
  </si>
  <si>
    <t>12.0.4491.0</t>
  </si>
  <si>
    <t>https://support.microsoft.com/kb/3204399</t>
  </si>
  <si>
    <t>12.0.5532.0</t>
  </si>
  <si>
    <t>https://support.microsoft.com/kb/3194718</t>
  </si>
  <si>
    <t>12.0.5203.0</t>
  </si>
  <si>
    <t>https://support.microsoft.com/kb/3194714</t>
  </si>
  <si>
    <t>GDR Security Update</t>
  </si>
  <si>
    <t>12.0.4487.0</t>
  </si>
  <si>
    <t>https://support.microsoft.com/kb/3194722</t>
  </si>
  <si>
    <t>12.0.4232.0</t>
  </si>
  <si>
    <t>https://support.microsoft.com/kb/3194720</t>
  </si>
  <si>
    <t>12.0.5522.0</t>
  </si>
  <si>
    <t>https://support.microsoft.com/kb/3188778</t>
  </si>
  <si>
    <t>12.0.4474.0</t>
  </si>
  <si>
    <t>https://support.microsoft.com/kb/3186964</t>
  </si>
  <si>
    <t>12.0.5511.0</t>
  </si>
  <si>
    <t>https://support.microsoft.com/kb/3178925</t>
  </si>
  <si>
    <t>12.0.4468.0</t>
  </si>
  <si>
    <t>https://support.microsoft.com/kb/3174038</t>
  </si>
  <si>
    <t>12.0.5000.0</t>
  </si>
  <si>
    <t>https://support.microsoft.com/kb/3171021</t>
  </si>
  <si>
    <t>12.0.4459.0</t>
  </si>
  <si>
    <t>https://support.microsoft.com/kb/3162659</t>
  </si>
  <si>
    <t>12.0.2569.0</t>
  </si>
  <si>
    <t>https://support.microsoft.com/kb/3158271</t>
  </si>
  <si>
    <t>12.0.4457.0</t>
  </si>
  <si>
    <t>https://support.microsoft.com/kb/3167392</t>
  </si>
  <si>
    <t>CU6</t>
    <phoneticPr fontId="6" type="noConversion"/>
  </si>
  <si>
    <t>12.0.2568.0</t>
  </si>
  <si>
    <t>https://support.microsoft.com/kb/3144517</t>
  </si>
  <si>
    <t>CU13</t>
    <phoneticPr fontId="6" type="noConversion"/>
  </si>
  <si>
    <t>12.0.4439.1</t>
  </si>
  <si>
    <t>https://support.microsoft.com/kb/3130926</t>
  </si>
  <si>
    <t>12.0.2564.0</t>
  </si>
  <si>
    <t>https://support.microsoft.com/kb/3130923</t>
  </si>
  <si>
    <t>12.0.4436.0</t>
  </si>
  <si>
    <t>https://support.microsoft.com/kb/3106660</t>
  </si>
  <si>
    <t>12.0.2560.0</t>
  </si>
  <si>
    <t>https://support.microsoft.com/kb/3106659</t>
  </si>
  <si>
    <t>12.0.4427.24</t>
  </si>
  <si>
    <t>https://support.microsoft.com/kb/3094221</t>
  </si>
  <si>
    <t>12.0.2556.4</t>
  </si>
  <si>
    <t>https://support.microsoft.com/kb/3094220</t>
  </si>
  <si>
    <t>12.0.4422.0</t>
  </si>
  <si>
    <t>https://support.microsoft.com/kb/3075950</t>
  </si>
  <si>
    <t>12.0.2553.0</t>
  </si>
  <si>
    <t>https://support.microsoft.com/kb/3075949</t>
  </si>
  <si>
    <t>12.0.4213.0</t>
  </si>
  <si>
    <t>https://support.microsoft.com/kb/3070446</t>
  </si>
  <si>
    <t>MS15-058</t>
  </si>
  <si>
    <t xml:space="preserve">GDR Security Update </t>
  </si>
  <si>
    <t>12.0.2548.0</t>
  </si>
  <si>
    <t>https://support.microsoft.com/kb/3045323</t>
  </si>
  <si>
    <t xml:space="preserve">QFE Security Update </t>
  </si>
  <si>
    <t>12.0.2269.0</t>
  </si>
  <si>
    <t>https://support.microsoft.com/kb/3045324</t>
  </si>
  <si>
    <t>12.0.4416.0</t>
  </si>
  <si>
    <t>https://support.microsoft.com/kb/3067839</t>
  </si>
  <si>
    <t>12.0.2546.0</t>
  </si>
  <si>
    <t>https://support.microsoft.com/kb/3067836</t>
  </si>
  <si>
    <t>12.0.4100.1</t>
  </si>
  <si>
    <t>https://support.microsoft.com/kb/3058865</t>
  </si>
  <si>
    <t>12.0.2495.0</t>
  </si>
  <si>
    <t>https://support.microsoft.com/kb/3046038</t>
  </si>
  <si>
    <t>12.0.2480.0</t>
  </si>
  <si>
    <t>https://support.microsoft.com/kb/3031047</t>
  </si>
  <si>
    <t>12.0.2456.0</t>
  </si>
  <si>
    <t>https://support.microsoft.com/kb/3011055</t>
  </si>
  <si>
    <t>12.0.2430.0</t>
  </si>
  <si>
    <t>https://support.microsoft.com/kb/2999197</t>
  </si>
  <si>
    <t>12.0.2402.0</t>
  </si>
  <si>
    <t>https://support.microsoft.com/kb/2984923</t>
  </si>
  <si>
    <t>12.0.2381.0</t>
  </si>
  <si>
    <t>https://support.microsoft.com/kb/2977316</t>
  </si>
  <si>
    <t>MS14-044</t>
  </si>
  <si>
    <t>12.0.2254.0</t>
  </si>
  <si>
    <t>https://support.microsoft.com/kb/2977315</t>
  </si>
  <si>
    <t>12.0.2370.0</t>
  </si>
  <si>
    <t>https://support.microsoft.com/kb/2967546</t>
  </si>
  <si>
    <t>12.0.2342.0</t>
  </si>
  <si>
    <t>https://support.microsoft.com/kb/2931693</t>
  </si>
  <si>
    <t>12.0.2000.8</t>
  </si>
  <si>
    <t>11.0.7512.11</t>
  </si>
  <si>
    <t>https://support.microsoft.com/kb/5021123</t>
  </si>
  <si>
    <t>SP4</t>
  </si>
  <si>
    <t>SP4 + GDR</t>
  </si>
  <si>
    <t>11.0.7507.2</t>
  </si>
  <si>
    <t>https://support.microsoft.com/kb/4583465</t>
  </si>
  <si>
    <t>11.0.7493.4</t>
  </si>
  <si>
    <t>https://support.microsoft.com/kb/4532098</t>
  </si>
  <si>
    <t>11.0.7462.6</t>
  </si>
  <si>
    <t>https://support.microsoft.com/kb/4057116</t>
  </si>
  <si>
    <t>11.0.6614.2</t>
  </si>
  <si>
    <t>https://support.microsoft.com/kb/4057121</t>
  </si>
  <si>
    <t>11.0.6260.1</t>
  </si>
  <si>
    <t>https://support.microsoft.com/kb/4057115</t>
  </si>
  <si>
    <t>11.0.7001.0</t>
  </si>
  <si>
    <t>https://support.microsoft.com/kb/4018073</t>
  </si>
  <si>
    <t>11.0.6607.3</t>
  </si>
  <si>
    <t>https://support.microsoft.com/kb/4025925</t>
  </si>
  <si>
    <t>11.0.6251.0</t>
  </si>
  <si>
    <t>https://support.microsoft.com/kb/4019092</t>
  </si>
  <si>
    <t>11.0.6598.0</t>
  </si>
  <si>
    <t>https://support.microsoft.com/kb/4016762</t>
  </si>
  <si>
    <t>11.0.6594.0</t>
  </si>
  <si>
    <t>https://support.microsoft.com/kb/4013104</t>
  </si>
  <si>
    <t>11.0.5678.0</t>
  </si>
  <si>
    <t>https://support.microsoft.com/kb/3205054</t>
  </si>
  <si>
    <t>11.0.6579.0</t>
  </si>
  <si>
    <t>https://support.microsoft.com/kb/3205051</t>
  </si>
  <si>
    <t>11.0.6567.0</t>
  </si>
  <si>
    <t>https://support.microsoft.com/kb/3194992</t>
  </si>
  <si>
    <t>11.0.5676.0</t>
  </si>
  <si>
    <t>https://support.microsoft.com/kb/3205416</t>
  </si>
  <si>
    <t>11.0.6248.0</t>
  </si>
  <si>
    <t>https://support.microsoft.com/kb/3194721</t>
  </si>
  <si>
    <t>https://support.microsoft.com/kb/3194724</t>
  </si>
  <si>
    <t>11.0.5388.0</t>
  </si>
  <si>
    <t>https://support.microsoft.com/kb/3194719</t>
  </si>
  <si>
    <t>https://support.microsoft.com/kb/3194725</t>
  </si>
  <si>
    <t>11.0.6544.0</t>
  </si>
  <si>
    <t>https://support.microsoft.com/kb/3180915</t>
  </si>
  <si>
    <t>11.0.5657.0</t>
  </si>
  <si>
    <t>https://support.microsoft.com/kb/3180914</t>
  </si>
  <si>
    <t>11.0.6540.0</t>
  </si>
  <si>
    <t>https://support.microsoft.com/kb/3165264</t>
  </si>
  <si>
    <t>11.0.5655.0</t>
  </si>
  <si>
    <t>https://support.microsoft.com/kb/3165266</t>
  </si>
  <si>
    <t>11.0.6537.0</t>
  </si>
  <si>
    <t>https://support.microsoft.com/kb/3152635</t>
  </si>
  <si>
    <t>11.0.5649.0</t>
  </si>
  <si>
    <t>https://support.microsoft.com/kb/3152637</t>
  </si>
  <si>
    <t>11.0.6523.0</t>
  </si>
  <si>
    <t>https://support.microsoft.com/kb/3137746</t>
  </si>
  <si>
    <t>11.0.5646.0</t>
  </si>
  <si>
    <t>https://support.microsoft.com/kb/3137745</t>
  </si>
  <si>
    <t>11.0.6518.0</t>
  </si>
  <si>
    <t>https://support.microsoft.com/kb/3123299</t>
  </si>
  <si>
    <t>11.0.5644.2</t>
  </si>
  <si>
    <t>https://support.microsoft.com/kb/3120313</t>
  </si>
  <si>
    <t>11.0.6020.0</t>
  </si>
  <si>
    <t>https://support.microsoft.com/kb/3072779</t>
  </si>
  <si>
    <t>11.0.5641.0</t>
  </si>
  <si>
    <t>https://support.microsoft.com/kb/3098512</t>
  </si>
  <si>
    <t>11.0.5634.1</t>
  </si>
  <si>
    <t>https://support.microsoft.com/kb/3082561</t>
  </si>
  <si>
    <t>11.0.5623.0</t>
  </si>
  <si>
    <t>https://support.microsoft.com/kb/3072100</t>
  </si>
  <si>
    <t>11.0.5613.0</t>
  </si>
  <si>
    <t>https://support.microsoft.com/kb/3045319</t>
  </si>
  <si>
    <t>11.0.5343.0</t>
  </si>
  <si>
    <t>https://support.microsoft.com/kb/3045321</t>
  </si>
  <si>
    <t>11.0.3513.0</t>
  </si>
  <si>
    <t>https://support.microsoft.com/kb/3045317</t>
  </si>
  <si>
    <t>11.0.3156.00</t>
  </si>
  <si>
    <t>https://support.microsoft.com/kb/3045318</t>
  </si>
  <si>
    <t>11.0.5058.0</t>
  </si>
  <si>
    <t>https://support.microsoft.com/kb/2958429</t>
  </si>
  <si>
    <t>11.0.5592.0</t>
  </si>
  <si>
    <t>https://support.microsoft.com/kb/3052468</t>
  </si>
  <si>
    <t>11.0.5582.0</t>
  </si>
  <si>
    <t>https://support.microsoft.com/kb/3037255</t>
  </si>
  <si>
    <t>11.0.5569.0</t>
  </si>
  <si>
    <t>https://support.microsoft.com/kb/3007556</t>
  </si>
  <si>
    <t>11.0.5556.0</t>
  </si>
  <si>
    <t>https://support.microsoft.com/kb/3002049</t>
  </si>
  <si>
    <t>11.0.3482.00</t>
  </si>
  <si>
    <t>https://support.microsoft.com/kb/3002044</t>
  </si>
  <si>
    <t>11.0.5548.0</t>
  </si>
  <si>
    <t>https://support.microsoft.com/kb/2983175</t>
  </si>
  <si>
    <t>11.0.3470.00</t>
  </si>
  <si>
    <t>https://support.microsoft.com/kb/2991533</t>
  </si>
  <si>
    <t>11.0.3460.0</t>
  </si>
  <si>
    <t>https://support.microsoft.com/kb/2977325</t>
  </si>
  <si>
    <t>11.0.3153.00</t>
  </si>
  <si>
    <t>https://support.microsoft.com/kb/2977326</t>
  </si>
  <si>
    <t>11.0.5532.0</t>
  </si>
  <si>
    <t>https://support.microsoft.com/kb/2976982</t>
  </si>
  <si>
    <t>11.0.3449.00</t>
  </si>
  <si>
    <t>https://support.microsoft.com/kb/2975396</t>
  </si>
  <si>
    <t>11.0.3431.00</t>
  </si>
  <si>
    <t>https://support.microsoft.com/kb/2954099</t>
  </si>
  <si>
    <t>11.0.3412.00</t>
  </si>
  <si>
    <t>https://support.microsoft.com/kb/2931078</t>
  </si>
  <si>
    <t>11.0.3401.00</t>
  </si>
  <si>
    <t>https://support.microsoft.com/kb/2917531</t>
  </si>
  <si>
    <t>11.0.2424.00</t>
  </si>
  <si>
    <t>https://support.microsoft.com/kb/2908007</t>
  </si>
  <si>
    <t>11.0.3393.00</t>
  </si>
  <si>
    <t>https://support.microsoft.com/kb/2894115</t>
  </si>
  <si>
    <t>11.0.2420.00</t>
  </si>
  <si>
    <t>https://support.microsoft.com/kb/2891666</t>
  </si>
  <si>
    <t>11.0.3381.00</t>
  </si>
  <si>
    <t>https://support.microsoft.com/kb/2874879</t>
  </si>
  <si>
    <t>11.0.2419.00</t>
  </si>
  <si>
    <t>https://support.microsoft.com/kb/2867319</t>
  </si>
  <si>
    <t>11.0.3373.00</t>
  </si>
  <si>
    <t>https://support.microsoft.com/kb/2861107</t>
  </si>
  <si>
    <t>11.0.2410.00</t>
  </si>
  <si>
    <t>https://support.microsoft.com/kb/2844205</t>
  </si>
  <si>
    <t>11.0.3368.00</t>
  </si>
  <si>
    <t>https://support.microsoft.com/kb/2833645</t>
  </si>
  <si>
    <t>11.0.2405.00</t>
  </si>
  <si>
    <t>https://support.microsoft.com/kb/2823247</t>
  </si>
  <si>
    <t>11.0.3349.00</t>
  </si>
  <si>
    <t>https://support.microsoft.com/kb/2812412</t>
  </si>
  <si>
    <t>11.0.2401.00</t>
  </si>
  <si>
    <t>https://support.microsoft.com/kb/2728897</t>
  </si>
  <si>
    <t>11.0.3339.00</t>
  </si>
  <si>
    <t>https://support.microsoft.com/kb/2790947</t>
  </si>
  <si>
    <t>11.0.2395.00</t>
  </si>
  <si>
    <t>https://support.microsoft.com/kb/2777772</t>
  </si>
  <si>
    <t>11.0.3321.00</t>
  </si>
  <si>
    <t>https://support.microsoft.com/kb/2765331</t>
  </si>
  <si>
    <t>11.0.3000.00</t>
  </si>
  <si>
    <t>https://support.microsoft.com/kb/2674319</t>
  </si>
  <si>
    <t>11.0.2383.00</t>
  </si>
  <si>
    <t>https://support.microsoft.com/kb/2758687</t>
  </si>
  <si>
    <t>11.0.2376.00</t>
  </si>
  <si>
    <t>https://support.microsoft.com/kb/2716441</t>
  </si>
  <si>
    <t>MS12-070</t>
  </si>
  <si>
    <t>11.0.2218.00</t>
  </si>
  <si>
    <t>https://support.microsoft.com/kb/2716442</t>
  </si>
  <si>
    <t>11.0.2332.00</t>
  </si>
  <si>
    <t>https://support.microsoft.com/kb/2723749</t>
  </si>
  <si>
    <t>11.0.2325.00</t>
  </si>
  <si>
    <t>https://support.microsoft.com/kb/2703275</t>
  </si>
  <si>
    <t>11.0.2316.00</t>
  </si>
  <si>
    <t>https://support.microsoft.com/kb/2679368</t>
  </si>
  <si>
    <t>11.0.2100.60</t>
  </si>
  <si>
    <t>10.50.6785.2</t>
  </si>
  <si>
    <t>https://support.microsoft.com/kb/5021112</t>
  </si>
  <si>
    <t>10.50.6560.0</t>
  </si>
  <si>
    <t>https://support.microsoft.com/kb/4057113</t>
  </si>
  <si>
    <t>10.50.6529.0</t>
  </si>
  <si>
    <t>https://support.microsoft.com/kb/3045314</t>
  </si>
  <si>
    <t>10.50.6220.0</t>
  </si>
  <si>
    <t>https://support.microsoft.com/kb/3045316</t>
  </si>
  <si>
    <t>10.50.4339.00</t>
  </si>
  <si>
    <t>https://support.microsoft.com/kb/3045312</t>
  </si>
  <si>
    <t>10.50.4042.00</t>
  </si>
  <si>
    <t>https://support.microsoft.com/kb/3045313</t>
  </si>
  <si>
    <t>10.50.6000.34</t>
  </si>
  <si>
    <t>https://support.microsoft.com/kb/2979597</t>
  </si>
  <si>
    <t>10.50.4305.00</t>
  </si>
  <si>
    <t>https://support.microsoft.com/kb/2938478</t>
  </si>
  <si>
    <t>10.50.4321.00</t>
  </si>
  <si>
    <t>https://support.microsoft.com/kb/2977319</t>
  </si>
  <si>
    <t>10.50.4033.00</t>
  </si>
  <si>
    <t>https://support.microsoft.com/kb/2977320</t>
  </si>
  <si>
    <t>10.50.4319.00</t>
  </si>
  <si>
    <t>https://support.microsoft.com/kb/2967540</t>
  </si>
  <si>
    <t>10.50.4302.00</t>
  </si>
  <si>
    <t>https://support.microsoft.com/kb/2926028</t>
  </si>
  <si>
    <t>10.50.4297.00</t>
  </si>
  <si>
    <t>https://support.microsoft.com/kb/2908087</t>
  </si>
  <si>
    <t>10.50.4295.00</t>
  </si>
  <si>
    <t>https://support.microsoft.com/kb/2887606</t>
  </si>
  <si>
    <t>10.50.4290.00</t>
  </si>
  <si>
    <t>https://support.microsoft.com/kb/2871401</t>
  </si>
  <si>
    <t>10.50.2881.00</t>
  </si>
  <si>
    <t>https://support.microsoft.com/kb/2868244</t>
  </si>
  <si>
    <t>10.50.4286.0</t>
  </si>
  <si>
    <t>https://support.microsoft.com/kb/2844090</t>
  </si>
  <si>
    <t>10.50.2876.00</t>
  </si>
  <si>
    <t>https://support.microsoft.com/kb/2855792</t>
  </si>
  <si>
    <t>10.50.4279.0</t>
  </si>
  <si>
    <t>https://support.microsoft.com/kb/2830140</t>
  </si>
  <si>
    <t>10.50.2874.00</t>
  </si>
  <si>
    <t>https://support.microsoft.com/kb/2828727</t>
  </si>
  <si>
    <t>10.50.4276.00</t>
  </si>
  <si>
    <t>https://support.microsoft.com/kb/2797460</t>
  </si>
  <si>
    <t>10.50.2869.00</t>
  </si>
  <si>
    <t>https://support.microsoft.com/kb/2812683</t>
  </si>
  <si>
    <t>10.50.4270.00</t>
  </si>
  <si>
    <t>https://support.microsoft.com/kb/2777358</t>
  </si>
  <si>
    <t>10.50.2868.00</t>
  </si>
  <si>
    <t>https://support.microsoft.com/kb/2783135</t>
  </si>
  <si>
    <t>10.50.4266.00</t>
  </si>
  <si>
    <t>https://support.microsoft.com/kb/2754552</t>
  </si>
  <si>
    <t>10.50.2866.00</t>
  </si>
  <si>
    <t>https://support.microsoft.com/kb/2756574</t>
  </si>
  <si>
    <t>10.50.2550.00</t>
  </si>
  <si>
    <t>https://support.microsoft.com/kb/2754849</t>
  </si>
  <si>
    <t>10.50.2861.00</t>
  </si>
  <si>
    <t>https://support.microsoft.com/kb/2716439</t>
  </si>
  <si>
    <t>10.50.4263.00</t>
  </si>
  <si>
    <t>https://support.microsoft.com/kb/2740411</t>
  </si>
  <si>
    <t>10.50.2822.00</t>
  </si>
  <si>
    <t>https://support.microsoft.com/kb/2723743</t>
  </si>
  <si>
    <t>10.50.4000.0</t>
  </si>
  <si>
    <t>https://support.microsoft.com/kb/2630458</t>
  </si>
  <si>
    <t>10.50.4260.00</t>
  </si>
  <si>
    <t>https://support.microsoft.com/kb/2720425</t>
  </si>
  <si>
    <t>10.50.2817.00</t>
  </si>
  <si>
    <t>https://support.microsoft.com/kb/2703282</t>
  </si>
  <si>
    <t>10.50.2811.00</t>
  </si>
  <si>
    <t>https://support.microsoft.com/kb/2679367</t>
  </si>
  <si>
    <t>10.50.1815.00</t>
  </si>
  <si>
    <t>https://support.microsoft.com/kb/2679366</t>
  </si>
  <si>
    <t>10.50.2806.00</t>
  </si>
  <si>
    <t>https://support.microsoft.com/kb/2659694</t>
  </si>
  <si>
    <t>10.50.1810.00</t>
  </si>
  <si>
    <t>https://support.microsoft.com/kb/2659692</t>
  </si>
  <si>
    <t>10.50.2796.00</t>
  </si>
  <si>
    <t>https://support.microsoft.com/kb/2633146</t>
  </si>
  <si>
    <t>10.50.1809.00</t>
  </si>
  <si>
    <t>https://support.microsoft.com/kb/2633145</t>
  </si>
  <si>
    <t>10.50.2789.00</t>
  </si>
  <si>
    <t>https://support.microsoft.com/kb/2591748</t>
  </si>
  <si>
    <t>10.50.1807.00</t>
  </si>
  <si>
    <t>https://support.microsoft.com/kb/2591746</t>
  </si>
  <si>
    <t>10.50.2772.00</t>
  </si>
  <si>
    <t>https://support.microsoft.com/kb/2567714</t>
  </si>
  <si>
    <t>10.50.1804.00</t>
  </si>
  <si>
    <t>https://support.microsoft.com/kb/2567713</t>
  </si>
  <si>
    <t>10.50.2769.00</t>
  </si>
  <si>
    <t>https://support.microsoft.com/kb/2544793</t>
  </si>
  <si>
    <t>10.50.2500.0</t>
  </si>
  <si>
    <t>https://support.microsoft.com/kb/2528583</t>
  </si>
  <si>
    <t>10.50.1797.00</t>
  </si>
  <si>
    <t>https://support.microsoft.com/kb/2534352</t>
  </si>
  <si>
    <t>10.50.1790.00</t>
  </si>
  <si>
    <t>https://support.microsoft.com/kb/2494086</t>
  </si>
  <si>
    <t>MS11-049</t>
  </si>
  <si>
    <t>10.50.1617.00</t>
  </si>
  <si>
    <t>https://support.microsoft.com/kb/2494088</t>
  </si>
  <si>
    <t>10.50.1777.00</t>
  </si>
  <si>
    <t>https://support.microsoft.com/kb/2507770</t>
  </si>
  <si>
    <t>10.50.1765.00</t>
  </si>
  <si>
    <t>https://support.microsoft.com/kb/2489376</t>
  </si>
  <si>
    <t>10.50.1753.00</t>
  </si>
  <si>
    <t>https://support.microsoft.com/kb/2438347</t>
  </si>
  <si>
    <t>10.50.1746.00</t>
  </si>
  <si>
    <t>https://support.microsoft.com/kb/2345451</t>
  </si>
  <si>
    <t>10.50.1734.00</t>
  </si>
  <si>
    <t>https://support.microsoft.com/kb/2261464</t>
  </si>
  <si>
    <t>10.50.1720.00</t>
  </si>
  <si>
    <t>https://support.microsoft.com/kb/2072493</t>
  </si>
  <si>
    <t>10.50.1702.00</t>
  </si>
  <si>
    <t>https://support.microsoft.com/kb/981355</t>
  </si>
  <si>
    <t>10.50.1600.1</t>
  </si>
  <si>
    <t>10.0.6814.4</t>
  </si>
  <si>
    <t>https://support.microsoft.com/kb/5020863</t>
  </si>
  <si>
    <t>10.00.6556.0</t>
  </si>
  <si>
    <t>https://support.microsoft.com/kb/4057114</t>
  </si>
  <si>
    <t>10.00.6535.00</t>
  </si>
  <si>
    <t>https://support.microsoft.com/kb/3045308</t>
  </si>
  <si>
    <t>10.00.6241.00</t>
  </si>
  <si>
    <t>https://support.microsoft.com/kb/3045311</t>
  </si>
  <si>
    <t>MS15-059</t>
  </si>
  <si>
    <t>10.00.6000.29</t>
  </si>
  <si>
    <t>https://support.microsoft.com/kb/2979596</t>
  </si>
  <si>
    <t>10.00.5890.00</t>
  </si>
  <si>
    <t>https://support.microsoft.com/kb/3045303</t>
  </si>
  <si>
    <t>MS15-060</t>
  </si>
  <si>
    <t>10.00.5869.00</t>
  </si>
  <si>
    <t>2984340, 2977322</t>
  </si>
  <si>
    <t>https://support.microsoft.com/kb/2984340
https://support.microsoft.com/kb/2977322</t>
  </si>
  <si>
    <t>10.00.5867.00</t>
  </si>
  <si>
    <t>https://support.microsoft.com/kb/2877204</t>
  </si>
  <si>
    <t>10.00.5861.00</t>
  </si>
  <si>
    <t>https://support.microsoft.com/kb/2958696</t>
  </si>
  <si>
    <t>10.00.5852.00</t>
  </si>
  <si>
    <t>https://support.microsoft.com/kb/2936421</t>
  </si>
  <si>
    <t>10.00.5850.00</t>
  </si>
  <si>
    <t>https://support.microsoft.com/kb/2923520</t>
  </si>
  <si>
    <t>10.00.5848.00</t>
  </si>
  <si>
    <t>https://support.microsoft.com/kb/2893410</t>
  </si>
  <si>
    <t>10.00.5846.00</t>
  </si>
  <si>
    <t>https://support.microsoft.com/kb/2880350</t>
  </si>
  <si>
    <t>10.00.5844.00</t>
  </si>
  <si>
    <t>https://support.microsoft.com/kb/2863205</t>
  </si>
  <si>
    <t>10.00.5840.00</t>
  </si>
  <si>
    <t>https://support.microsoft.com/kb/2834048</t>
  </si>
  <si>
    <t>10.00.5835.00</t>
  </si>
  <si>
    <t>https://support.microsoft.com/kb/2814783</t>
  </si>
  <si>
    <t>10.00.5829.00</t>
  </si>
  <si>
    <t>https://support.microsoft.com/kb/2799883</t>
  </si>
  <si>
    <t>10.00.5828.00</t>
  </si>
  <si>
    <t>https://support.microsoft.com/kb/2771833</t>
  </si>
  <si>
    <t>10.00.5826.00</t>
  </si>
  <si>
    <t>https://support.microsoft.com/kb/2716435</t>
  </si>
  <si>
    <t>10.00.5794.00</t>
  </si>
  <si>
    <t>https://support.microsoft.com/kb/2738350</t>
  </si>
  <si>
    <t>10.00.5788.00</t>
  </si>
  <si>
    <t>https://support.microsoft.com/kb/2715953</t>
  </si>
  <si>
    <t>10.00.5785.00</t>
  </si>
  <si>
    <t>https://support.microsoft.com/kb/2696626</t>
  </si>
  <si>
    <t>10.00.5775.00</t>
  </si>
  <si>
    <t>https://support.microsoft.com/kb/2673383</t>
  </si>
  <si>
    <t>10.00.5770.00</t>
  </si>
  <si>
    <t>https://support.microsoft.com/kb/2648098</t>
  </si>
  <si>
    <t>10.00.5768.00</t>
  </si>
  <si>
    <t>https://support.microsoft.com/kb/2633143</t>
  </si>
  <si>
    <t>10.00.5766.00</t>
  </si>
  <si>
    <t>https://support.microsoft.com/kb/2617146</t>
  </si>
  <si>
    <t>10.00.5538.00</t>
  </si>
  <si>
    <t>https://support.microsoft.com/kb/3045305</t>
  </si>
  <si>
    <t>10.00.5520.00</t>
  </si>
  <si>
    <t>https://support.microsoft.com/kb/2977321</t>
  </si>
  <si>
    <t>10.00.5512.00</t>
  </si>
  <si>
    <t>https://support.microsoft.com/kb/2716436</t>
  </si>
  <si>
    <t>10.00.5500.00</t>
  </si>
  <si>
    <t>https://support.microsoft.com/kb/2546951</t>
  </si>
  <si>
    <t>10.00.4371.00</t>
  </si>
  <si>
    <t>https://support.microsoft.com/kb/2716433</t>
  </si>
  <si>
    <t>10.00.4333.00</t>
  </si>
  <si>
    <t>https://support.microsoft.com/kb/2715951</t>
  </si>
  <si>
    <t>10.00.4332.00</t>
  </si>
  <si>
    <t>https://support.microsoft.com/kb/2696625</t>
  </si>
  <si>
    <t>10.00.4330.00</t>
  </si>
  <si>
    <t>https://support.microsoft.com/kb/2673382</t>
  </si>
  <si>
    <t>10.00.4326.00</t>
  </si>
  <si>
    <t>https://support.microsoft.com/kb/2648096</t>
  </si>
  <si>
    <t>10.00.4323.00</t>
  </si>
  <si>
    <t>https://support.microsoft.com/kb/2617148</t>
  </si>
  <si>
    <t>10.00.4321.00</t>
  </si>
  <si>
    <t>https://support.microsoft.com/kb/2582285</t>
  </si>
  <si>
    <t>10.00.4316.00</t>
  </si>
  <si>
    <t>https://support.microsoft.com/kb/2555408</t>
  </si>
  <si>
    <t>10.00.4311.00</t>
  </si>
  <si>
    <t>https://support.microsoft.com/kb/2494094</t>
  </si>
  <si>
    <t>10.00.4285.00</t>
  </si>
  <si>
    <t>https://support.microsoft.com/kb/2527180</t>
  </si>
  <si>
    <t>10.00.4279.00</t>
  </si>
  <si>
    <t>https://support.microsoft.com/kb/2498535</t>
  </si>
  <si>
    <t>10.00.4272.00</t>
  </si>
  <si>
    <t>https://support.microsoft.com/kb/2467239</t>
  </si>
  <si>
    <t>10.00.4266.00</t>
  </si>
  <si>
    <t>https://support.microsoft.com/kb/2289254</t>
  </si>
  <si>
    <t>10.00.4067.00</t>
  </si>
  <si>
    <t>https://support.microsoft.com/kb/2716434</t>
  </si>
  <si>
    <t>10.00.4064.00</t>
  </si>
  <si>
    <t>https://support.microsoft.com/kb/2494089</t>
  </si>
  <si>
    <t>10.00.4000.00</t>
  </si>
  <si>
    <t>https://support.microsoft.com/kb/2285068</t>
  </si>
  <si>
    <t>10.00.2850.0</t>
  </si>
  <si>
    <t>https://support.microsoft.com/kb/2582282</t>
  </si>
  <si>
    <t>10.00.2847.0</t>
  </si>
  <si>
    <t>https://support.microsoft.com/kb/2555406</t>
  </si>
  <si>
    <t>10.00.2841.0</t>
  </si>
  <si>
    <t>https://support.microsoft.com/kb/2494100</t>
  </si>
  <si>
    <t>10.00.2821.00</t>
  </si>
  <si>
    <t>https://support.microsoft.com/kb/2527187</t>
  </si>
  <si>
    <t>10.00.2816.00</t>
  </si>
  <si>
    <t>https://support.microsoft.com/kb/2497673</t>
  </si>
  <si>
    <t>10.00.2808.00</t>
  </si>
  <si>
    <t>https://support.microsoft.com/kb/2467236</t>
  </si>
  <si>
    <t>10.00.2804.00</t>
  </si>
  <si>
    <t>https://support.microsoft.com/kb/2413738</t>
  </si>
  <si>
    <t>10.00.2799.00</t>
  </si>
  <si>
    <t>https://support.microsoft.com/kb/2279604</t>
  </si>
  <si>
    <t>10.00.2789.00</t>
  </si>
  <si>
    <t>https://support.microsoft.com/kb/2083921</t>
  </si>
  <si>
    <t>10.00.2775.00</t>
  </si>
  <si>
    <t>https://support.microsoft.com/kb/981702</t>
  </si>
  <si>
    <t>10.00.2766.00</t>
  </si>
  <si>
    <t>https://support.microsoft.com/kb/979065</t>
  </si>
  <si>
    <t>10.00.2757.00</t>
  </si>
  <si>
    <t>https://support.microsoft.com/kb/977443</t>
  </si>
  <si>
    <t>10.00.2746.00</t>
  </si>
  <si>
    <t>https://support.microsoft.com/kb/975977</t>
  </si>
  <si>
    <t>10.00.2734.00</t>
  </si>
  <si>
    <t>https://support.microsoft.com/kb/973602</t>
  </si>
  <si>
    <t>10.00.2723.00</t>
  </si>
  <si>
    <t>https://support.microsoft.com/kb/971491</t>
  </si>
  <si>
    <t>10.00.2714.00</t>
  </si>
  <si>
    <t>https://support.microsoft.com/kb/970315</t>
  </si>
  <si>
    <t>10.00.2710.00</t>
  </si>
  <si>
    <t>https://support.microsoft.com/kb/969099</t>
  </si>
  <si>
    <t>10.00.2573.00</t>
  </si>
  <si>
    <t>https://support.microsoft.com/kb/2494096</t>
  </si>
  <si>
    <t>GDR Security update</t>
  </si>
  <si>
    <t>10.00.2531.00</t>
  </si>
  <si>
    <t>10.00.1835.00</t>
  </si>
  <si>
    <t>https://support.microsoft.com/kb/979064</t>
  </si>
  <si>
    <t>10.00.1828.00</t>
  </si>
  <si>
    <t>https://support.microsoft.com/kb/977444</t>
  </si>
  <si>
    <t>10.00.1823.00</t>
  </si>
  <si>
    <t>https://support.microsoft.com/kb/975976</t>
  </si>
  <si>
    <t>10.00.1818.00</t>
  </si>
  <si>
    <t>https://support.microsoft.com/kb/973601</t>
  </si>
  <si>
    <t>10.00.1812.00</t>
  </si>
  <si>
    <t>https://support.microsoft.com/kb/971490</t>
  </si>
  <si>
    <t>10.00.1806.00</t>
  </si>
  <si>
    <t>https://support.microsoft.com/kb/969531</t>
  </si>
  <si>
    <t>10.00.1798.00</t>
  </si>
  <si>
    <t>https://support.microsoft.com/kb/963036</t>
  </si>
  <si>
    <t>10.00.1787.00</t>
  </si>
  <si>
    <t>https://support.microsoft.com/kb/960484</t>
  </si>
  <si>
    <t>10.00.1779.00</t>
  </si>
  <si>
    <t>https://support.microsoft.com/kb/958186</t>
  </si>
  <si>
    <t>10.00.1763.00</t>
  </si>
  <si>
    <t>https://support.microsoft.com/kb/956717</t>
  </si>
  <si>
    <t>10.00.1600.22</t>
  </si>
  <si>
    <t>9.00.5324</t>
  </si>
  <si>
    <t>https://support.microsoft.com/kb/2716427</t>
  </si>
  <si>
    <t>QFE Security update</t>
  </si>
  <si>
    <t>9.00.5069</t>
  </si>
  <si>
    <t>https://support.microsoft.com/kb/2716429</t>
  </si>
  <si>
    <t>9.00.5292</t>
  </si>
  <si>
    <t>https://support.microsoft.com/kb/2494123</t>
  </si>
  <si>
    <t>9.00.5057</t>
  </si>
  <si>
    <t>https://support.microsoft.com/kb/2494120</t>
  </si>
  <si>
    <t>9.00.4340</t>
  </si>
  <si>
    <t>https://support.microsoft.com/kb/2494112</t>
  </si>
  <si>
    <t>9.00.4060</t>
  </si>
  <si>
    <t>https://support.microsoft.com/kb/2494113</t>
  </si>
  <si>
    <t>9.00.5266</t>
  </si>
  <si>
    <t>https://support.microsoft.com/kb/2507769</t>
  </si>
  <si>
    <t>9.00.4325</t>
  </si>
  <si>
    <t>https://support.microsoft.com/kb/2507766</t>
  </si>
  <si>
    <t>9.00.4317</t>
  </si>
  <si>
    <t>https://support.microsoft.com/kb/2489375</t>
  </si>
  <si>
    <t>9.00.5254</t>
  </si>
  <si>
    <t>https://support.microsoft.com/kb/2464079</t>
  </si>
  <si>
    <t>9.00.4315</t>
  </si>
  <si>
    <t>https://support.microsoft.com/kb/2438344</t>
  </si>
  <si>
    <t>9.00.5000</t>
  </si>
  <si>
    <t>https://support.microsoft.com/kb/2463332</t>
  </si>
  <si>
    <t>9.00.4311</t>
  </si>
  <si>
    <t>https://support.microsoft.com/kb/2345449</t>
  </si>
  <si>
    <t>9.00.4309</t>
  </si>
  <si>
    <t>https://support.microsoft.com/kb/2258854</t>
  </si>
  <si>
    <t>9.00.4305</t>
  </si>
  <si>
    <t>https://support.microsoft.com/kb/983329</t>
  </si>
  <si>
    <t>9.00.4294</t>
  </si>
  <si>
    <t>https://support.microsoft.com/kb/980176</t>
  </si>
  <si>
    <t>9.00.5259</t>
  </si>
  <si>
    <t>https://support.microsoft.com/kb/2489409</t>
  </si>
  <si>
    <t>9.00.4285</t>
  </si>
  <si>
    <t>https://support.microsoft.com/kb/978915</t>
  </si>
  <si>
    <t>9.00.4273</t>
  </si>
  <si>
    <t>https://support.microsoft.com/kb/976951</t>
  </si>
  <si>
    <t>9.00.3356</t>
  </si>
  <si>
    <t>https://support.microsoft.com/kb/976952</t>
  </si>
  <si>
    <t>9.00.4266</t>
  </si>
  <si>
    <t>https://support.microsoft.com/kb/974648</t>
  </si>
  <si>
    <t>9.00.3355</t>
  </si>
  <si>
    <t>https://support.microsoft.com/kb/974647</t>
  </si>
  <si>
    <t>9.00.4262</t>
  </si>
  <si>
    <t>https://support.microsoft.com/kb/970894</t>
  </si>
  <si>
    <t>MS09-062</t>
  </si>
  <si>
    <t>9.00.4053</t>
  </si>
  <si>
    <t>https://support.microsoft.com/kb/970892</t>
  </si>
  <si>
    <t>9.00.3353</t>
  </si>
  <si>
    <t>https://support.microsoft.com/kb/970896</t>
  </si>
  <si>
    <t>9.00.3080</t>
  </si>
  <si>
    <t>https://support.microsoft.com/kb/970895</t>
  </si>
  <si>
    <t>9.00.4230</t>
  </si>
  <si>
    <t>https://support.microsoft.com/kb/972511</t>
  </si>
  <si>
    <t>9.00.3330</t>
  </si>
  <si>
    <t>https://support.microsoft.com/kb/972510</t>
  </si>
  <si>
    <t>9.00.4226</t>
  </si>
  <si>
    <t>https://support.microsoft.com/kb/970279</t>
  </si>
  <si>
    <t>9.00.3328</t>
  </si>
  <si>
    <t>https://support.microsoft.com/kb/970278</t>
  </si>
  <si>
    <t>9.00.4220</t>
  </si>
  <si>
    <t>https://support.microsoft.com/kb/967909</t>
  </si>
  <si>
    <t>9.00.3325</t>
  </si>
  <si>
    <t>https://support.microsoft.com/kb/967908</t>
  </si>
  <si>
    <t>9.00.4211</t>
  </si>
  <si>
    <t>https://support.microsoft.com/kb/961930</t>
  </si>
  <si>
    <t>9.00.3315</t>
  </si>
  <si>
    <t>https://support.microsoft.com/kb/960485</t>
  </si>
  <si>
    <t>9.00.3310</t>
  </si>
  <si>
    <t>https://support.microsoft.com/kb/960090</t>
  </si>
  <si>
    <t>MS09-004</t>
  </si>
  <si>
    <t>9.00.3077</t>
  </si>
  <si>
    <t>https://support.microsoft.com/kb/960089</t>
  </si>
  <si>
    <t>9.00.4207</t>
  </si>
  <si>
    <t>https://support.microsoft.com/kb/959195</t>
  </si>
  <si>
    <t>9.00.4035</t>
  </si>
  <si>
    <t>https://support.microsoft.com/kb/955706</t>
  </si>
  <si>
    <t>9.00.3301</t>
  </si>
  <si>
    <t>https://support.microsoft.com/kb/958735</t>
  </si>
  <si>
    <t>9.00.3294</t>
  </si>
  <si>
    <t>https://support.microsoft.com/kb/956854</t>
  </si>
  <si>
    <t>9.00.3282</t>
  </si>
  <si>
    <t>https://support.microsoft.com/kb/954607</t>
  </si>
  <si>
    <t>MS08-052</t>
  </si>
  <si>
    <t>Security update</t>
  </si>
  <si>
    <t>9.00.3073</t>
  </si>
  <si>
    <t>https://support.microsoft.com/kb/954606</t>
  </si>
  <si>
    <t>https://support.microsoft.com/kb/953752</t>
  </si>
  <si>
    <t>9.00.3233</t>
  </si>
  <si>
    <t>https://support.microsoft.com/kb/948108</t>
  </si>
  <si>
    <t>MS08-040</t>
  </si>
  <si>
    <t>9.00.3068</t>
  </si>
  <si>
    <t>https://support.microsoft.com/kb/948109</t>
  </si>
  <si>
    <t>9.00.3257</t>
  </si>
  <si>
    <t>https://support.microsoft.com/kb/951217</t>
  </si>
  <si>
    <t>9.00.3239</t>
  </si>
  <si>
    <t>https://support.microsoft.com/kb/949095</t>
  </si>
  <si>
    <t>9.00.3228</t>
  </si>
  <si>
    <t>https://support.microsoft.com/kb/946608</t>
  </si>
  <si>
    <t>9.00.3215</t>
  </si>
  <si>
    <t>https://support.microsoft.com/kb/943656</t>
  </si>
  <si>
    <t>9.00.3200</t>
  </si>
  <si>
    <t>https://support.microsoft.com/kb/941450</t>
  </si>
  <si>
    <t>9.00.3186</t>
  </si>
  <si>
    <t>https://support.microsoft.com/kb/939537</t>
  </si>
  <si>
    <t>9.00.3175</t>
  </si>
  <si>
    <t>https://support.microsoft.com/kb/936305</t>
  </si>
  <si>
    <t>9.00.3152</t>
  </si>
  <si>
    <t>https://support.microsoft.com/kb/933097</t>
  </si>
  <si>
    <t>Hotfix</t>
  </si>
  <si>
    <t>9.00.3161</t>
  </si>
  <si>
    <t>https://support.microsoft.com/kb/935356</t>
  </si>
  <si>
    <t>9.00.3042</t>
  </si>
  <si>
    <t>https://support.microsoft.com/kb/937137</t>
  </si>
  <si>
    <t>9.00.2047</t>
  </si>
  <si>
    <t>9.00.139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409]d\-mmm\-yyyy;@"/>
    <numFmt numFmtId="165" formatCode="yyyy\-mm\-dd;@"/>
  </numFmts>
  <fonts count="14" x14ac:knownFonts="1">
    <font>
      <sz val="11"/>
      <color theme="1"/>
      <name val="Calibri"/>
      <family val="2"/>
    </font>
    <font>
      <sz val="11"/>
      <color theme="1"/>
      <name val="Calibri"/>
      <family val="2"/>
      <scheme val="minor"/>
    </font>
    <font>
      <b/>
      <sz val="11"/>
      <color theme="1"/>
      <name val="Calibri"/>
      <family val="2"/>
    </font>
    <font>
      <u/>
      <sz val="11"/>
      <color theme="10"/>
      <name val="Calibri"/>
      <family val="2"/>
    </font>
    <font>
      <sz val="11"/>
      <name val="Calibri"/>
      <family val="2"/>
    </font>
    <font>
      <sz val="10"/>
      <color rgb="FF323232"/>
      <name val="Segoe UI"/>
      <family val="2"/>
    </font>
    <font>
      <sz val="9"/>
      <name val="DengXian"/>
      <family val="3"/>
      <charset val="134"/>
    </font>
    <font>
      <sz val="11"/>
      <color theme="1"/>
      <name val="Calibri"/>
      <family val="2"/>
    </font>
    <font>
      <sz val="11"/>
      <color rgb="FF000000"/>
      <name val="Calibri"/>
      <family val="2"/>
    </font>
    <font>
      <sz val="8"/>
      <name val="Calibri"/>
      <family val="2"/>
    </font>
    <font>
      <b/>
      <sz val="11"/>
      <name val="Calibri"/>
      <family val="2"/>
      <scheme val="minor"/>
    </font>
    <font>
      <sz val="11"/>
      <name val="Calibri"/>
      <family val="2"/>
      <scheme val="minor"/>
    </font>
    <font>
      <b/>
      <sz val="11"/>
      <color theme="0"/>
      <name val="Calibri"/>
      <family val="2"/>
    </font>
    <font>
      <b/>
      <sz val="11"/>
      <color theme="0"/>
      <name val="Calibri"/>
      <family val="2"/>
      <scheme val="minor"/>
    </font>
  </fonts>
  <fills count="4">
    <fill>
      <patternFill patternType="none"/>
    </fill>
    <fill>
      <patternFill patternType="gray125"/>
    </fill>
    <fill>
      <patternFill patternType="solid">
        <fgColor theme="1" tint="4.9989318521683403E-2"/>
        <bgColor indexed="64"/>
      </patternFill>
    </fill>
    <fill>
      <patternFill patternType="solid">
        <fgColor theme="1"/>
        <bgColor indexed="64"/>
      </patternFill>
    </fill>
  </fills>
  <borders count="15">
    <border>
      <left/>
      <right/>
      <top/>
      <bottom/>
      <diagonal/>
    </border>
    <border>
      <left style="thin">
        <color rgb="FFCCCCCC"/>
      </left>
      <right style="thin">
        <color rgb="FFCCCCCC"/>
      </right>
      <top/>
      <bottom style="thick">
        <color theme="0"/>
      </bottom>
      <diagonal/>
    </border>
    <border>
      <left/>
      <right style="thin">
        <color rgb="FFCCCCCC"/>
      </right>
      <top/>
      <bottom style="thin">
        <color rgb="FFCCCCCC"/>
      </bottom>
      <diagonal/>
    </border>
    <border>
      <left style="thin">
        <color rgb="FFCCCCCC"/>
      </left>
      <right style="thin">
        <color rgb="FFCCCCCC"/>
      </right>
      <top/>
      <bottom style="thin">
        <color rgb="FFCCCCCC"/>
      </bottom>
      <diagonal/>
    </border>
    <border>
      <left style="thin">
        <color rgb="FFCCCCCC"/>
      </left>
      <right/>
      <top/>
      <bottom style="thick">
        <color theme="0"/>
      </bottom>
      <diagonal/>
    </border>
    <border>
      <left/>
      <right/>
      <top style="thin">
        <color rgb="FF000000"/>
      </top>
      <bottom/>
      <diagonal/>
    </border>
    <border>
      <left/>
      <right style="thin">
        <color rgb="FF000000"/>
      </right>
      <top style="thin">
        <color rgb="FF000000"/>
      </top>
      <bottom/>
      <diagonal/>
    </border>
    <border>
      <left/>
      <right style="thin">
        <color rgb="FFCCCCCC"/>
      </right>
      <top/>
      <bottom/>
      <diagonal/>
    </border>
    <border>
      <left style="thin">
        <color rgb="FFCCCCCC"/>
      </left>
      <right style="thin">
        <color rgb="FFCCCCCC"/>
      </right>
      <top/>
      <bottom/>
      <diagonal/>
    </border>
    <border>
      <left style="thin">
        <color rgb="FFCCCCCC"/>
      </left>
      <right/>
      <top/>
      <bottom/>
      <diagonal/>
    </border>
    <border>
      <left/>
      <right/>
      <top style="thin">
        <color theme="0" tint="-0.14996795556505021"/>
      </top>
      <bottom/>
      <diagonal/>
    </border>
    <border>
      <left style="thin">
        <color theme="0" tint="-0.14996795556505021"/>
      </left>
      <right style="thin">
        <color theme="0" tint="-0.14996795556505021"/>
      </right>
      <top style="thin">
        <color theme="0" tint="-0.14996795556505021"/>
      </top>
      <bottom style="thin">
        <color theme="0" tint="-0.14996795556505021"/>
      </bottom>
      <diagonal/>
    </border>
    <border>
      <left style="thin">
        <color theme="0" tint="-0.14993743705557422"/>
      </left>
      <right style="thin">
        <color theme="0" tint="-0.14993743705557422"/>
      </right>
      <top style="thin">
        <color theme="0" tint="-0.14993743705557422"/>
      </top>
      <bottom style="thin">
        <color theme="0" tint="-0.14993743705557422"/>
      </bottom>
      <diagonal/>
    </border>
    <border>
      <left/>
      <right style="thin">
        <color theme="0" tint="-0.14996795556505021"/>
      </right>
      <top style="thin">
        <color theme="0" tint="-0.14996795556505021"/>
      </top>
      <bottom style="thin">
        <color theme="0" tint="-0.14996795556505021"/>
      </bottom>
      <diagonal/>
    </border>
    <border>
      <left style="thin">
        <color theme="0" tint="-0.14996795556505021"/>
      </left>
      <right style="thin">
        <color theme="0" tint="-0.14996795556505021"/>
      </right>
      <top/>
      <bottom style="thin">
        <color theme="0" tint="-0.14996795556505021"/>
      </bottom>
      <diagonal/>
    </border>
  </borders>
  <cellStyleXfs count="3">
    <xf numFmtId="164" fontId="0" fillId="0" borderId="0"/>
    <xf numFmtId="164" fontId="3" fillId="0" borderId="0" applyNumberFormat="0" applyFill="0" applyBorder="0" applyAlignment="0" applyProtection="0"/>
    <xf numFmtId="0" fontId="1" fillId="0" borderId="0"/>
  </cellStyleXfs>
  <cellXfs count="84">
    <xf numFmtId="164" fontId="0" fillId="0" borderId="0" xfId="0"/>
    <xf numFmtId="164" fontId="0" fillId="0" borderId="0" xfId="0" applyAlignment="1">
      <alignment wrapText="1"/>
    </xf>
    <xf numFmtId="164" fontId="2" fillId="0" borderId="0" xfId="0" applyFont="1"/>
    <xf numFmtId="49" fontId="0" fillId="0" borderId="0" xfId="0" applyNumberFormat="1"/>
    <xf numFmtId="49" fontId="0" fillId="0" borderId="0" xfId="0" applyNumberFormat="1" applyAlignment="1">
      <alignment horizontal="left"/>
    </xf>
    <xf numFmtId="0" fontId="3" fillId="0" borderId="0" xfId="1" applyNumberFormat="1"/>
    <xf numFmtId="0" fontId="0" fillId="0" borderId="0" xfId="0" applyNumberFormat="1"/>
    <xf numFmtId="49" fontId="0" fillId="0" borderId="0" xfId="0" applyNumberFormat="1" applyAlignment="1">
      <alignment wrapText="1"/>
    </xf>
    <xf numFmtId="49" fontId="4" fillId="0" borderId="0" xfId="1" applyNumberFormat="1" applyFont="1" applyAlignment="1">
      <alignment horizontal="left" wrapText="1"/>
    </xf>
    <xf numFmtId="164" fontId="3" fillId="0" borderId="0" xfId="1"/>
    <xf numFmtId="49" fontId="3" fillId="0" borderId="0" xfId="1" applyNumberFormat="1"/>
    <xf numFmtId="1" fontId="0" fillId="0" borderId="0" xfId="0" applyNumberFormat="1"/>
    <xf numFmtId="1" fontId="2" fillId="0" borderId="0" xfId="0" applyNumberFormat="1" applyFont="1"/>
    <xf numFmtId="49" fontId="8" fillId="0" borderId="0" xfId="0" applyNumberFormat="1" applyFont="1"/>
    <xf numFmtId="165" fontId="0" fillId="0" borderId="0" xfId="0" applyNumberFormat="1"/>
    <xf numFmtId="165" fontId="8" fillId="0" borderId="0" xfId="0" applyNumberFormat="1" applyFont="1"/>
    <xf numFmtId="49" fontId="0" fillId="0" borderId="0" xfId="0" applyNumberFormat="1" applyAlignment="1">
      <alignment horizontal="left" wrapText="1"/>
    </xf>
    <xf numFmtId="165" fontId="0" fillId="0" borderId="0" xfId="0" applyNumberFormat="1" applyAlignment="1">
      <alignment horizontal="left"/>
    </xf>
    <xf numFmtId="49" fontId="5" fillId="0" borderId="0" xfId="0" applyNumberFormat="1" applyFont="1" applyAlignment="1">
      <alignment horizontal="left" wrapText="1"/>
    </xf>
    <xf numFmtId="1" fontId="0" fillId="0" borderId="0" xfId="1" applyNumberFormat="1" applyFont="1"/>
    <xf numFmtId="1" fontId="0" fillId="0" borderId="0" xfId="0" applyNumberFormat="1" applyAlignment="1">
      <alignment horizontal="left"/>
    </xf>
    <xf numFmtId="165" fontId="7" fillId="0" borderId="0" xfId="0" applyNumberFormat="1" applyFont="1" applyAlignment="1">
      <alignment horizontal="left"/>
    </xf>
    <xf numFmtId="1" fontId="3" fillId="0" borderId="0" xfId="1" applyNumberFormat="1"/>
    <xf numFmtId="49" fontId="3" fillId="0" borderId="0" xfId="1" applyNumberFormat="1" applyFill="1"/>
    <xf numFmtId="1" fontId="3" fillId="0" borderId="0" xfId="1" applyNumberFormat="1" applyFill="1"/>
    <xf numFmtId="49" fontId="3" fillId="0" borderId="0" xfId="1" applyNumberFormat="1" applyFill="1" applyAlignment="1">
      <alignment horizontal="left"/>
    </xf>
    <xf numFmtId="49" fontId="7" fillId="0" borderId="0" xfId="0" applyNumberFormat="1" applyFont="1"/>
    <xf numFmtId="49" fontId="4" fillId="0" borderId="0" xfId="1" applyNumberFormat="1" applyFont="1" applyFill="1" applyAlignment="1">
      <alignment horizontal="left"/>
    </xf>
    <xf numFmtId="49" fontId="7" fillId="0" borderId="0" xfId="0" applyNumberFormat="1" applyFont="1" applyAlignment="1">
      <alignment horizontal="left"/>
    </xf>
    <xf numFmtId="49" fontId="4" fillId="0" borderId="0" xfId="0" applyNumberFormat="1" applyFont="1"/>
    <xf numFmtId="49" fontId="7" fillId="0" borderId="0" xfId="0" applyNumberFormat="1" applyFont="1" applyAlignment="1">
      <alignment horizontal="left" vertical="top"/>
    </xf>
    <xf numFmtId="49" fontId="4" fillId="0" borderId="0" xfId="1" applyNumberFormat="1" applyFont="1" applyFill="1"/>
    <xf numFmtId="49" fontId="3" fillId="0" borderId="0" xfId="1" applyNumberFormat="1" applyFill="1" applyBorder="1"/>
    <xf numFmtId="164" fontId="0" fillId="0" borderId="0" xfId="0" applyAlignment="1">
      <alignment horizontal="left"/>
    </xf>
    <xf numFmtId="49" fontId="11" fillId="0" borderId="0" xfId="0" applyNumberFormat="1" applyFont="1" applyAlignment="1">
      <alignment horizontal="left" vertical="center" wrapText="1"/>
    </xf>
    <xf numFmtId="165" fontId="11" fillId="0" borderId="0" xfId="0" applyNumberFormat="1" applyFont="1" applyAlignment="1">
      <alignment vertical="center" wrapText="1"/>
    </xf>
    <xf numFmtId="49" fontId="11" fillId="0" borderId="0" xfId="0" applyNumberFormat="1" applyFont="1" applyAlignment="1">
      <alignment horizontal="left"/>
    </xf>
    <xf numFmtId="49" fontId="11" fillId="0" borderId="0" xfId="0" applyNumberFormat="1" applyFont="1" applyAlignment="1">
      <alignment horizontal="left" wrapText="1"/>
    </xf>
    <xf numFmtId="49" fontId="8" fillId="0" borderId="0" xfId="0" applyNumberFormat="1" applyFont="1" applyAlignment="1">
      <alignment horizontal="left"/>
    </xf>
    <xf numFmtId="49" fontId="10" fillId="0" borderId="0" xfId="0" applyNumberFormat="1" applyFont="1" applyAlignment="1">
      <alignment horizontal="left" vertical="center" wrapText="1"/>
    </xf>
    <xf numFmtId="164" fontId="3" fillId="0" borderId="0" xfId="1" applyNumberFormat="1"/>
    <xf numFmtId="164" fontId="3" fillId="0" borderId="0" xfId="1" applyFill="1"/>
    <xf numFmtId="1" fontId="3" fillId="0" borderId="0" xfId="1" applyNumberFormat="1" applyAlignment="1"/>
    <xf numFmtId="164" fontId="3" fillId="0" borderId="0" xfId="1" applyAlignment="1"/>
    <xf numFmtId="164" fontId="8" fillId="0" borderId="5" xfId="0" applyFont="1" applyBorder="1"/>
    <xf numFmtId="164" fontId="8" fillId="0" borderId="6" xfId="0" applyFont="1" applyBorder="1"/>
    <xf numFmtId="1" fontId="3" fillId="0" borderId="0" xfId="1" applyNumberFormat="1" applyFill="1" applyAlignment="1"/>
    <xf numFmtId="49" fontId="11" fillId="0" borderId="10" xfId="0" applyNumberFormat="1" applyFont="1" applyBorder="1" applyAlignment="1">
      <alignment horizontal="left" vertical="center" wrapText="1"/>
    </xf>
    <xf numFmtId="1" fontId="0" fillId="0" borderId="10" xfId="0" applyNumberFormat="1" applyBorder="1"/>
    <xf numFmtId="164" fontId="3" fillId="0" borderId="10" xfId="1" applyBorder="1"/>
    <xf numFmtId="165" fontId="0" fillId="0" borderId="10" xfId="0" applyNumberFormat="1" applyBorder="1"/>
    <xf numFmtId="49" fontId="0" fillId="0" borderId="10" xfId="0" applyNumberFormat="1" applyBorder="1" applyAlignment="1">
      <alignment horizontal="left"/>
    </xf>
    <xf numFmtId="49" fontId="4" fillId="0" borderId="10" xfId="1" applyNumberFormat="1" applyFont="1" applyFill="1" applyBorder="1"/>
    <xf numFmtId="49" fontId="0" fillId="0" borderId="10" xfId="0" applyNumberFormat="1" applyBorder="1"/>
    <xf numFmtId="49" fontId="11" fillId="0" borderId="10" xfId="0" applyNumberFormat="1" applyFont="1" applyBorder="1" applyAlignment="1">
      <alignment wrapText="1"/>
    </xf>
    <xf numFmtId="49" fontId="3" fillId="0" borderId="10" xfId="1" applyNumberFormat="1" applyBorder="1"/>
    <xf numFmtId="165" fontId="0" fillId="0" borderId="10" xfId="0" applyNumberFormat="1" applyBorder="1" applyAlignment="1">
      <alignment horizontal="left"/>
    </xf>
    <xf numFmtId="49" fontId="8" fillId="0" borderId="10" xfId="0" applyNumberFormat="1" applyFont="1" applyBorder="1"/>
    <xf numFmtId="164" fontId="0" fillId="0" borderId="10" xfId="0" applyBorder="1"/>
    <xf numFmtId="164" fontId="0" fillId="0" borderId="11" xfId="0" applyBorder="1"/>
    <xf numFmtId="1" fontId="12" fillId="2" borderId="0" xfId="0" applyNumberFormat="1" applyFont="1" applyFill="1"/>
    <xf numFmtId="164" fontId="12" fillId="2" borderId="0" xfId="0" applyFont="1" applyFill="1"/>
    <xf numFmtId="164" fontId="12" fillId="3" borderId="0" xfId="0" applyFont="1" applyFill="1"/>
    <xf numFmtId="49" fontId="13" fillId="3" borderId="2" xfId="0" applyNumberFormat="1" applyFont="1" applyFill="1" applyBorder="1" applyAlignment="1">
      <alignment horizontal="left" vertical="center" wrapText="1"/>
    </xf>
    <xf numFmtId="49" fontId="13" fillId="3" borderId="1" xfId="0" applyNumberFormat="1" applyFont="1" applyFill="1" applyBorder="1" applyAlignment="1">
      <alignment horizontal="left" vertical="center" wrapText="1"/>
    </xf>
    <xf numFmtId="49" fontId="13" fillId="3" borderId="3" xfId="0" applyNumberFormat="1" applyFont="1" applyFill="1" applyBorder="1" applyAlignment="1">
      <alignment vertical="center" wrapText="1"/>
    </xf>
    <xf numFmtId="49" fontId="13" fillId="3" borderId="1" xfId="0" applyNumberFormat="1" applyFont="1" applyFill="1" applyBorder="1" applyAlignment="1">
      <alignment vertical="center" wrapText="1"/>
    </xf>
    <xf numFmtId="49" fontId="13" fillId="3" borderId="4" xfId="0" applyNumberFormat="1" applyFont="1" applyFill="1" applyBorder="1" applyAlignment="1">
      <alignment horizontal="left" vertical="center" wrapText="1"/>
    </xf>
    <xf numFmtId="164" fontId="3" fillId="0" borderId="0" xfId="1" applyBorder="1"/>
    <xf numFmtId="49" fontId="13" fillId="3" borderId="12" xfId="0" applyNumberFormat="1" applyFont="1" applyFill="1" applyBorder="1" applyAlignment="1">
      <alignment horizontal="left" vertical="center" wrapText="1"/>
    </xf>
    <xf numFmtId="49" fontId="13" fillId="3" borderId="12" xfId="0" applyNumberFormat="1" applyFont="1" applyFill="1" applyBorder="1" applyAlignment="1">
      <alignment vertical="center" wrapText="1"/>
    </xf>
    <xf numFmtId="164" fontId="0" fillId="0" borderId="13" xfId="0" applyBorder="1"/>
    <xf numFmtId="49" fontId="11" fillId="0" borderId="14" xfId="0" applyNumberFormat="1" applyFont="1" applyBorder="1" applyAlignment="1">
      <alignment horizontal="left"/>
    </xf>
    <xf numFmtId="1" fontId="0" fillId="0" borderId="14" xfId="0" applyNumberFormat="1" applyBorder="1"/>
    <xf numFmtId="164" fontId="3" fillId="0" borderId="14" xfId="1" applyBorder="1"/>
    <xf numFmtId="165" fontId="0" fillId="0" borderId="14" xfId="0" applyNumberFormat="1" applyBorder="1" applyAlignment="1">
      <alignment horizontal="left"/>
    </xf>
    <xf numFmtId="49" fontId="8" fillId="0" borderId="14" xfId="0" applyNumberFormat="1" applyFont="1" applyBorder="1"/>
    <xf numFmtId="49" fontId="11" fillId="0" borderId="14" xfId="0" applyNumberFormat="1" applyFont="1" applyBorder="1" applyAlignment="1">
      <alignment horizontal="left" wrapText="1"/>
    </xf>
    <xf numFmtId="49" fontId="13" fillId="3" borderId="7" xfId="0" applyNumberFormat="1" applyFont="1" applyFill="1" applyBorder="1" applyAlignment="1">
      <alignment horizontal="left" vertical="center" wrapText="1"/>
    </xf>
    <xf numFmtId="49" fontId="13" fillId="3" borderId="8" xfId="0" applyNumberFormat="1" applyFont="1" applyFill="1" applyBorder="1" applyAlignment="1">
      <alignment horizontal="left" vertical="center" wrapText="1"/>
    </xf>
    <xf numFmtId="49" fontId="13" fillId="3" borderId="8" xfId="0" applyNumberFormat="1" applyFont="1" applyFill="1" applyBorder="1" applyAlignment="1">
      <alignment vertical="center" wrapText="1"/>
    </xf>
    <xf numFmtId="49" fontId="13" fillId="3" borderId="9" xfId="0" applyNumberFormat="1" applyFont="1" applyFill="1" applyBorder="1" applyAlignment="1">
      <alignment horizontal="left" vertical="center" wrapText="1"/>
    </xf>
    <xf numFmtId="49" fontId="3" fillId="0" borderId="0" xfId="1" applyNumberFormat="1" applyBorder="1"/>
    <xf numFmtId="49" fontId="3" fillId="0" borderId="14" xfId="1" applyNumberFormat="1" applyBorder="1"/>
  </cellXfs>
  <cellStyles count="3">
    <cellStyle name="Hyperlink" xfId="1" builtinId="8"/>
    <cellStyle name="Normal" xfId="0" builtinId="0"/>
    <cellStyle name="Normal 2" xfId="2" xr:uid="{00000000-0005-0000-0000-000002000000}"/>
  </cellStyles>
  <dxfs count="128">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numFmt numFmtId="30" formatCode="@"/>
    </dxf>
    <dxf>
      <numFmt numFmtId="30" formatCode="@"/>
      <fill>
        <patternFill patternType="none">
          <fgColor indexed="64"/>
          <bgColor auto="1"/>
        </patternFill>
      </fill>
    </dxf>
    <dxf>
      <numFmt numFmtId="30" formatCode="@"/>
      <fill>
        <patternFill patternType="none">
          <fgColor indexed="64"/>
          <bgColor auto="1"/>
        </patternFill>
      </fill>
    </dxf>
    <dxf>
      <numFmt numFmtId="30" formatCode="@"/>
      <fill>
        <patternFill patternType="none">
          <fgColor indexed="64"/>
          <bgColor auto="1"/>
        </patternFill>
      </fill>
    </dxf>
    <dxf>
      <numFmt numFmtId="165" formatCode="yyyy\-mm\-dd;@"/>
    </dxf>
    <dxf>
      <numFmt numFmtId="30" formatCode="@"/>
    </dxf>
    <dxf>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dxf>
    <dxf>
      <fill>
        <patternFill patternType="none">
          <fgColor indexed="64"/>
          <bgColor auto="1"/>
        </patternFill>
      </fill>
    </dxf>
    <dxf>
      <numFmt numFmtId="30" formatCode="@"/>
      <fill>
        <patternFill patternType="none">
          <fgColor indexed="64"/>
          <bgColor auto="1"/>
        </patternFill>
      </fill>
    </dxf>
    <dxf>
      <numFmt numFmtId="30" formatCode="@"/>
      <fill>
        <patternFill patternType="none">
          <fgColor indexed="64"/>
          <bgColor auto="1"/>
        </patternFill>
      </fill>
    </dxf>
    <dxf>
      <numFmt numFmtId="165" formatCode="yyyy\-mm\-dd;@"/>
    </dxf>
    <dxf>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dxf>
    <dxf>
      <numFmt numFmtId="30" formatCode="@"/>
      <fill>
        <patternFill patternType="none">
          <fgColor indexed="64"/>
          <bgColor auto="1"/>
        </patternFill>
      </fill>
    </dxf>
    <dxf>
      <numFmt numFmtId="30" formatCode="@"/>
      <fill>
        <patternFill patternType="none">
          <fgColor indexed="64"/>
          <bgColor auto="1"/>
        </patternFill>
      </fill>
      <alignment horizontal="general" vertical="bottom" textRotation="0" wrapText="1" indent="0" justifyLastLine="0" shrinkToFit="0" readingOrder="0"/>
    </dxf>
    <dxf>
      <numFmt numFmtId="30" formatCode="@"/>
      <fill>
        <patternFill patternType="none">
          <fgColor indexed="64"/>
          <bgColor auto="1"/>
        </patternFill>
      </fill>
    </dxf>
    <dxf>
      <numFmt numFmtId="165" formatCode="yyyy\-mm\-dd;@"/>
    </dxf>
    <dxf>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dxf>
    <dxf>
      <numFmt numFmtId="30" formatCode="@"/>
      <fill>
        <patternFill patternType="none">
          <fgColor indexed="64"/>
          <bgColor auto="1"/>
        </patternFill>
      </fill>
    </dxf>
    <dxf>
      <numFmt numFmtId="30" formatCode="@"/>
      <fill>
        <patternFill patternType="none">
          <fgColor indexed="64"/>
          <bgColor auto="1"/>
        </patternFill>
      </fill>
    </dxf>
    <dxf>
      <numFmt numFmtId="30" formatCode="@"/>
      <fill>
        <patternFill patternType="none">
          <fgColor indexed="64"/>
          <bgColor auto="1"/>
        </patternFill>
      </fill>
      <alignment horizontal="left" vertical="bottom" textRotation="0" wrapText="0" indent="0" justifyLastLine="0" shrinkToFit="0" readingOrder="0"/>
    </dxf>
    <dxf>
      <numFmt numFmtId="165" formatCode="yyyy\-mm\-dd;@"/>
    </dxf>
    <dxf>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dxf>
    <dxf>
      <numFmt numFmtId="30" formatCode="@"/>
      <fill>
        <patternFill patternType="none">
          <fgColor indexed="64"/>
          <bgColor auto="1"/>
        </patternFill>
      </fill>
    </dxf>
    <dxf>
      <numFmt numFmtId="30" formatCode="@"/>
      <fill>
        <patternFill patternType="none">
          <fgColor indexed="64"/>
          <bgColor auto="1"/>
        </patternFill>
      </fill>
    </dxf>
    <dxf>
      <numFmt numFmtId="30" formatCode="@"/>
    </dxf>
    <dxf>
      <numFmt numFmtId="165" formatCode="yyyy\-mm\-dd;@"/>
      <alignment horizontal="left" vertical="bottom" textRotation="0" wrapText="0" indent="0" justifyLastLine="0" shrinkToFit="0" readingOrder="0"/>
    </dxf>
    <dxf>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alignment horizontal="left" vertical="bottom" textRotation="0" wrapText="1" indent="0" justifyLastLine="0" shrinkToFit="0" readingOrder="0"/>
    </dxf>
    <dxf>
      <font>
        <b val="0"/>
        <i val="0"/>
        <strike val="0"/>
        <condense val="0"/>
        <extend val="0"/>
        <outline val="0"/>
        <shadow val="0"/>
        <u val="none"/>
        <vertAlign val="baseline"/>
        <sz val="11"/>
        <color theme="1"/>
        <name val="Calibri"/>
        <family val="2"/>
        <scheme val="none"/>
      </font>
      <numFmt numFmtId="30" formatCode="@"/>
      <fill>
        <patternFill patternType="none">
          <fgColor indexed="64"/>
          <bgColor auto="1"/>
        </patternFill>
      </fill>
      <alignment horizontal="left" vertical="bottom" textRotation="0" wrapText="0" indent="0" justifyLastLine="0" shrinkToFit="0" readingOrder="0"/>
    </dxf>
    <dxf>
      <numFmt numFmtId="30" formatCode="@"/>
      <fill>
        <patternFill patternType="none">
          <fgColor indexed="64"/>
          <bgColor auto="1"/>
        </patternFill>
      </fill>
      <alignment horizontal="left" vertical="bottom" textRotation="0" wrapText="0" indent="0" justifyLastLine="0" shrinkToFit="0" readingOrder="0"/>
    </dxf>
    <dxf>
      <numFmt numFmtId="30" formatCode="@"/>
    </dxf>
    <dxf>
      <numFmt numFmtId="165" formatCode="yyyy\-mm\-dd;@"/>
      <alignment horizontal="left" vertical="bottom" textRotation="0" wrapText="0" indent="0" justifyLastLine="0" shrinkToFit="0" readingOrder="0"/>
    </dxf>
    <dxf>
      <numFmt numFmtId="30" formatCode="@"/>
    </dxf>
    <dxf>
      <font>
        <b val="0"/>
        <i val="0"/>
        <strike val="0"/>
        <condense val="0"/>
        <extend val="0"/>
        <outline val="0"/>
        <shadow val="0"/>
        <u val="none"/>
        <vertAlign val="baseline"/>
        <sz val="11"/>
        <color theme="1"/>
        <name val="Calibri"/>
        <family val="2"/>
        <scheme val="none"/>
      </font>
      <numFmt numFmtId="1" formatCode="0"/>
      <fill>
        <patternFill patternType="none">
          <fgColor indexed="64"/>
          <bgColor indexed="65"/>
        </patternFill>
      </fill>
    </dxf>
    <dxf>
      <numFmt numFmtId="30" formatCode="@"/>
      <alignment horizontal="left" vertical="bottom" textRotation="0" wrapText="0" indent="0" justifyLastLine="0" shrinkToFit="0" readingOrder="0"/>
    </dxf>
    <dxf>
      <border>
        <bottom style="thin">
          <color theme="0" tint="-0.14993743705557422"/>
        </bottom>
      </border>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theme="0" tint="-0.14993743705557422"/>
        </left>
        <right style="thin">
          <color theme="0" tint="-0.14993743705557422"/>
        </right>
        <top/>
        <bottom/>
        <vertical style="thin">
          <color theme="0" tint="-0.14993743705557422"/>
        </vertical>
        <horizontal/>
      </border>
    </dxf>
    <dxf>
      <numFmt numFmtId="30" formatCode="@"/>
    </dxf>
    <dxf>
      <numFmt numFmtId="165" formatCode="yyyy\-mm\-dd;@"/>
    </dxf>
    <dxf>
      <numFmt numFmtId="30" formatCode="@"/>
    </dxf>
    <dxf>
      <numFmt numFmtId="30" formatCode="@"/>
    </dxf>
    <dxf>
      <numFmt numFmtId="30" formatCode="@"/>
    </dxf>
    <dxf>
      <numFmt numFmtId="30" formatCode="@"/>
    </dxf>
    <dxf>
      <numFmt numFmtId="30" formatCode="@"/>
    </dxf>
    <dxf>
      <numFmt numFmtId="30" formatCode="@"/>
    </dxf>
    <dxf>
      <numFmt numFmtId="30" formatCode="@"/>
    </dxf>
    <dxf>
      <numFmt numFmtId="1" formatCode="0"/>
    </dxf>
    <dxf>
      <numFmt numFmtId="1" formatCode="0"/>
    </dxf>
    <dxf>
      <numFmt numFmtId="1" formatCode="0"/>
    </dxf>
    <dxf>
      <font>
        <b/>
        <i val="0"/>
        <strike val="0"/>
        <condense val="0"/>
        <extend val="0"/>
        <outline val="0"/>
        <shadow val="0"/>
        <u val="none"/>
        <vertAlign val="baseline"/>
        <sz val="11"/>
        <color theme="0"/>
        <name val="Calibri"/>
        <family val="2"/>
        <scheme val="none"/>
      </font>
      <fill>
        <patternFill patternType="solid">
          <fgColor indexed="64"/>
          <bgColor theme="1" tint="4.9989318521683403E-2"/>
        </patternFill>
      </fill>
    </dxf>
    <dxf>
      <numFmt numFmtId="30" formatCode="@"/>
    </dxf>
    <dxf>
      <numFmt numFmtId="30" formatCode="@"/>
      <alignment horizontal="left" vertical="bottom" textRotation="0" wrapText="0" indent="0" justifyLastLine="0" shrinkToFit="0" readingOrder="0"/>
    </dxf>
    <dxf>
      <numFmt numFmtId="30" formatCode="@"/>
    </dxf>
    <dxf>
      <numFmt numFmtId="30" formatCode="@"/>
    </dxf>
    <dxf>
      <numFmt numFmtId="165" formatCode="yyyy\-mm\-dd;@"/>
    </dxf>
    <dxf>
      <numFmt numFmtId="30" formatCode="@"/>
    </dxf>
    <dxf>
      <numFmt numFmtId="1" formatCode="0"/>
    </dxf>
    <dxf>
      <numFmt numFmtId="30" formatCode="@"/>
    </dxf>
    <dxf>
      <border>
        <bottom style="thin">
          <color theme="0" tint="-0.14993743705557422"/>
        </bottom>
      </border>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theme="0" tint="-0.14993743705557422"/>
        </left>
        <right style="thin">
          <color theme="0" tint="-0.14993743705557422"/>
        </right>
        <top/>
        <bottom/>
        <vertical style="thin">
          <color theme="0" tint="-0.14993743705557422"/>
        </vertical>
        <horizontal/>
      </border>
    </dxf>
    <dxf>
      <numFmt numFmtId="30" formatCode="@"/>
    </dxf>
    <dxf>
      <numFmt numFmtId="165" formatCode="yyyy\-mm\-dd;@"/>
    </dxf>
    <dxf>
      <numFmt numFmtId="30" formatCode="@"/>
    </dxf>
    <dxf>
      <numFmt numFmtId="30" formatCode="@"/>
    </dxf>
    <dxf>
      <numFmt numFmtId="30" formatCode="@"/>
    </dxf>
    <dxf>
      <numFmt numFmtId="30" formatCode="@"/>
    </dxf>
    <dxf>
      <numFmt numFmtId="30" formatCode="@"/>
    </dxf>
    <dxf>
      <numFmt numFmtId="30" formatCode="@"/>
    </dxf>
    <dxf>
      <numFmt numFmtId="30" formatCode="@"/>
    </dxf>
    <dxf>
      <numFmt numFmtId="1" formatCode="0"/>
    </dxf>
    <dxf>
      <numFmt numFmtId="1" formatCode="0"/>
    </dxf>
    <dxf>
      <numFmt numFmtId="1" formatCode="0"/>
    </dxf>
    <dxf>
      <font>
        <b/>
        <i val="0"/>
        <strike val="0"/>
        <condense val="0"/>
        <extend val="0"/>
        <outline val="0"/>
        <shadow val="0"/>
        <u val="none"/>
        <vertAlign val="baseline"/>
        <sz val="11"/>
        <color theme="1"/>
        <name val="Calibri"/>
        <family val="2"/>
        <scheme val="none"/>
      </font>
    </dxf>
    <dxf>
      <numFmt numFmtId="30" formatCode="@"/>
    </dxf>
    <dxf>
      <numFmt numFmtId="30" formatCode="@"/>
    </dxf>
    <dxf>
      <numFmt numFmtId="30" formatCode="@"/>
    </dxf>
    <dxf>
      <numFmt numFmtId="30" formatCode="@"/>
    </dxf>
    <dxf>
      <numFmt numFmtId="165" formatCode="yyyy\-mm\-dd;@"/>
    </dxf>
    <dxf>
      <numFmt numFmtId="30" formatCode="@"/>
    </dxf>
    <dxf>
      <font>
        <b val="0"/>
        <i val="0"/>
        <strike val="0"/>
        <condense val="0"/>
        <extend val="0"/>
        <outline val="0"/>
        <shadow val="0"/>
        <u val="none"/>
        <vertAlign val="baseline"/>
        <sz val="11"/>
        <color theme="10"/>
        <name val="Calibri"/>
        <family val="2"/>
        <scheme val="none"/>
      </font>
      <numFmt numFmtId="1" formatCode="0"/>
    </dxf>
    <dxf>
      <numFmt numFmtId="30" formatCode="@"/>
    </dxf>
    <dxf>
      <font>
        <b/>
        <i val="0"/>
        <strike val="0"/>
        <condense val="0"/>
        <extend val="0"/>
        <outline val="0"/>
        <shadow val="0"/>
        <u val="none"/>
        <vertAlign val="baseline"/>
        <sz val="11"/>
        <color theme="0"/>
        <name val="Calibri"/>
        <family val="2"/>
        <scheme val="minor"/>
      </font>
      <numFmt numFmtId="30" formatCode="@"/>
      <fill>
        <patternFill patternType="solid">
          <fgColor indexed="64"/>
          <bgColor theme="1"/>
        </patternFill>
      </fill>
      <alignment horizontal="left" vertical="center" textRotation="0" wrapText="1" indent="0" justifyLastLine="0" shrinkToFit="0" readingOrder="0"/>
      <border diagonalUp="0" diagonalDown="0">
        <left style="thin">
          <color rgb="FFCCCCCC"/>
        </left>
        <right style="thin">
          <color rgb="FFCCCCCC"/>
        </right>
        <top/>
        <bottom/>
      </border>
    </dxf>
    <dxf>
      <numFmt numFmtId="30" formatCode="@"/>
      <alignment horizontal="general" vertical="bottom" textRotation="0" wrapText="0" indent="0" justifyLastLine="0" shrinkToFit="0" readingOrder="0"/>
    </dxf>
    <dxf>
      <numFmt numFmtId="165" formatCode="yyyy\-mm\-dd;@"/>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1" formatCode="0"/>
      <alignment horizontal="general" vertical="bottom" textRotation="0" wrapText="0" indent="0" justifyLastLine="0" shrinkToFit="0" readingOrder="0"/>
    </dxf>
    <dxf>
      <numFmt numFmtId="1" formatCode="0"/>
      <alignment horizontal="general" vertical="bottom" textRotation="0" wrapText="0" indent="0" justifyLastLine="0" shrinkToFit="0" readingOrder="0"/>
    </dxf>
    <dxf>
      <numFmt numFmtId="1" formatCode="0"/>
      <alignment horizontal="general" vertical="bottom" textRotation="0" wrapText="0" indent="0" justifyLastLine="0" shrinkToFit="0" readingOrder="0"/>
    </dxf>
    <dxf>
      <alignment horizontal="general"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general" vertical="bottom" textRotation="0" wrapText="0" indent="0" justifyLastLine="0" shrinkToFit="0" readingOrder="0"/>
    </dxf>
    <dxf>
      <numFmt numFmtId="164" formatCode="[$-409]d\-mmm\-yyyy;@"/>
    </dxf>
    <dxf>
      <font>
        <b/>
        <i val="0"/>
        <strike val="0"/>
        <outline val="0"/>
        <shadow val="0"/>
        <u val="none"/>
        <vertAlign val="baseline"/>
        <sz val="11"/>
        <color theme="0"/>
        <name val="Calibri"/>
        <family val="2"/>
        <scheme val="none"/>
      </font>
      <fill>
        <patternFill patternType="solid">
          <fgColor indexed="64"/>
          <bgColor theme="1"/>
        </patternFill>
      </fill>
    </dxf>
    <dxf>
      <numFmt numFmtId="30" formatCode="@"/>
    </dxf>
    <dxf>
      <numFmt numFmtId="30" formatCode="@"/>
    </dxf>
    <dxf>
      <numFmt numFmtId="30" formatCode="@"/>
    </dxf>
    <dxf>
      <numFmt numFmtId="30" formatCode="@"/>
      <fill>
        <patternFill patternType="none">
          <fgColor indexed="64"/>
          <bgColor auto="1"/>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4.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0</xdr:col>
      <xdr:colOff>66674</xdr:colOff>
      <xdr:row>14</xdr:row>
      <xdr:rowOff>0</xdr:rowOff>
    </xdr:from>
    <xdr:to>
      <xdr:col>1</xdr:col>
      <xdr:colOff>5895974</xdr:colOff>
      <xdr:row>25</xdr:row>
      <xdr:rowOff>0</xdr:rowOff>
    </xdr:to>
    <xdr:sp macro="" textlink="">
      <xdr:nvSpPr>
        <xdr:cNvPr id="6" name="TextBox 1">
          <a:extLst>
            <a:ext uri="{FF2B5EF4-FFF2-40B4-BE49-F238E27FC236}">
              <a16:creationId xmlns:a16="http://schemas.microsoft.com/office/drawing/2014/main" id="{4D7827B2-1F3B-C1A9-BC0D-407402559F8A}"/>
            </a:ext>
          </a:extLst>
        </xdr:cNvPr>
        <xdr:cNvSpPr txBox="1"/>
      </xdr:nvSpPr>
      <xdr:spPr>
        <a:xfrm>
          <a:off x="66674" y="2476500"/>
          <a:ext cx="7648575" cy="20955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b="1"/>
            <a:t>Notes:</a:t>
          </a:r>
        </a:p>
        <a:p>
          <a:endParaRPr lang="en-US" sz="1100"/>
        </a:p>
        <a:p>
          <a:r>
            <a:rPr lang="en-US" sz="1100"/>
            <a:t>To check if your</a:t>
          </a:r>
          <a:r>
            <a:rPr lang="en-US" sz="1100" baseline="0"/>
            <a:t> SQL version has latest security updates</a:t>
          </a:r>
        </a:p>
        <a:p>
          <a:r>
            <a:rPr lang="en-US" sz="1100" baseline="0"/>
            <a:t>1. Navigate to the tab that corresponds to your SQL version.</a:t>
          </a:r>
        </a:p>
        <a:p>
          <a:r>
            <a:rPr lang="en-US" sz="1100" baseline="0"/>
            <a:t>2. Check if there is any GDR build that is greater than your version. If it does exist, then it implies that you do not have latest security updates. Otherwise, your SQL server build includes latest security updates.</a:t>
          </a:r>
        </a:p>
        <a:p>
          <a:endParaRPr lang="en-US" sz="1100" baseline="0"/>
        </a:p>
        <a:p>
          <a:r>
            <a:rPr lang="en-US" sz="1100" baseline="0"/>
            <a:t>For example, if your SQL instance is SQL Server 2019 and its build version is </a:t>
          </a:r>
          <a:r>
            <a:rPr lang="en-US" sz="1100" b="0" i="0" u="none" strike="noStrike">
              <a:solidFill>
                <a:schemeClr val="dk1"/>
              </a:solidFill>
              <a:effectLst/>
              <a:latin typeface="+mn-lt"/>
              <a:ea typeface="+mn-ea"/>
              <a:cs typeface="+mn-cs"/>
            </a:rPr>
            <a:t>15.0.4223.1 (CU16),</a:t>
          </a:r>
          <a:r>
            <a:rPr lang="en-US" sz="1100" b="0" i="0" u="none" strike="noStrike" baseline="0">
              <a:solidFill>
                <a:schemeClr val="dk1"/>
              </a:solidFill>
              <a:effectLst/>
              <a:latin typeface="+mn-lt"/>
              <a:ea typeface="+mn-ea"/>
              <a:cs typeface="+mn-cs"/>
            </a:rPr>
            <a:t> you can see that there are two builds higher than this build: </a:t>
          </a:r>
          <a:r>
            <a:rPr lang="en-US" sz="1100" b="0" i="0" u="none" strike="noStrike">
              <a:solidFill>
                <a:schemeClr val="dk1"/>
              </a:solidFill>
              <a:effectLst/>
              <a:latin typeface="+mn-lt"/>
              <a:ea typeface="+mn-ea"/>
              <a:cs typeface="+mn-cs"/>
            </a:rPr>
            <a:t>15.0.4236.7</a:t>
          </a:r>
          <a:r>
            <a:rPr lang="en-US"/>
            <a:t>  (CU16</a:t>
          </a:r>
          <a:r>
            <a:rPr lang="en-US" baseline="0"/>
            <a:t> + GDR) </a:t>
          </a:r>
          <a:r>
            <a:rPr lang="en-US"/>
            <a:t>and </a:t>
          </a:r>
          <a:r>
            <a:rPr lang="en-US" sz="1100" b="0" i="0" u="none" strike="noStrike">
              <a:solidFill>
                <a:schemeClr val="dk1"/>
              </a:solidFill>
              <a:effectLst/>
              <a:latin typeface="+mn-lt"/>
              <a:ea typeface="+mn-ea"/>
              <a:cs typeface="+mn-cs"/>
            </a:rPr>
            <a:t>15.0.4249.2</a:t>
          </a:r>
          <a:r>
            <a:rPr lang="en-US"/>
            <a:t> (CU17).</a:t>
          </a:r>
          <a:r>
            <a:rPr lang="en-US" baseline="0"/>
            <a:t> This implies that your SQL Server instance does not have latest security build - to get to the latest security build you should update your instance to CU16 + GDR. You can also go to latest CU - CU17 (recommended) as it also includes latest fixes and also latest security updates (as there are no GDR rows higher than this build)</a:t>
          </a:r>
        </a:p>
        <a:p>
          <a:endParaRPr lang="en-US" sz="1100" baseline="0"/>
        </a:p>
        <a:p>
          <a:endParaRPr lang="en-US" sz="1100"/>
        </a:p>
      </xdr:txBody>
    </xdr:sp>
    <xdr:clientData/>
  </xdr:twoCellAnchor>
</xdr:wsDr>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6" xr:uid="{90010615-6780-4D22-961F-4CE9B3476D84}" name="Table6" displayName="Table6" ref="A1:B10" totalsRowShown="0" headerRowDxfId="127" dataDxfId="126">
  <autoFilter ref="A1:B10" xr:uid="{90010615-6780-4D22-961F-4CE9B3476D84}"/>
  <tableColumns count="2">
    <tableColumn id="1" xr3:uid="{5D7F13ED-9A28-462B-BEBD-EB68E70D3496}" name="Version" dataDxfId="125"/>
    <tableColumn id="2" xr3:uid="{F3886A49-B0CD-43CE-AFE0-A70E2FB2E4BE}" name="Link to Lifecyle page" dataDxfId="124" dataCellStyle="Hyperlink"/>
  </tableColumns>
  <tableStyleInfo name="TableStyleLight8" showFirstColumn="0" showLastColumn="0" showRowStripes="1" showColumnStripes="0"/>
</table>
</file>

<file path=xl/tables/table10.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9" xr:uid="{F9D5D69A-07FA-41CB-AE05-C909F9F568FD}" name="SQL2012Builds" displayName="SQL2012Builds" ref="A1:H75" totalsRowShown="0" headerRowDxfId="44">
  <autoFilter ref="A1:H75" xr:uid="{F9D5D69A-07FA-41CB-AE05-C909F9F568FD}"/>
  <sortState xmlns:xlrd2="http://schemas.microsoft.com/office/spreadsheetml/2017/richdata2" ref="A2:H75">
    <sortCondition descending="1" ref="D1:D75"/>
  </sortState>
  <tableColumns count="8">
    <tableColumn id="1" xr3:uid="{E8E2200E-94FC-4175-8D9D-0A4D45ADAB1A}" name="Build Number" dataDxfId="43"/>
    <tableColumn id="2" xr3:uid="{4AE16AF8-E436-4359-AA5B-4136CE4DD0A6}" name="KB Number" dataDxfId="42"/>
    <tableColumn id="3" xr3:uid="{A69CD00B-0A0C-46C8-8EFC-3B3FC1B0AC5C}" name="KB URL" dataCellStyle="Hyperlink"/>
    <tableColumn id="4" xr3:uid="{CC1C7BE4-507C-45B8-B9E7-1EAB66D34E2F}" name="Release Date" dataDxfId="41"/>
    <tableColumn id="5" xr3:uid="{75C3E63C-BD15-4746-8EF6-06863513D2EF}" name="Service Pack Level" dataDxfId="40"/>
    <tableColumn id="6" xr3:uid="{EB91B08F-AFDA-4F4A-8375-4218EDE1167A}" name="Cumulative Update or Security ID" dataDxfId="39" dataCellStyle="Hyperlink"/>
    <tableColumn id="7" xr3:uid="{AC54E9AF-5582-4AA1-A06A-E40748E43F88}" name="Servicing Model" dataDxfId="38"/>
    <tableColumn id="8" xr3:uid="{E247320D-1ABB-4074-AFF0-EFD9045D6DB8}" name="Notes" dataDxfId="37"/>
  </tableColumns>
  <tableStyleInfo showFirstColumn="0" showLastColumn="0" showRowStripes="1" showColumnStripes="0"/>
</table>
</file>

<file path=xl/tables/table1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0" xr:uid="{8323AA3F-A5D4-4DC2-BFBF-88244CFB89B3}" name="SQL2008R2builds" displayName="SQL2008R2builds" ref="A1:H57" totalsRowShown="0" headerRowDxfId="36">
  <autoFilter ref="A1:H57" xr:uid="{8323AA3F-A5D4-4DC2-BFBF-88244CFB89B3}"/>
  <sortState xmlns:xlrd2="http://schemas.microsoft.com/office/spreadsheetml/2017/richdata2" ref="A2:H57">
    <sortCondition descending="1" ref="D1:D57"/>
  </sortState>
  <tableColumns count="8">
    <tableColumn id="1" xr3:uid="{BAF39ADB-1882-495E-87BB-AD85679CBA23}" name="Build Number" dataDxfId="35"/>
    <tableColumn id="2" xr3:uid="{CF5FFA50-D10A-4246-87D1-12949399AA9D}" name="KB Number" dataDxfId="34"/>
    <tableColumn id="3" xr3:uid="{79802E5A-900E-460E-9C6F-D76855BC9262}" name="KB URL" dataCellStyle="Hyperlink"/>
    <tableColumn id="4" xr3:uid="{039E91C9-E2FF-4C5D-92E2-3749D05CE67A}" name="Release Date" dataDxfId="33"/>
    <tableColumn id="5" xr3:uid="{66DB5C75-FC96-46CC-B79B-B64652E779BF}" name="Service Pack Level" dataDxfId="32"/>
    <tableColumn id="6" xr3:uid="{549952F7-A469-4842-A847-ADE3B9508462}" name="Cumulative Update or Security ID" dataDxfId="31"/>
    <tableColumn id="7" xr3:uid="{159A22CF-1278-4D26-9AAF-F0B61286AC88}" name="Servicing Model" dataDxfId="30"/>
    <tableColumn id="8" xr3:uid="{CFC9A4F9-7734-456C-B463-83A1BFD305C5}" name="Notes" dataDxfId="29"/>
  </tableColumns>
  <tableStyleInfo showFirstColumn="0" showLastColumn="0" showRowStripes="1" showColumnStripes="0"/>
</table>
</file>

<file path=xl/tables/table1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1" xr:uid="{A157DF87-DE5B-49B4-9929-7BD929D80385}" name="SQL2008Builds" displayName="SQL2008Builds" ref="A1:H77" totalsRowShown="0" headerRowDxfId="28">
  <autoFilter ref="A1:H77" xr:uid="{A157DF87-DE5B-49B4-9929-7BD929D80385}"/>
  <sortState xmlns:xlrd2="http://schemas.microsoft.com/office/spreadsheetml/2017/richdata2" ref="A2:H77">
    <sortCondition descending="1" ref="A1:A77"/>
  </sortState>
  <tableColumns count="8">
    <tableColumn id="1" xr3:uid="{4C04CA87-055B-4874-BD2E-EC0D02B759D0}" name="Build Number" dataDxfId="27"/>
    <tableColumn id="2" xr3:uid="{762DB5DD-263A-416C-8BD2-1768088C970D}" name="KB Number" dataDxfId="26"/>
    <tableColumn id="3" xr3:uid="{05EB09FE-BB2E-40FB-A483-9082E4BB16C6}" name="KB URL" dataCellStyle="Hyperlink"/>
    <tableColumn id="4" xr3:uid="{2B79289A-0861-4F08-B079-E0959EA00BF9}" name="Release Date" dataDxfId="25"/>
    <tableColumn id="5" xr3:uid="{C1D3B223-1624-4EFB-BF9B-B6D65F4347E8}" name="Service Pack Level" dataDxfId="24"/>
    <tableColumn id="6" xr3:uid="{C1CC36FD-0316-456B-85F1-E485C0013B3E}" name="Cumulative Update or Security ID" dataDxfId="23"/>
    <tableColumn id="7" xr3:uid="{D94DEFD3-1C46-4A53-AA0D-A2F18719484A}" name="Servicing Model" dataDxfId="22"/>
    <tableColumn id="8" xr3:uid="{1FC02C5C-B1E1-40AF-B084-EADFB2FB6F10}" name="Notes" dataDxfId="21"/>
  </tableColumns>
  <tableStyleInfo showFirstColumn="0" showLastColumn="0" showRowStripes="1" showColumnStripes="0"/>
</table>
</file>

<file path=xl/tables/table1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2" xr:uid="{F9603678-9FE6-4221-ACD3-A0AADF84D832}" name="SQL2005Builds" displayName="SQL2005Builds" ref="A1:H58" totalsRowShown="0" headerRowDxfId="20">
  <autoFilter ref="A1:H58" xr:uid="{F9603678-9FE6-4221-ACD3-A0AADF84D832}"/>
  <sortState xmlns:xlrd2="http://schemas.microsoft.com/office/spreadsheetml/2017/richdata2" ref="A2:H58">
    <sortCondition descending="1" ref="D1:D58"/>
  </sortState>
  <tableColumns count="8">
    <tableColumn id="1" xr3:uid="{353A9C59-5E7F-4487-BD50-B47DCC82E051}" name="Build Number" dataDxfId="19"/>
    <tableColumn id="2" xr3:uid="{EB8BFD18-7F11-44D6-9AE5-FB23FF13A4C3}" name="KB Number" dataDxfId="18"/>
    <tableColumn id="3" xr3:uid="{671CF8CF-13E3-4BD5-89E1-D4C18FA3B1DD}" name="KB URL" dataDxfId="17" dataCellStyle="Hyperlink"/>
    <tableColumn id="4" xr3:uid="{81FEC79B-BD3F-4969-8BC9-03E128A2E525}" name="Release Date" dataDxfId="16"/>
    <tableColumn id="5" xr3:uid="{75099191-9B5F-4D3B-AE9B-9A10468B7F89}" name="Service Pack Level" dataDxfId="15"/>
    <tableColumn id="6" xr3:uid="{136EF40B-0833-48C7-A6FE-CE69DD742052}" name="Cumulative Update or Security ID" dataDxfId="14"/>
    <tableColumn id="7" xr3:uid="{380E0C49-4BAC-47BF-B669-8034D3BBC82F}" name="Servicing Model" dataDxfId="13"/>
    <tableColumn id="8" xr3:uid="{26DA3A14-47A2-49BB-BE86-12B1F9F8D679}" name="Notes" dataDxfId="12"/>
  </tableColumns>
  <tableStyleInfo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BA41AA63-21E9-42BF-A2C4-8DF7C5CAD899}" name="SQL2022Builds" displayName="SQL2022Builds" ref="A1:H25" totalsRowShown="0" headerRowDxfId="123">
  <autoFilter ref="A1:H25" xr:uid="{BA41AA63-21E9-42BF-A2C4-8DF7C5CAD899}"/>
  <tableColumns count="8">
    <tableColumn id="1" xr3:uid="{E3660855-BA0B-41AA-801B-23C9777AF187}" name="Build Number"/>
    <tableColumn id="2" xr3:uid="{D16875AF-5406-46EB-8128-C8D1D77A39D8}" name="KB Number"/>
    <tableColumn id="3" xr3:uid="{A28050F1-0CE5-4D23-AA3D-241190E65680}" name="KB URL" dataDxfId="122">
      <calculatedColumnFormula>HYPERLINK("https://support.microsoft.com/kb/"&amp;B2)</calculatedColumnFormula>
    </tableColumn>
    <tableColumn id="4" xr3:uid="{123E5CEE-8981-4562-AD25-B571C174EE90}" name="Release Date"/>
    <tableColumn id="5" xr3:uid="{7B4C40A9-62B7-45A7-B064-F6070FFBFEF0}" name="Service Pack Level"/>
    <tableColumn id="6" xr3:uid="{2C8CCDC9-C378-4994-8B40-7AFED3865EEA}" name="Cumulative Update or Security ID"/>
    <tableColumn id="7" xr3:uid="{0A981AA8-A439-49E5-BE2D-E2BCC3979B79}" name="Servicing Model"/>
    <tableColumn id="8" xr3:uid="{B8BC9C1E-5157-4C3F-A147-D2AB0F6DA10F}" name="Notes"/>
  </tableColumns>
  <tableStyleInfo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3" xr:uid="{3284AF1B-8FC9-4F00-B7F1-1AF50E7D2751}" name="Table13" displayName="Table13" ref="A1:L3439" totalsRowShown="0" headerRowDxfId="121" dataDxfId="120">
  <autoFilter ref="A1:L3439" xr:uid="{A548AC57-DBBC-4BDF-89F2-51F8BCFCC54F}"/>
  <tableColumns count="12">
    <tableColumn id="1" xr3:uid="{D1C49A85-70F7-401E-94D9-FD0D266B6971}" name="ADO_ID" dataDxfId="119"/>
    <tableColumn id="2" xr3:uid="{A0E11E6D-E84B-4517-A69F-E4E017C50878}" name="KB Article" dataDxfId="118"/>
    <tableColumn id="3" xr3:uid="{BEE4C966-2C4C-4198-88CE-1FEA9758872D}" name="KB URL" dataDxfId="117" dataCellStyle="Hyperlink"/>
    <tableColumn id="4" xr3:uid="{2CDA7B2C-F3E7-4378-AA1F-E8CA4DCC7726}" name="Description" dataDxfId="116"/>
    <tableColumn id="5" xr3:uid="{B47F1284-FDD4-43C9-B958-E550013AD426}" name="Feature" dataDxfId="115"/>
    <tableColumn id="6" xr3:uid="{104888BA-4E67-4B9C-BA57-95FB6E1E6DBB}" name="Component" dataDxfId="114"/>
    <tableColumn id="7" xr3:uid="{7D3F6EE1-31AF-4EE2-8B3F-4469BAD6127D}" name="Platform" dataDxfId="113"/>
    <tableColumn id="8" xr3:uid="{0549EC7F-C648-448C-9313-2DCFDA53AFCD}" name="Version" dataDxfId="112"/>
    <tableColumn id="9" xr3:uid="{DB65791D-BD50-4E7A-8092-04D4891AB540}" name="UpdateType" dataDxfId="111"/>
    <tableColumn id="10" xr3:uid="{BB448848-F01C-4AF9-A7BA-55981DA71516}" name="Update" dataDxfId="110"/>
    <tableColumn id="11" xr3:uid="{B8A1AFCA-F141-4933-8D71-33502989CAB6}" name="Release Date" dataDxfId="109"/>
    <tableColumn id="12" xr3:uid="{31B8B888-EB34-4255-B76F-D415E8364496}" name="Fix Build" dataDxfId="108"/>
  </tableColumns>
  <tableStyleInfo name="TableStyleLight8" showFirstColumn="0" showLastColumn="0" showRowStripes="1" showColumnStripes="0"/>
</table>
</file>

<file path=xl/tables/table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ED61C75B-FDBA-4B77-BEE2-8C47482B03AA}" name="SQL2019Builds" displayName="SQL2019Builds" ref="A1:H43" totalsRowShown="0" headerRowDxfId="107">
  <autoFilter ref="A1:H43" xr:uid="{1E0620B1-EC92-4DB8-B710-366ECEB0CA4B}"/>
  <sortState xmlns:xlrd2="http://schemas.microsoft.com/office/spreadsheetml/2017/richdata2" ref="A2:H43">
    <sortCondition descending="1" ref="D21:D43"/>
  </sortState>
  <tableColumns count="8">
    <tableColumn id="1" xr3:uid="{C45C9559-1FEF-4552-96EF-450519FC9A33}" name="Build Number" dataDxfId="106"/>
    <tableColumn id="13" xr3:uid="{010C9314-FE9A-4157-9332-CD13E77504A6}" name="KB Number" dataDxfId="105" dataCellStyle="Hyperlink"/>
    <tableColumn id="3" xr3:uid="{7E025F49-DFF1-43A9-AC2F-004226E207EF}" name="KB URL" dataDxfId="104" dataCellStyle="Hyperlink">
      <calculatedColumnFormula>HYPERLINK("https://support.microsoft.com/kb/"&amp;B1,B1)</calculatedColumnFormula>
    </tableColumn>
    <tableColumn id="4" xr3:uid="{18450ACE-6E78-464F-8AF7-0A26FF59AE00}" name="Release Date" dataDxfId="103"/>
    <tableColumn id="11" xr3:uid="{72784718-E247-4537-B292-98B50FB51498}" name="Service Pack Level" dataDxfId="102"/>
    <tableColumn id="5" xr3:uid="{E5B410AF-46AF-483F-91F2-138D473C6393}" name="Cumulative Update or Security ID" dataDxfId="101"/>
    <tableColumn id="6" xr3:uid="{7DB43831-9AAC-45A9-BA23-ADC81B76665E}" name="Servicing Model" dataDxfId="100"/>
    <tableColumn id="10" xr3:uid="{E576664C-B375-483B-9A81-3EB2251402A3}" name="Notes" dataDxfId="99"/>
  </tableColumns>
  <tableStyleInfo showFirstColumn="0" showLastColumn="0" showRowStripes="1" showColumnStripes="0"/>
</table>
</file>

<file path=xl/tables/table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AEEB81D0-4BAD-44D9-BA49-16BDCDC8F849}" name="SQL2019DetailedFixList" displayName="SQL2019DetailedFixList" ref="A1:L1329" totalsRowShown="0" headerRowDxfId="98">
  <autoFilter ref="A1:L1329" xr:uid="{A4366782-3F02-4C5C-817F-87FEA2AB332E}"/>
  <sortState xmlns:xlrd2="http://schemas.microsoft.com/office/spreadsheetml/2017/richdata2" ref="A2:L1329">
    <sortCondition descending="1" ref="K1:K1329"/>
  </sortState>
  <tableColumns count="12">
    <tableColumn id="1" xr3:uid="{17C9DB6F-57AC-4576-84A0-479A93F4A503}" name="VSTS_ID" dataDxfId="97"/>
    <tableColumn id="2" xr3:uid="{8BF88233-6A96-4769-8648-C32901CAFBD8}" name="KB Article" dataDxfId="96"/>
    <tableColumn id="12" xr3:uid="{3B5D1093-98DB-45C5-8ECE-E8917D01FCD3}" name="KB URL" dataDxfId="95" dataCellStyle="Hyperlink">
      <calculatedColumnFormula>HYPERLINK("https://support.microsoft.com/kb/"&amp;B2)</calculatedColumnFormula>
    </tableColumn>
    <tableColumn id="3" xr3:uid="{DCE90589-C680-4F49-B0A4-3B8E9F93BF11}" name="Description" dataDxfId="94"/>
    <tableColumn id="4" xr3:uid="{BA7F2DD8-BDBE-4E44-A312-3A2E2C4EAEAA}" name="Feature" dataDxfId="93"/>
    <tableColumn id="5" xr3:uid="{DAEAEF7B-0773-42FB-B63A-EEEC18C570A0}" name="Component" dataDxfId="92"/>
    <tableColumn id="6" xr3:uid="{222D9699-A285-4843-8BC0-F4DAD54F0E84}" name="Platform" dataDxfId="91"/>
    <tableColumn id="7" xr3:uid="{0617A08A-FA34-4FDF-A498-1F17DA1FD8C2}" name="Version" dataDxfId="90"/>
    <tableColumn id="8" xr3:uid="{A66B1F1C-840E-48B7-9535-33A51A9165BD}" name="UpdateType" dataDxfId="89"/>
    <tableColumn id="9" xr3:uid="{A88A2397-C8D6-4743-8704-87901899B7F9}" name="Update" dataDxfId="88"/>
    <tableColumn id="10" xr3:uid="{E712CC31-AA9B-4682-AD4B-C978C19EC37D}" name="Release Date" dataDxfId="87"/>
    <tableColumn id="11" xr3:uid="{868508EB-9980-4247-A9CA-DF757D36493D}" name="Fix Build" dataDxfId="86"/>
  </tableColumns>
  <tableStyleInfo name="TableStyleLight8" showFirstColumn="0" showLastColumn="0" showRowStripes="1" showColumnStripes="0"/>
</table>
</file>

<file path=xl/tables/table6.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7" xr:uid="{793809CC-36F6-429C-88FC-DEAA2EFA3AB1}" name="SQL2017Builds" displayName="SQL2017Builds" ref="A1:H51" totalsRowShown="0" headerRowDxfId="85" headerRowBorderDxfId="84">
  <autoFilter ref="A1:H51" xr:uid="{793809CC-36F6-429C-88FC-DEAA2EFA3AB1}"/>
  <tableColumns count="8">
    <tableColumn id="1" xr3:uid="{D86B4B6F-A119-48A1-8086-BF7722701DCB}" name="Build Number" dataDxfId="83"/>
    <tableColumn id="2" xr3:uid="{43335060-9D17-4D11-83BE-74EDD081A67F}" name="KB Number" dataDxfId="82"/>
    <tableColumn id="3" xr3:uid="{1185B6A9-EADC-4021-BFC5-35C8332A3583}" name="KB URL" dataDxfId="81" dataCellStyle="Hyperlink"/>
    <tableColumn id="4" xr3:uid="{A9A3ED2F-4235-4ED4-83A4-268563F251E9}" name="Release Date" dataDxfId="80"/>
    <tableColumn id="5" xr3:uid="{13C830EC-E1B9-4795-8A0A-588EB102C63B}" name="Service Pack Level" dataDxfId="79"/>
    <tableColumn id="6" xr3:uid="{79660111-94FA-4D22-89CC-4A452EF8A9F3}" name="Cumulative Update or Security ID" dataDxfId="78"/>
    <tableColumn id="7" xr3:uid="{869CADE4-F1B0-422E-B12E-EC59DCB85140}" name="Servicing Model" dataDxfId="77"/>
    <tableColumn id="8" xr3:uid="{EC33A406-AD09-40C8-BC13-619021C064FC}" name="Notes" dataDxfId="76"/>
  </tableColumns>
  <tableStyleInfo showFirstColumn="0" showLastColumn="0" showRowStripes="1" showColumnStripes="0"/>
</table>
</file>

<file path=xl/tables/table7.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9075CF81-1907-4F5F-BCE8-3BC6BED08060}" name="SQL2017DetaileFixList" displayName="SQL2017DetaileFixList" ref="A1:L934" totalsRowShown="0" headerRowDxfId="75">
  <autoFilter ref="A1:L934" xr:uid="{CD969B73-46EB-4A8E-9998-5ACBA3ED7561}"/>
  <sortState xmlns:xlrd2="http://schemas.microsoft.com/office/spreadsheetml/2017/richdata2" ref="A2:L934">
    <sortCondition descending="1" ref="K1:K934"/>
  </sortState>
  <tableColumns count="12">
    <tableColumn id="1" xr3:uid="{90F197C0-ED67-48EB-993B-AEFA3A59F2B6}" name="VSTS_ID" dataDxfId="74"/>
    <tableColumn id="2" xr3:uid="{C46C04DF-9C6D-45ED-BA94-CEECE16C4921}" name="KB Article" dataDxfId="73"/>
    <tableColumn id="12" xr3:uid="{F3A34917-6821-4A37-A65A-2C5850616A34}" name="KB URL" dataDxfId="72">
      <calculatedColumnFormula>HYPERLINK("https://support.microsoft.com/kb/"&amp;B2)</calculatedColumnFormula>
    </tableColumn>
    <tableColumn id="3" xr3:uid="{8905EFA1-0917-44C6-9B81-E749555E6A93}" name="Description" dataDxfId="71"/>
    <tableColumn id="4" xr3:uid="{D4480EDC-FEDE-4E97-8013-239C2612C9B8}" name="Feature" dataDxfId="70"/>
    <tableColumn id="5" xr3:uid="{0D64B6BD-91EE-421E-9721-7A7A896481C9}" name="Component" dataDxfId="69"/>
    <tableColumn id="6" xr3:uid="{3CF57400-5C45-4994-9AB5-390709A803AE}" name="Platform" dataDxfId="68"/>
    <tableColumn id="7" xr3:uid="{0065CD82-136D-4FB1-9EA8-37303487E978}" name="Version" dataDxfId="67"/>
    <tableColumn id="8" xr3:uid="{9EB2878F-8F55-4A29-BB3E-DE90139A537A}" name="UpdateType" dataDxfId="66"/>
    <tableColumn id="9" xr3:uid="{5846539D-8033-4A52-84F8-10586317DCD1}" name="Update" dataDxfId="65"/>
    <tableColumn id="10" xr3:uid="{E36ECF66-2F94-495C-A9B2-5B92D9F4DEA3}" name="Release Date" dataDxfId="64"/>
    <tableColumn id="11" xr3:uid="{34DA9362-310B-49C0-A58B-41D36A6BEAD9}" name="Fix Build" dataDxfId="63"/>
  </tableColumns>
  <tableStyleInfo showFirstColumn="0" showLastColumn="0" showRowStripes="1" showColumnStripes="0"/>
</table>
</file>

<file path=xl/tables/table8.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5" xr:uid="{F07C30CB-9FB4-4C6A-9298-17A2ACDBFCE8}" name="SQL2016Builds" displayName="SQL2016Builds" ref="A1:H78" totalsRowShown="0" headerRowDxfId="62" headerRowBorderDxfId="61">
  <autoFilter ref="A1:H78" xr:uid="{F07C30CB-9FB4-4C6A-9298-17A2ACDBFCE8}"/>
  <sortState xmlns:xlrd2="http://schemas.microsoft.com/office/spreadsheetml/2017/richdata2" ref="A2:H78">
    <sortCondition descending="1" ref="D1:D78"/>
  </sortState>
  <tableColumns count="8">
    <tableColumn id="1" xr3:uid="{F27D0776-26BD-4FFF-A9D6-F722F284C0B4}" name="Build Number" dataDxfId="60"/>
    <tableColumn id="2" xr3:uid="{CA12329D-EBA0-4F87-8429-3CA469233130}" name="KB Number" dataDxfId="59"/>
    <tableColumn id="3" xr3:uid="{206D75ED-1FF8-49B1-ACBE-086D97FC1B91}" name="KB URL" dataDxfId="58" dataCellStyle="Hyperlink"/>
    <tableColumn id="4" xr3:uid="{4EC71507-32FA-41BF-8A78-AB8B4CE2C6EB}" name="Release Date" dataDxfId="57"/>
    <tableColumn id="5" xr3:uid="{D5F64064-D5AD-4E7C-83C2-83BB06D536F8}" name="Service Pack Level" dataDxfId="56"/>
    <tableColumn id="6" xr3:uid="{637BCD5E-3160-4E14-B677-9C8CD12F08C3}" name="Cumulative Update or Security ID" dataDxfId="55"/>
    <tableColumn id="7" xr3:uid="{1A6D1D87-C646-4544-BB93-4D6FC86CD52D}" name="Servicing Model" dataDxfId="54"/>
    <tableColumn id="8" xr3:uid="{DD61C0CB-5E75-468B-BCC8-226E64431BE7}" name="Notes" dataDxfId="53"/>
  </tableColumns>
  <tableStyleInfo showFirstColumn="0" showLastColumn="0" showRowStripes="1" showColumnStripes="0"/>
</table>
</file>

<file path=xl/tables/table9.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8" xr:uid="{17C75182-B15D-4852-A166-B53226096AA8}" name="SQL2014Builds" displayName="SQL2014Builds" ref="A1:H80" totalsRowShown="0" headerRowDxfId="52">
  <autoFilter ref="A1:H80" xr:uid="{17C75182-B15D-4852-A166-B53226096AA8}"/>
  <sortState xmlns:xlrd2="http://schemas.microsoft.com/office/spreadsheetml/2017/richdata2" ref="A2:H80">
    <sortCondition descending="1" ref="D1:D80"/>
  </sortState>
  <tableColumns count="8">
    <tableColumn id="1" xr3:uid="{89DCB8FB-48E7-4ECA-A60E-7ABF5F95AB12}" name="Build Number" dataDxfId="51"/>
    <tableColumn id="2" xr3:uid="{6D9C9029-003B-4881-8FAF-3B4538AA6580}" name="KB Number" dataDxfId="50"/>
    <tableColumn id="3" xr3:uid="{813D61A0-7924-47E7-B50C-2FD112D897B3}" name="KB URL" dataCellStyle="Hyperlink"/>
    <tableColumn id="4" xr3:uid="{3DDFF8DA-F815-43EE-9459-4C1C88FBE12E}" name="Release Date" dataDxfId="49"/>
    <tableColumn id="5" xr3:uid="{877B76AC-660D-4167-A8E6-6DD67D14AD31}" name="Service Pack Level" dataDxfId="48"/>
    <tableColumn id="6" xr3:uid="{3E73FABC-006F-4D5E-BD08-572E60706BBC}" name="Cumulative Update or Security ID" dataDxfId="47"/>
    <tableColumn id="7" xr3:uid="{B5406401-DE1C-4B7E-94EE-11567E9A84BB}" name="Servicing Model" dataDxfId="46"/>
    <tableColumn id="8" xr3:uid="{379ABDFD-90B4-46A1-BEFA-3858834D2444}" name="Notes" dataDxfId="45"/>
  </tableColumns>
  <tableStyleInfo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6" Type="http://schemas.openxmlformats.org/officeDocument/2006/relationships/hyperlink" Target="https://support.microsoft.com/kb/4013104" TargetMode="External"/><Relationship Id="rId21" Type="http://schemas.openxmlformats.org/officeDocument/2006/relationships/hyperlink" Target="https://support.microsoft.com/kb/4057116" TargetMode="External"/><Relationship Id="rId42" Type="http://schemas.openxmlformats.org/officeDocument/2006/relationships/hyperlink" Target="https://support.microsoft.com/kb/3037255" TargetMode="External"/><Relationship Id="rId47" Type="http://schemas.openxmlformats.org/officeDocument/2006/relationships/hyperlink" Target="https://support.microsoft.com/kb/3045321" TargetMode="External"/><Relationship Id="rId63" Type="http://schemas.openxmlformats.org/officeDocument/2006/relationships/hyperlink" Target="https://support.microsoft.com/kb/2765331" TargetMode="External"/><Relationship Id="rId68" Type="http://schemas.openxmlformats.org/officeDocument/2006/relationships/hyperlink" Target="https://support.microsoft.com/kb/2891666" TargetMode="External"/><Relationship Id="rId16" Type="http://schemas.openxmlformats.org/officeDocument/2006/relationships/hyperlink" Target="https://support.microsoft.com/kb/3137745" TargetMode="External"/><Relationship Id="rId11" Type="http://schemas.openxmlformats.org/officeDocument/2006/relationships/hyperlink" Target="https://support.microsoft.com/kb/3194719" TargetMode="External"/><Relationship Id="rId32" Type="http://schemas.openxmlformats.org/officeDocument/2006/relationships/hyperlink" Target="https://support.microsoft.com/kb/2723749" TargetMode="External"/><Relationship Id="rId37" Type="http://schemas.openxmlformats.org/officeDocument/2006/relationships/hyperlink" Target="https://support.microsoft.com/kb/3098512" TargetMode="External"/><Relationship Id="rId53" Type="http://schemas.openxmlformats.org/officeDocument/2006/relationships/hyperlink" Target="https://support.microsoft.com/kb/2975396" TargetMode="External"/><Relationship Id="rId58" Type="http://schemas.openxmlformats.org/officeDocument/2006/relationships/hyperlink" Target="https://support.microsoft.com/kb/2874879" TargetMode="External"/><Relationship Id="rId74" Type="http://schemas.openxmlformats.org/officeDocument/2006/relationships/hyperlink" Target="https://technet.microsoft.com/library/security/ms16-136" TargetMode="External"/><Relationship Id="rId79" Type="http://schemas.openxmlformats.org/officeDocument/2006/relationships/hyperlink" Target="https://portal.msrc.microsoft.com/en-us/security-guidance/advisory/ADV180002" TargetMode="External"/><Relationship Id="rId5" Type="http://schemas.openxmlformats.org/officeDocument/2006/relationships/hyperlink" Target="https://support.microsoft.com/kb/3165264" TargetMode="External"/><Relationship Id="rId61" Type="http://schemas.openxmlformats.org/officeDocument/2006/relationships/hyperlink" Target="https://support.microsoft.com/kb/2812412" TargetMode="External"/><Relationship Id="rId82" Type="http://schemas.openxmlformats.org/officeDocument/2006/relationships/customProperty" Target="../customProperty9.bin"/><Relationship Id="rId19" Type="http://schemas.openxmlformats.org/officeDocument/2006/relationships/hyperlink" Target="https://support.microsoft.com/kb/4057115" TargetMode="External"/><Relationship Id="rId14" Type="http://schemas.openxmlformats.org/officeDocument/2006/relationships/hyperlink" Target="https://support.microsoft.com/kb/3165266" TargetMode="External"/><Relationship Id="rId22" Type="http://schemas.openxmlformats.org/officeDocument/2006/relationships/hyperlink" Target="https://support.microsoft.com/kb/4018073" TargetMode="External"/><Relationship Id="rId27" Type="http://schemas.openxmlformats.org/officeDocument/2006/relationships/hyperlink" Target="https://support.microsoft.com/kb/3205051" TargetMode="External"/><Relationship Id="rId30" Type="http://schemas.openxmlformats.org/officeDocument/2006/relationships/hyperlink" Target="https://support.microsoft.com/kb/2679368" TargetMode="External"/><Relationship Id="rId35" Type="http://schemas.openxmlformats.org/officeDocument/2006/relationships/hyperlink" Target="https://support.microsoft.com/kb/2777772" TargetMode="External"/><Relationship Id="rId43" Type="http://schemas.openxmlformats.org/officeDocument/2006/relationships/hyperlink" Target="https://support.microsoft.com/kb/3007556" TargetMode="External"/><Relationship Id="rId48" Type="http://schemas.openxmlformats.org/officeDocument/2006/relationships/hyperlink" Target="https://support.microsoft.com/kb/2958429" TargetMode="External"/><Relationship Id="rId56" Type="http://schemas.openxmlformats.org/officeDocument/2006/relationships/hyperlink" Target="https://support.microsoft.com/kb/2917531" TargetMode="External"/><Relationship Id="rId64" Type="http://schemas.openxmlformats.org/officeDocument/2006/relationships/hyperlink" Target="https://support.microsoft.com/kb/3045318" TargetMode="External"/><Relationship Id="rId69" Type="http://schemas.openxmlformats.org/officeDocument/2006/relationships/hyperlink" Target="https://support.microsoft.com/kb/2867319" TargetMode="External"/><Relationship Id="rId77" Type="http://schemas.openxmlformats.org/officeDocument/2006/relationships/hyperlink" Target="https://portal.msrc.microsoft.com/en-us/security-guidance/advisory/ADV180002" TargetMode="External"/><Relationship Id="rId8" Type="http://schemas.openxmlformats.org/officeDocument/2006/relationships/hyperlink" Target="https://support.microsoft.com/kb/3123299" TargetMode="External"/><Relationship Id="rId51" Type="http://schemas.openxmlformats.org/officeDocument/2006/relationships/hyperlink" Target="https://support.microsoft.com/kb/2991533" TargetMode="External"/><Relationship Id="rId72" Type="http://schemas.openxmlformats.org/officeDocument/2006/relationships/hyperlink" Target="https://support.microsoft.com/kb/2728897" TargetMode="External"/><Relationship Id="rId80" Type="http://schemas.openxmlformats.org/officeDocument/2006/relationships/hyperlink" Target="https://support.microsoft.com/kb/5021123" TargetMode="External"/><Relationship Id="rId3" Type="http://schemas.openxmlformats.org/officeDocument/2006/relationships/hyperlink" Target="https://support.microsoft.com/kb/3194724" TargetMode="External"/><Relationship Id="rId12" Type="http://schemas.openxmlformats.org/officeDocument/2006/relationships/hyperlink" Target="https://support.microsoft.com/kb/3194725" TargetMode="External"/><Relationship Id="rId17" Type="http://schemas.openxmlformats.org/officeDocument/2006/relationships/hyperlink" Target="https://support.microsoft.com/kb/4532098" TargetMode="External"/><Relationship Id="rId25" Type="http://schemas.openxmlformats.org/officeDocument/2006/relationships/hyperlink" Target="https://support.microsoft.com/kb/4016762" TargetMode="External"/><Relationship Id="rId33" Type="http://schemas.openxmlformats.org/officeDocument/2006/relationships/hyperlink" Target="https://support.microsoft.com/kb/2716441" TargetMode="External"/><Relationship Id="rId38" Type="http://schemas.openxmlformats.org/officeDocument/2006/relationships/hyperlink" Target="https://support.microsoft.com/kb/3082561" TargetMode="External"/><Relationship Id="rId46" Type="http://schemas.openxmlformats.org/officeDocument/2006/relationships/hyperlink" Target="https://support.microsoft.com/kb/2976982" TargetMode="External"/><Relationship Id="rId59" Type="http://schemas.openxmlformats.org/officeDocument/2006/relationships/hyperlink" Target="https://support.microsoft.com/kb/2861107" TargetMode="External"/><Relationship Id="rId67" Type="http://schemas.openxmlformats.org/officeDocument/2006/relationships/hyperlink" Target="https://support.microsoft.com/kb/2908007" TargetMode="External"/><Relationship Id="rId20" Type="http://schemas.openxmlformats.org/officeDocument/2006/relationships/hyperlink" Target="https://support.microsoft.com/kb/4057121" TargetMode="External"/><Relationship Id="rId41" Type="http://schemas.openxmlformats.org/officeDocument/2006/relationships/hyperlink" Target="https://support.microsoft.com/kb/3052468" TargetMode="External"/><Relationship Id="rId54" Type="http://schemas.openxmlformats.org/officeDocument/2006/relationships/hyperlink" Target="https://support.microsoft.com/kb/2954099" TargetMode="External"/><Relationship Id="rId62" Type="http://schemas.openxmlformats.org/officeDocument/2006/relationships/hyperlink" Target="https://support.microsoft.com/kb/2790947" TargetMode="External"/><Relationship Id="rId70" Type="http://schemas.openxmlformats.org/officeDocument/2006/relationships/hyperlink" Target="https://support.microsoft.com/kb/2844205" TargetMode="External"/><Relationship Id="rId75" Type="http://schemas.openxmlformats.org/officeDocument/2006/relationships/hyperlink" Target="https://technet.microsoft.com/library/security/ms16-136" TargetMode="External"/><Relationship Id="rId83" Type="http://schemas.openxmlformats.org/officeDocument/2006/relationships/table" Target="../tables/table10.xml"/><Relationship Id="rId1" Type="http://schemas.openxmlformats.org/officeDocument/2006/relationships/hyperlink" Target="https://support.microsoft.com/kb/3194992" TargetMode="External"/><Relationship Id="rId6" Type="http://schemas.openxmlformats.org/officeDocument/2006/relationships/hyperlink" Target="https://support.microsoft.com/kb/3152635" TargetMode="External"/><Relationship Id="rId15" Type="http://schemas.openxmlformats.org/officeDocument/2006/relationships/hyperlink" Target="https://support.microsoft.com/kb/3152637" TargetMode="External"/><Relationship Id="rId23" Type="http://schemas.openxmlformats.org/officeDocument/2006/relationships/hyperlink" Target="https://support.microsoft.com/kb/4019092" TargetMode="External"/><Relationship Id="rId28" Type="http://schemas.openxmlformats.org/officeDocument/2006/relationships/hyperlink" Target="https://support.microsoft.com/kb/3205054" TargetMode="External"/><Relationship Id="rId36" Type="http://schemas.openxmlformats.org/officeDocument/2006/relationships/hyperlink" Target="https://support.microsoft.com/kb/3120313" TargetMode="External"/><Relationship Id="rId49" Type="http://schemas.openxmlformats.org/officeDocument/2006/relationships/hyperlink" Target="https://support.microsoft.com/kb/3045317" TargetMode="External"/><Relationship Id="rId57" Type="http://schemas.openxmlformats.org/officeDocument/2006/relationships/hyperlink" Target="https://support.microsoft.com/kb/2894115" TargetMode="External"/><Relationship Id="rId10" Type="http://schemas.openxmlformats.org/officeDocument/2006/relationships/hyperlink" Target="https://support.microsoft.com/kb/3205416" TargetMode="External"/><Relationship Id="rId31" Type="http://schemas.openxmlformats.org/officeDocument/2006/relationships/hyperlink" Target="https://support.microsoft.com/kb/2703275" TargetMode="External"/><Relationship Id="rId44" Type="http://schemas.openxmlformats.org/officeDocument/2006/relationships/hyperlink" Target="https://support.microsoft.com/kb/3002049" TargetMode="External"/><Relationship Id="rId52" Type="http://schemas.openxmlformats.org/officeDocument/2006/relationships/hyperlink" Target="https://support.microsoft.com/kb/2977325" TargetMode="External"/><Relationship Id="rId60" Type="http://schemas.openxmlformats.org/officeDocument/2006/relationships/hyperlink" Target="https://support.microsoft.com/kb/2833645" TargetMode="External"/><Relationship Id="rId65" Type="http://schemas.openxmlformats.org/officeDocument/2006/relationships/hyperlink" Target="https://support.microsoft.com/kb/2977326" TargetMode="External"/><Relationship Id="rId73" Type="http://schemas.openxmlformats.org/officeDocument/2006/relationships/hyperlink" Target="https://technet.microsoft.com/library/security/ms16-136" TargetMode="External"/><Relationship Id="rId78" Type="http://schemas.openxmlformats.org/officeDocument/2006/relationships/hyperlink" Target="https://portal.msrc.microsoft.com/en-us/security-guidance/advisory/ADV180002" TargetMode="External"/><Relationship Id="rId81" Type="http://schemas.openxmlformats.org/officeDocument/2006/relationships/printerSettings" Target="../printerSettings/printerSettings10.bin"/><Relationship Id="rId4" Type="http://schemas.openxmlformats.org/officeDocument/2006/relationships/hyperlink" Target="https://support.microsoft.com/kb/3180915" TargetMode="External"/><Relationship Id="rId9" Type="http://schemas.openxmlformats.org/officeDocument/2006/relationships/hyperlink" Target="https://support.microsoft.com/kb/3072779" TargetMode="External"/><Relationship Id="rId13" Type="http://schemas.openxmlformats.org/officeDocument/2006/relationships/hyperlink" Target="https://support.microsoft.com/kb/3180914" TargetMode="External"/><Relationship Id="rId18" Type="http://schemas.openxmlformats.org/officeDocument/2006/relationships/hyperlink" Target="https://support.microsoft.com/kb/4583465" TargetMode="External"/><Relationship Id="rId39" Type="http://schemas.openxmlformats.org/officeDocument/2006/relationships/hyperlink" Target="https://support.microsoft.com/kb/3072100" TargetMode="External"/><Relationship Id="rId34" Type="http://schemas.openxmlformats.org/officeDocument/2006/relationships/hyperlink" Target="https://support.microsoft.com/kb/2758687" TargetMode="External"/><Relationship Id="rId50" Type="http://schemas.openxmlformats.org/officeDocument/2006/relationships/hyperlink" Target="https://support.microsoft.com/kb/3002044" TargetMode="External"/><Relationship Id="rId55" Type="http://schemas.openxmlformats.org/officeDocument/2006/relationships/hyperlink" Target="https://support.microsoft.com/kb/2931078" TargetMode="External"/><Relationship Id="rId76" Type="http://schemas.openxmlformats.org/officeDocument/2006/relationships/hyperlink" Target="https://technet.microsoft.com/library/security/ms16-136" TargetMode="External"/><Relationship Id="rId7" Type="http://schemas.openxmlformats.org/officeDocument/2006/relationships/hyperlink" Target="https://support.microsoft.com/kb/3137746" TargetMode="External"/><Relationship Id="rId71" Type="http://schemas.openxmlformats.org/officeDocument/2006/relationships/hyperlink" Target="https://support.microsoft.com/kb/2823247" TargetMode="External"/><Relationship Id="rId2" Type="http://schemas.openxmlformats.org/officeDocument/2006/relationships/hyperlink" Target="https://support.microsoft.com/kb/3194721" TargetMode="External"/><Relationship Id="rId29" Type="http://schemas.openxmlformats.org/officeDocument/2006/relationships/hyperlink" Target="https://support.microsoft.com/kb/2716442" TargetMode="External"/><Relationship Id="rId24" Type="http://schemas.openxmlformats.org/officeDocument/2006/relationships/hyperlink" Target="https://support.microsoft.com/kb/4025925" TargetMode="External"/><Relationship Id="rId40" Type="http://schemas.openxmlformats.org/officeDocument/2006/relationships/hyperlink" Target="https://support.microsoft.com/kb/3045319" TargetMode="External"/><Relationship Id="rId45" Type="http://schemas.openxmlformats.org/officeDocument/2006/relationships/hyperlink" Target="https://support.microsoft.com/kb/2983175" TargetMode="External"/><Relationship Id="rId66" Type="http://schemas.openxmlformats.org/officeDocument/2006/relationships/hyperlink" Target="https://support.microsoft.com/kb/2674319" TargetMode="External"/></Relationships>
</file>

<file path=xl/worksheets/_rels/sheet11.xml.rels><?xml version="1.0" encoding="UTF-8" standalone="yes"?>
<Relationships xmlns="http://schemas.openxmlformats.org/package/2006/relationships"><Relationship Id="rId13" Type="http://schemas.openxmlformats.org/officeDocument/2006/relationships/hyperlink" Target="https://support.microsoft.com/kb/2591746" TargetMode="External"/><Relationship Id="rId18" Type="http://schemas.openxmlformats.org/officeDocument/2006/relationships/hyperlink" Target="https://support.microsoft.com/kb/3045316" TargetMode="External"/><Relationship Id="rId26" Type="http://schemas.openxmlformats.org/officeDocument/2006/relationships/hyperlink" Target="https://support.microsoft.com/kb/2887606" TargetMode="External"/><Relationship Id="rId39" Type="http://schemas.openxmlformats.org/officeDocument/2006/relationships/hyperlink" Target="https://support.microsoft.com/kb/2855792" TargetMode="External"/><Relationship Id="rId21" Type="http://schemas.openxmlformats.org/officeDocument/2006/relationships/hyperlink" Target="https://support.microsoft.com/kb/3045312" TargetMode="External"/><Relationship Id="rId34" Type="http://schemas.openxmlformats.org/officeDocument/2006/relationships/hyperlink" Target="https://support.microsoft.com/kb/2720425" TargetMode="External"/><Relationship Id="rId42" Type="http://schemas.openxmlformats.org/officeDocument/2006/relationships/hyperlink" Target="https://support.microsoft.com/kb/2783135" TargetMode="External"/><Relationship Id="rId47" Type="http://schemas.openxmlformats.org/officeDocument/2006/relationships/hyperlink" Target="https://support.microsoft.com/kb/2679367" TargetMode="External"/><Relationship Id="rId50" Type="http://schemas.openxmlformats.org/officeDocument/2006/relationships/hyperlink" Target="https://support.microsoft.com/kb/2591748" TargetMode="External"/><Relationship Id="rId55" Type="http://schemas.openxmlformats.org/officeDocument/2006/relationships/hyperlink" Target="https://portal.msrc.microsoft.com/en-us/security-guidance/advisory/ADV180002" TargetMode="External"/><Relationship Id="rId7" Type="http://schemas.openxmlformats.org/officeDocument/2006/relationships/hyperlink" Target="https://support.microsoft.com/kb/2438347" TargetMode="External"/><Relationship Id="rId2" Type="http://schemas.openxmlformats.org/officeDocument/2006/relationships/hyperlink" Target="https://support.microsoft.com/kb/2494088" TargetMode="External"/><Relationship Id="rId16" Type="http://schemas.openxmlformats.org/officeDocument/2006/relationships/hyperlink" Target="https://support.microsoft.com/kb/2679366" TargetMode="External"/><Relationship Id="rId29" Type="http://schemas.openxmlformats.org/officeDocument/2006/relationships/hyperlink" Target="https://support.microsoft.com/kb/2830140" TargetMode="External"/><Relationship Id="rId11" Type="http://schemas.openxmlformats.org/officeDocument/2006/relationships/hyperlink" Target="https://support.microsoft.com/kb/2534352" TargetMode="External"/><Relationship Id="rId24" Type="http://schemas.openxmlformats.org/officeDocument/2006/relationships/hyperlink" Target="https://support.microsoft.com/kb/2926028" TargetMode="External"/><Relationship Id="rId32" Type="http://schemas.openxmlformats.org/officeDocument/2006/relationships/hyperlink" Target="https://support.microsoft.com/kb/2754552" TargetMode="External"/><Relationship Id="rId37" Type="http://schemas.openxmlformats.org/officeDocument/2006/relationships/hyperlink" Target="https://support.microsoft.com/kb/2630458" TargetMode="External"/><Relationship Id="rId40" Type="http://schemas.openxmlformats.org/officeDocument/2006/relationships/hyperlink" Target="https://support.microsoft.com/kb/2828727" TargetMode="External"/><Relationship Id="rId45" Type="http://schemas.openxmlformats.org/officeDocument/2006/relationships/hyperlink" Target="https://support.microsoft.com/kb/2723743" TargetMode="External"/><Relationship Id="rId53" Type="http://schemas.openxmlformats.org/officeDocument/2006/relationships/hyperlink" Target="https://support.microsoft.com/kb/2754849" TargetMode="External"/><Relationship Id="rId58" Type="http://schemas.openxmlformats.org/officeDocument/2006/relationships/table" Target="../tables/table11.xml"/><Relationship Id="rId5" Type="http://schemas.openxmlformats.org/officeDocument/2006/relationships/hyperlink" Target="https://support.microsoft.com/kb/2261464" TargetMode="External"/><Relationship Id="rId19" Type="http://schemas.openxmlformats.org/officeDocument/2006/relationships/hyperlink" Target="https://support.microsoft.com/kb/2979597" TargetMode="External"/><Relationship Id="rId4" Type="http://schemas.openxmlformats.org/officeDocument/2006/relationships/hyperlink" Target="https://support.microsoft.com/kb/2072493" TargetMode="External"/><Relationship Id="rId9" Type="http://schemas.openxmlformats.org/officeDocument/2006/relationships/hyperlink" Target="https://support.microsoft.com/kb/2507770" TargetMode="External"/><Relationship Id="rId14" Type="http://schemas.openxmlformats.org/officeDocument/2006/relationships/hyperlink" Target="https://support.microsoft.com/kb/2633145" TargetMode="External"/><Relationship Id="rId22" Type="http://schemas.openxmlformats.org/officeDocument/2006/relationships/hyperlink" Target="https://support.microsoft.com/kb/2967540" TargetMode="External"/><Relationship Id="rId27" Type="http://schemas.openxmlformats.org/officeDocument/2006/relationships/hyperlink" Target="https://support.microsoft.com/kb/2871401" TargetMode="External"/><Relationship Id="rId30" Type="http://schemas.openxmlformats.org/officeDocument/2006/relationships/hyperlink" Target="https://support.microsoft.com/kb/2797460" TargetMode="External"/><Relationship Id="rId35" Type="http://schemas.openxmlformats.org/officeDocument/2006/relationships/hyperlink" Target="https://support.microsoft.com/kb/3045313" TargetMode="External"/><Relationship Id="rId43" Type="http://schemas.openxmlformats.org/officeDocument/2006/relationships/hyperlink" Target="https://support.microsoft.com/kb/2756574" TargetMode="External"/><Relationship Id="rId48" Type="http://schemas.openxmlformats.org/officeDocument/2006/relationships/hyperlink" Target="https://support.microsoft.com/kb/2659694" TargetMode="External"/><Relationship Id="rId56" Type="http://schemas.openxmlformats.org/officeDocument/2006/relationships/hyperlink" Target="https://support.microsoft.com/kb/5021112" TargetMode="External"/><Relationship Id="rId8" Type="http://schemas.openxmlformats.org/officeDocument/2006/relationships/hyperlink" Target="https://support.microsoft.com/kb/2489376" TargetMode="External"/><Relationship Id="rId51" Type="http://schemas.openxmlformats.org/officeDocument/2006/relationships/hyperlink" Target="https://support.microsoft.com/kb/2567714" TargetMode="External"/><Relationship Id="rId3" Type="http://schemas.openxmlformats.org/officeDocument/2006/relationships/hyperlink" Target="https://support.microsoft.com/kb/981355" TargetMode="External"/><Relationship Id="rId12" Type="http://schemas.openxmlformats.org/officeDocument/2006/relationships/hyperlink" Target="https://support.microsoft.com/kb/2567713" TargetMode="External"/><Relationship Id="rId17" Type="http://schemas.openxmlformats.org/officeDocument/2006/relationships/hyperlink" Target="https://support.microsoft.com/kb/3045314" TargetMode="External"/><Relationship Id="rId25" Type="http://schemas.openxmlformats.org/officeDocument/2006/relationships/hyperlink" Target="https://support.microsoft.com/kb/2908087" TargetMode="External"/><Relationship Id="rId33" Type="http://schemas.openxmlformats.org/officeDocument/2006/relationships/hyperlink" Target="https://support.microsoft.com/kb/2740411" TargetMode="External"/><Relationship Id="rId38" Type="http://schemas.openxmlformats.org/officeDocument/2006/relationships/hyperlink" Target="https://support.microsoft.com/kb/2868244" TargetMode="External"/><Relationship Id="rId46" Type="http://schemas.openxmlformats.org/officeDocument/2006/relationships/hyperlink" Target="https://support.microsoft.com/kb/2703282" TargetMode="External"/><Relationship Id="rId20" Type="http://schemas.openxmlformats.org/officeDocument/2006/relationships/hyperlink" Target="https://support.microsoft.com/kb/2977319" TargetMode="External"/><Relationship Id="rId41" Type="http://schemas.openxmlformats.org/officeDocument/2006/relationships/hyperlink" Target="https://support.microsoft.com/kb/2812683" TargetMode="External"/><Relationship Id="rId54" Type="http://schemas.openxmlformats.org/officeDocument/2006/relationships/hyperlink" Target="https://support.microsoft.com/kb/2528583" TargetMode="External"/><Relationship Id="rId1" Type="http://schemas.openxmlformats.org/officeDocument/2006/relationships/hyperlink" Target="https://support.microsoft.com/kb/4057113" TargetMode="External"/><Relationship Id="rId6" Type="http://schemas.openxmlformats.org/officeDocument/2006/relationships/hyperlink" Target="https://support.microsoft.com/kb/2345451" TargetMode="External"/><Relationship Id="rId15" Type="http://schemas.openxmlformats.org/officeDocument/2006/relationships/hyperlink" Target="https://support.microsoft.com/kb/2659692" TargetMode="External"/><Relationship Id="rId23" Type="http://schemas.openxmlformats.org/officeDocument/2006/relationships/hyperlink" Target="https://support.microsoft.com/kb/2938478" TargetMode="External"/><Relationship Id="rId28" Type="http://schemas.openxmlformats.org/officeDocument/2006/relationships/hyperlink" Target="https://support.microsoft.com/kb/2844090" TargetMode="External"/><Relationship Id="rId36" Type="http://schemas.openxmlformats.org/officeDocument/2006/relationships/hyperlink" Target="https://support.microsoft.com/kb/2977320" TargetMode="External"/><Relationship Id="rId49" Type="http://schemas.openxmlformats.org/officeDocument/2006/relationships/hyperlink" Target="https://support.microsoft.com/kb/2633146" TargetMode="External"/><Relationship Id="rId57" Type="http://schemas.openxmlformats.org/officeDocument/2006/relationships/customProperty" Target="../customProperty10.bin"/><Relationship Id="rId10" Type="http://schemas.openxmlformats.org/officeDocument/2006/relationships/hyperlink" Target="https://support.microsoft.com/kb/2494086" TargetMode="External"/><Relationship Id="rId31" Type="http://schemas.openxmlformats.org/officeDocument/2006/relationships/hyperlink" Target="https://support.microsoft.com/kb/2777358" TargetMode="External"/><Relationship Id="rId44" Type="http://schemas.openxmlformats.org/officeDocument/2006/relationships/hyperlink" Target="https://support.microsoft.com/kb/2716439" TargetMode="External"/><Relationship Id="rId52" Type="http://schemas.openxmlformats.org/officeDocument/2006/relationships/hyperlink" Target="https://support.microsoft.com/kb/2544793" TargetMode="External"/></Relationships>
</file>

<file path=xl/worksheets/_rels/sheet12.xml.rels><?xml version="1.0" encoding="UTF-8" standalone="yes"?>
<Relationships xmlns="http://schemas.openxmlformats.org/package/2006/relationships"><Relationship Id="rId26" Type="http://schemas.openxmlformats.org/officeDocument/2006/relationships/hyperlink" Target="https://support.microsoft.com/kb/2467239" TargetMode="External"/><Relationship Id="rId21" Type="http://schemas.openxmlformats.org/officeDocument/2006/relationships/hyperlink" Target="https://support.microsoft.com/kb/2279604" TargetMode="External"/><Relationship Id="rId42" Type="http://schemas.openxmlformats.org/officeDocument/2006/relationships/hyperlink" Target="https://support.microsoft.com/kb/2633143" TargetMode="External"/><Relationship Id="rId47" Type="http://schemas.openxmlformats.org/officeDocument/2006/relationships/hyperlink" Target="https://support.microsoft.com/kb/2696625" TargetMode="External"/><Relationship Id="rId63" Type="http://schemas.openxmlformats.org/officeDocument/2006/relationships/hyperlink" Target="https://support.microsoft.com/kb/2923520" TargetMode="External"/><Relationship Id="rId68" Type="http://schemas.openxmlformats.org/officeDocument/2006/relationships/hyperlink" Target="https://support.microsoft.com/kb/3045305" TargetMode="External"/><Relationship Id="rId2" Type="http://schemas.openxmlformats.org/officeDocument/2006/relationships/hyperlink" Target="https://support.microsoft.com/kb/956717" TargetMode="External"/><Relationship Id="rId16" Type="http://schemas.openxmlformats.org/officeDocument/2006/relationships/hyperlink" Target="https://support.microsoft.com/kb/977443" TargetMode="External"/><Relationship Id="rId29" Type="http://schemas.openxmlformats.org/officeDocument/2006/relationships/hyperlink" Target="https://support.microsoft.com/kb/2527187" TargetMode="External"/><Relationship Id="rId11" Type="http://schemas.openxmlformats.org/officeDocument/2006/relationships/hyperlink" Target="https://support.microsoft.com/kb/973601" TargetMode="External"/><Relationship Id="rId24" Type="http://schemas.openxmlformats.org/officeDocument/2006/relationships/hyperlink" Target="https://support.microsoft.com/kb/2289254" TargetMode="External"/><Relationship Id="rId32" Type="http://schemas.openxmlformats.org/officeDocument/2006/relationships/hyperlink" Target="https://support.microsoft.com/kb/2494100" TargetMode="External"/><Relationship Id="rId37" Type="http://schemas.openxmlformats.org/officeDocument/2006/relationships/hyperlink" Target="https://support.microsoft.com/kb/2582282" TargetMode="External"/><Relationship Id="rId40" Type="http://schemas.openxmlformats.org/officeDocument/2006/relationships/hyperlink" Target="https://support.microsoft.com/kb/2617146" TargetMode="External"/><Relationship Id="rId45" Type="http://schemas.openxmlformats.org/officeDocument/2006/relationships/hyperlink" Target="https://support.microsoft.com/kb/2673382" TargetMode="External"/><Relationship Id="rId53" Type="http://schemas.openxmlformats.org/officeDocument/2006/relationships/hyperlink" Target="https://support.microsoft.com/kb/2716433" TargetMode="External"/><Relationship Id="rId58" Type="http://schemas.openxmlformats.org/officeDocument/2006/relationships/hyperlink" Target="https://support.microsoft.com/kb/2814783" TargetMode="External"/><Relationship Id="rId66" Type="http://schemas.openxmlformats.org/officeDocument/2006/relationships/hyperlink" Target="https://support.microsoft.com/kb/2977321" TargetMode="External"/><Relationship Id="rId74" Type="http://schemas.openxmlformats.org/officeDocument/2006/relationships/customProperty" Target="../customProperty11.bin"/><Relationship Id="rId5" Type="http://schemas.openxmlformats.org/officeDocument/2006/relationships/hyperlink" Target="https://support.microsoft.com/kb/963036" TargetMode="External"/><Relationship Id="rId61" Type="http://schemas.openxmlformats.org/officeDocument/2006/relationships/hyperlink" Target="https://support.microsoft.com/kb/2880350" TargetMode="External"/><Relationship Id="rId19" Type="http://schemas.openxmlformats.org/officeDocument/2006/relationships/hyperlink" Target="https://support.microsoft.com/kb/981702" TargetMode="External"/><Relationship Id="rId14" Type="http://schemas.openxmlformats.org/officeDocument/2006/relationships/hyperlink" Target="https://support.microsoft.com/kb/975977" TargetMode="External"/><Relationship Id="rId22" Type="http://schemas.openxmlformats.org/officeDocument/2006/relationships/hyperlink" Target="https://support.microsoft.com/kb/2285068" TargetMode="External"/><Relationship Id="rId27" Type="http://schemas.openxmlformats.org/officeDocument/2006/relationships/hyperlink" Target="https://support.microsoft.com/kb/2497673" TargetMode="External"/><Relationship Id="rId30" Type="http://schemas.openxmlformats.org/officeDocument/2006/relationships/hyperlink" Target="https://support.microsoft.com/kb/2527180" TargetMode="External"/><Relationship Id="rId35" Type="http://schemas.openxmlformats.org/officeDocument/2006/relationships/hyperlink" Target="https://support.microsoft.com/kb/2555406" TargetMode="External"/><Relationship Id="rId43" Type="http://schemas.openxmlformats.org/officeDocument/2006/relationships/hyperlink" Target="https://support.microsoft.com/kb/2648096" TargetMode="External"/><Relationship Id="rId48" Type="http://schemas.openxmlformats.org/officeDocument/2006/relationships/hyperlink" Target="https://support.microsoft.com/kb/2696626" TargetMode="External"/><Relationship Id="rId56" Type="http://schemas.openxmlformats.org/officeDocument/2006/relationships/hyperlink" Target="https://support.microsoft.com/kb/2771833" TargetMode="External"/><Relationship Id="rId64" Type="http://schemas.openxmlformats.org/officeDocument/2006/relationships/hyperlink" Target="https://support.microsoft.com/kb/2936421" TargetMode="External"/><Relationship Id="rId69" Type="http://schemas.openxmlformats.org/officeDocument/2006/relationships/hyperlink" Target="https://support.microsoft.com/kb/3045303" TargetMode="External"/><Relationship Id="rId8" Type="http://schemas.openxmlformats.org/officeDocument/2006/relationships/hyperlink" Target="https://support.microsoft.com/kb/970315" TargetMode="External"/><Relationship Id="rId51" Type="http://schemas.openxmlformats.org/officeDocument/2006/relationships/hyperlink" Target="https://support.microsoft.com/kb/2738350" TargetMode="External"/><Relationship Id="rId72" Type="http://schemas.openxmlformats.org/officeDocument/2006/relationships/hyperlink" Target="https://support.microsoft.com/kb/4057114" TargetMode="External"/><Relationship Id="rId3" Type="http://schemas.openxmlformats.org/officeDocument/2006/relationships/hyperlink" Target="https://support.microsoft.com/kb/958186" TargetMode="External"/><Relationship Id="rId12" Type="http://schemas.openxmlformats.org/officeDocument/2006/relationships/hyperlink" Target="https://support.microsoft.com/kb/973602" TargetMode="External"/><Relationship Id="rId17" Type="http://schemas.openxmlformats.org/officeDocument/2006/relationships/hyperlink" Target="https://support.microsoft.com/kb/979064" TargetMode="External"/><Relationship Id="rId25" Type="http://schemas.openxmlformats.org/officeDocument/2006/relationships/hyperlink" Target="https://support.microsoft.com/kb/2467236" TargetMode="External"/><Relationship Id="rId33" Type="http://schemas.openxmlformats.org/officeDocument/2006/relationships/hyperlink" Target="https://support.microsoft.com/kb/2494089" TargetMode="External"/><Relationship Id="rId38" Type="http://schemas.openxmlformats.org/officeDocument/2006/relationships/hyperlink" Target="https://support.microsoft.com/kb/2582285" TargetMode="External"/><Relationship Id="rId46" Type="http://schemas.openxmlformats.org/officeDocument/2006/relationships/hyperlink" Target="https://support.microsoft.com/kb/2673383" TargetMode="External"/><Relationship Id="rId59" Type="http://schemas.openxmlformats.org/officeDocument/2006/relationships/hyperlink" Target="https://support.microsoft.com/kb/2834048" TargetMode="External"/><Relationship Id="rId67" Type="http://schemas.openxmlformats.org/officeDocument/2006/relationships/hyperlink" Target="https://support.microsoft.com/kb/2979596" TargetMode="External"/><Relationship Id="rId20" Type="http://schemas.openxmlformats.org/officeDocument/2006/relationships/hyperlink" Target="https://support.microsoft.com/kb/2083921" TargetMode="External"/><Relationship Id="rId41" Type="http://schemas.openxmlformats.org/officeDocument/2006/relationships/hyperlink" Target="https://support.microsoft.com/kb/2617148" TargetMode="External"/><Relationship Id="rId54" Type="http://schemas.openxmlformats.org/officeDocument/2006/relationships/hyperlink" Target="https://support.microsoft.com/kb/2716436" TargetMode="External"/><Relationship Id="rId62" Type="http://schemas.openxmlformats.org/officeDocument/2006/relationships/hyperlink" Target="https://support.microsoft.com/kb/2893410" TargetMode="External"/><Relationship Id="rId70" Type="http://schemas.openxmlformats.org/officeDocument/2006/relationships/hyperlink" Target="https://support.microsoft.com/kb/3045311" TargetMode="External"/><Relationship Id="rId75" Type="http://schemas.openxmlformats.org/officeDocument/2006/relationships/table" Target="../tables/table12.xml"/><Relationship Id="rId1" Type="http://schemas.openxmlformats.org/officeDocument/2006/relationships/hyperlink" Target="https://support.microsoft.com/kb/2877204" TargetMode="External"/><Relationship Id="rId6" Type="http://schemas.openxmlformats.org/officeDocument/2006/relationships/hyperlink" Target="https://support.microsoft.com/kb/969099" TargetMode="External"/><Relationship Id="rId15" Type="http://schemas.openxmlformats.org/officeDocument/2006/relationships/hyperlink" Target="https://support.microsoft.com/kb/977444" TargetMode="External"/><Relationship Id="rId23" Type="http://schemas.openxmlformats.org/officeDocument/2006/relationships/hyperlink" Target="https://support.microsoft.com/kb/2413738" TargetMode="External"/><Relationship Id="rId28" Type="http://schemas.openxmlformats.org/officeDocument/2006/relationships/hyperlink" Target="https://support.microsoft.com/kb/2498535" TargetMode="External"/><Relationship Id="rId36" Type="http://schemas.openxmlformats.org/officeDocument/2006/relationships/hyperlink" Target="https://support.microsoft.com/kb/2555408" TargetMode="External"/><Relationship Id="rId49" Type="http://schemas.openxmlformats.org/officeDocument/2006/relationships/hyperlink" Target="https://support.microsoft.com/kb/2715951" TargetMode="External"/><Relationship Id="rId57" Type="http://schemas.openxmlformats.org/officeDocument/2006/relationships/hyperlink" Target="https://support.microsoft.com/kb/2799883" TargetMode="External"/><Relationship Id="rId10" Type="http://schemas.openxmlformats.org/officeDocument/2006/relationships/hyperlink" Target="https://support.microsoft.com/kb/971491" TargetMode="External"/><Relationship Id="rId31" Type="http://schemas.openxmlformats.org/officeDocument/2006/relationships/hyperlink" Target="https://support.microsoft.com/kb/2494096" TargetMode="External"/><Relationship Id="rId44" Type="http://schemas.openxmlformats.org/officeDocument/2006/relationships/hyperlink" Target="https://support.microsoft.com/kb/2648098" TargetMode="External"/><Relationship Id="rId52" Type="http://schemas.openxmlformats.org/officeDocument/2006/relationships/hyperlink" Target="https://support.microsoft.com/kb/2716434" TargetMode="External"/><Relationship Id="rId60" Type="http://schemas.openxmlformats.org/officeDocument/2006/relationships/hyperlink" Target="https://support.microsoft.com/kb/2863205" TargetMode="External"/><Relationship Id="rId65" Type="http://schemas.openxmlformats.org/officeDocument/2006/relationships/hyperlink" Target="https://support.microsoft.com/kb/2958696" TargetMode="External"/><Relationship Id="rId73" Type="http://schemas.openxmlformats.org/officeDocument/2006/relationships/hyperlink" Target="https://support.microsoft.com/kb/5020863" TargetMode="External"/><Relationship Id="rId4" Type="http://schemas.openxmlformats.org/officeDocument/2006/relationships/hyperlink" Target="https://support.microsoft.com/kb/960484" TargetMode="External"/><Relationship Id="rId9" Type="http://schemas.openxmlformats.org/officeDocument/2006/relationships/hyperlink" Target="https://support.microsoft.com/kb/971490" TargetMode="External"/><Relationship Id="rId13" Type="http://schemas.openxmlformats.org/officeDocument/2006/relationships/hyperlink" Target="https://support.microsoft.com/kb/975976" TargetMode="External"/><Relationship Id="rId18" Type="http://schemas.openxmlformats.org/officeDocument/2006/relationships/hyperlink" Target="https://support.microsoft.com/kb/979065" TargetMode="External"/><Relationship Id="rId39" Type="http://schemas.openxmlformats.org/officeDocument/2006/relationships/hyperlink" Target="https://support.microsoft.com/kb/2546951" TargetMode="External"/><Relationship Id="rId34" Type="http://schemas.openxmlformats.org/officeDocument/2006/relationships/hyperlink" Target="https://support.microsoft.com/kb/2494094" TargetMode="External"/><Relationship Id="rId50" Type="http://schemas.openxmlformats.org/officeDocument/2006/relationships/hyperlink" Target="https://support.microsoft.com/kb/2715953" TargetMode="External"/><Relationship Id="rId55" Type="http://schemas.openxmlformats.org/officeDocument/2006/relationships/hyperlink" Target="https://support.microsoft.com/kb/2716435" TargetMode="External"/><Relationship Id="rId7" Type="http://schemas.openxmlformats.org/officeDocument/2006/relationships/hyperlink" Target="https://support.microsoft.com/kb/969531" TargetMode="External"/><Relationship Id="rId71" Type="http://schemas.openxmlformats.org/officeDocument/2006/relationships/hyperlink" Target="https://support.microsoft.com/kb/3045308" TargetMode="External"/></Relationships>
</file>

<file path=xl/worksheets/_rels/sheet13.xml.rels><?xml version="1.0" encoding="UTF-8" standalone="yes"?>
<Relationships xmlns="http://schemas.openxmlformats.org/package/2006/relationships"><Relationship Id="rId13" Type="http://schemas.openxmlformats.org/officeDocument/2006/relationships/hyperlink" Target="https://support.microsoft.com/kb/2258854" TargetMode="External"/><Relationship Id="rId18" Type="http://schemas.openxmlformats.org/officeDocument/2006/relationships/hyperlink" Target="https://support.microsoft.com/kb/974648" TargetMode="External"/><Relationship Id="rId26" Type="http://schemas.openxmlformats.org/officeDocument/2006/relationships/hyperlink" Target="https://support.microsoft.com/kb/935356" TargetMode="External"/><Relationship Id="rId39" Type="http://schemas.openxmlformats.org/officeDocument/2006/relationships/hyperlink" Target="https://support.microsoft.com/kb/976952" TargetMode="External"/><Relationship Id="rId21" Type="http://schemas.openxmlformats.org/officeDocument/2006/relationships/hyperlink" Target="https://support.microsoft.com/kb/948109" TargetMode="External"/><Relationship Id="rId34" Type="http://schemas.openxmlformats.org/officeDocument/2006/relationships/hyperlink" Target="https://support.microsoft.com/kb/961930" TargetMode="External"/><Relationship Id="rId42" Type="http://schemas.openxmlformats.org/officeDocument/2006/relationships/hyperlink" Target="https://support.microsoft.com/kb/972510" TargetMode="External"/><Relationship Id="rId47" Type="http://schemas.openxmlformats.org/officeDocument/2006/relationships/hyperlink" Target="https://support.microsoft.com/kb/958735" TargetMode="External"/><Relationship Id="rId50" Type="http://schemas.openxmlformats.org/officeDocument/2006/relationships/hyperlink" Target="https://support.microsoft.com/kb/953752" TargetMode="External"/><Relationship Id="rId55" Type="http://schemas.openxmlformats.org/officeDocument/2006/relationships/hyperlink" Target="https://support.microsoft.com/kb/2463332" TargetMode="External"/><Relationship Id="rId7" Type="http://schemas.openxmlformats.org/officeDocument/2006/relationships/hyperlink" Target="https://support.microsoft.com/kb/2494120" TargetMode="External"/><Relationship Id="rId2" Type="http://schemas.openxmlformats.org/officeDocument/2006/relationships/hyperlink" Target="https://support.microsoft.com/kb/2494123" TargetMode="External"/><Relationship Id="rId16" Type="http://schemas.openxmlformats.org/officeDocument/2006/relationships/hyperlink" Target="https://support.microsoft.com/kb/978915" TargetMode="External"/><Relationship Id="rId29" Type="http://schemas.openxmlformats.org/officeDocument/2006/relationships/hyperlink" Target="https://support.microsoft.com/kb/941450" TargetMode="External"/><Relationship Id="rId11" Type="http://schemas.openxmlformats.org/officeDocument/2006/relationships/hyperlink" Target="https://support.microsoft.com/kb/2438344" TargetMode="External"/><Relationship Id="rId24" Type="http://schemas.openxmlformats.org/officeDocument/2006/relationships/hyperlink" Target="https://support.microsoft.com/kb/970895" TargetMode="External"/><Relationship Id="rId32" Type="http://schemas.openxmlformats.org/officeDocument/2006/relationships/hyperlink" Target="https://support.microsoft.com/kb/970279" TargetMode="External"/><Relationship Id="rId37" Type="http://schemas.openxmlformats.org/officeDocument/2006/relationships/hyperlink" Target="https://support.microsoft.com/kb/970892" TargetMode="External"/><Relationship Id="rId40" Type="http://schemas.openxmlformats.org/officeDocument/2006/relationships/hyperlink" Target="https://support.microsoft.com/kb/974647" TargetMode="External"/><Relationship Id="rId45" Type="http://schemas.openxmlformats.org/officeDocument/2006/relationships/hyperlink" Target="https://support.microsoft.com/kb/960485" TargetMode="External"/><Relationship Id="rId53" Type="http://schemas.openxmlformats.org/officeDocument/2006/relationships/hyperlink" Target="https://support.microsoft.com/kb/948108" TargetMode="External"/><Relationship Id="rId5" Type="http://schemas.openxmlformats.org/officeDocument/2006/relationships/hyperlink" Target="https://support.microsoft.com/kb/2464079" TargetMode="External"/><Relationship Id="rId19" Type="http://schemas.openxmlformats.org/officeDocument/2006/relationships/hyperlink" Target="https://support.microsoft.com/kb/970894" TargetMode="External"/><Relationship Id="rId4" Type="http://schemas.openxmlformats.org/officeDocument/2006/relationships/hyperlink" Target="https://support.microsoft.com/kb/2489409" TargetMode="External"/><Relationship Id="rId9" Type="http://schemas.openxmlformats.org/officeDocument/2006/relationships/hyperlink" Target="https://support.microsoft.com/kb/2507766" TargetMode="External"/><Relationship Id="rId14" Type="http://schemas.openxmlformats.org/officeDocument/2006/relationships/hyperlink" Target="https://support.microsoft.com/kb/983329" TargetMode="External"/><Relationship Id="rId22" Type="http://schemas.openxmlformats.org/officeDocument/2006/relationships/hyperlink" Target="https://support.microsoft.com/kb/954606" TargetMode="External"/><Relationship Id="rId27" Type="http://schemas.openxmlformats.org/officeDocument/2006/relationships/hyperlink" Target="https://support.microsoft.com/kb/936305" TargetMode="External"/><Relationship Id="rId30" Type="http://schemas.openxmlformats.org/officeDocument/2006/relationships/hyperlink" Target="https://support.microsoft.com/kb/943656" TargetMode="External"/><Relationship Id="rId35" Type="http://schemas.openxmlformats.org/officeDocument/2006/relationships/hyperlink" Target="https://support.microsoft.com/kb/959195" TargetMode="External"/><Relationship Id="rId43" Type="http://schemas.openxmlformats.org/officeDocument/2006/relationships/hyperlink" Target="https://support.microsoft.com/kb/970278" TargetMode="External"/><Relationship Id="rId48" Type="http://schemas.openxmlformats.org/officeDocument/2006/relationships/hyperlink" Target="https://support.microsoft.com/kb/956854" TargetMode="External"/><Relationship Id="rId56" Type="http://schemas.openxmlformats.org/officeDocument/2006/relationships/customProperty" Target="../customProperty12.bin"/><Relationship Id="rId8" Type="http://schemas.openxmlformats.org/officeDocument/2006/relationships/hyperlink" Target="https://support.microsoft.com/kb/2494112" TargetMode="External"/><Relationship Id="rId51" Type="http://schemas.openxmlformats.org/officeDocument/2006/relationships/hyperlink" Target="https://support.microsoft.com/kb/951217" TargetMode="External"/><Relationship Id="rId3" Type="http://schemas.openxmlformats.org/officeDocument/2006/relationships/hyperlink" Target="https://support.microsoft.com/kb/2507769" TargetMode="External"/><Relationship Id="rId12" Type="http://schemas.openxmlformats.org/officeDocument/2006/relationships/hyperlink" Target="https://support.microsoft.com/kb/2345449" TargetMode="External"/><Relationship Id="rId17" Type="http://schemas.openxmlformats.org/officeDocument/2006/relationships/hyperlink" Target="https://support.microsoft.com/kb/976951" TargetMode="External"/><Relationship Id="rId25" Type="http://schemas.openxmlformats.org/officeDocument/2006/relationships/hyperlink" Target="https://support.microsoft.com/kb/933097" TargetMode="External"/><Relationship Id="rId33" Type="http://schemas.openxmlformats.org/officeDocument/2006/relationships/hyperlink" Target="https://support.microsoft.com/kb/967909" TargetMode="External"/><Relationship Id="rId38" Type="http://schemas.openxmlformats.org/officeDocument/2006/relationships/hyperlink" Target="https://support.microsoft.com/kb/955706" TargetMode="External"/><Relationship Id="rId46" Type="http://schemas.openxmlformats.org/officeDocument/2006/relationships/hyperlink" Target="https://support.microsoft.com/kb/960090" TargetMode="External"/><Relationship Id="rId20" Type="http://schemas.openxmlformats.org/officeDocument/2006/relationships/hyperlink" Target="https://support.microsoft.com/kb/937137" TargetMode="External"/><Relationship Id="rId41" Type="http://schemas.openxmlformats.org/officeDocument/2006/relationships/hyperlink" Target="https://support.microsoft.com/kb/970896" TargetMode="External"/><Relationship Id="rId54" Type="http://schemas.openxmlformats.org/officeDocument/2006/relationships/hyperlink" Target="https://support.microsoft.com/kb/946608" TargetMode="External"/><Relationship Id="rId1" Type="http://schemas.openxmlformats.org/officeDocument/2006/relationships/hyperlink" Target="https://support.microsoft.com/kb/2716427" TargetMode="External"/><Relationship Id="rId6" Type="http://schemas.openxmlformats.org/officeDocument/2006/relationships/hyperlink" Target="https://support.microsoft.com/kb/2716429" TargetMode="External"/><Relationship Id="rId15" Type="http://schemas.openxmlformats.org/officeDocument/2006/relationships/hyperlink" Target="https://support.microsoft.com/kb/980176" TargetMode="External"/><Relationship Id="rId23" Type="http://schemas.openxmlformats.org/officeDocument/2006/relationships/hyperlink" Target="https://support.microsoft.com/kb/960089" TargetMode="External"/><Relationship Id="rId28" Type="http://schemas.openxmlformats.org/officeDocument/2006/relationships/hyperlink" Target="https://support.microsoft.com/kb/939537" TargetMode="External"/><Relationship Id="rId36" Type="http://schemas.openxmlformats.org/officeDocument/2006/relationships/hyperlink" Target="https://support.microsoft.com/kb/2494113" TargetMode="External"/><Relationship Id="rId49" Type="http://schemas.openxmlformats.org/officeDocument/2006/relationships/hyperlink" Target="https://support.microsoft.com/kb/954607" TargetMode="External"/><Relationship Id="rId57" Type="http://schemas.openxmlformats.org/officeDocument/2006/relationships/table" Target="../tables/table13.xml"/><Relationship Id="rId10" Type="http://schemas.openxmlformats.org/officeDocument/2006/relationships/hyperlink" Target="https://support.microsoft.com/kb/2489375" TargetMode="External"/><Relationship Id="rId31" Type="http://schemas.openxmlformats.org/officeDocument/2006/relationships/hyperlink" Target="https://support.microsoft.com/kb/972511" TargetMode="External"/><Relationship Id="rId44" Type="http://schemas.openxmlformats.org/officeDocument/2006/relationships/hyperlink" Target="https://support.microsoft.com/kb/967908" TargetMode="External"/><Relationship Id="rId52" Type="http://schemas.openxmlformats.org/officeDocument/2006/relationships/hyperlink" Target="https://support.microsoft.com/kb/949095" TargetMode="External"/></Relationships>
</file>

<file path=xl/worksheets/_rels/sheet14.xml.rels><?xml version="1.0" encoding="UTF-8" standalone="yes"?>
<Relationships xmlns="http://schemas.openxmlformats.org/package/2006/relationships"><Relationship Id="rId2" Type="http://schemas.openxmlformats.org/officeDocument/2006/relationships/customProperty" Target="../customProperty13.bin"/><Relationship Id="rId1" Type="http://schemas.openxmlformats.org/officeDocument/2006/relationships/printerSettings" Target="../printerSettings/printerSettings11.bin"/></Relationships>
</file>

<file path=xl/worksheets/_rels/sheet15.xml.rels><?xml version="1.0" encoding="UTF-8" standalone="yes"?>
<Relationships xmlns="http://schemas.openxmlformats.org/package/2006/relationships"><Relationship Id="rId1" Type="http://schemas.openxmlformats.org/officeDocument/2006/relationships/customProperty" Target="../customProperty14.bin"/></Relationships>
</file>

<file path=xl/worksheets/_rels/sheet2.xml.rels><?xml version="1.0" encoding="UTF-8" standalone="yes"?>
<Relationships xmlns="http://schemas.openxmlformats.org/package/2006/relationships"><Relationship Id="rId8" Type="http://schemas.openxmlformats.org/officeDocument/2006/relationships/hyperlink" Target="https://learn.microsoft.com/troubleshoot/sql/releases/sqlserver-2022/cumulativeupdate8" TargetMode="External"/><Relationship Id="rId13" Type="http://schemas.openxmlformats.org/officeDocument/2006/relationships/hyperlink" Target="https://learn.microsoft.com/troubleshoot/sql/releases/sqlserver-2022/cumulativeupdate13" TargetMode="External"/><Relationship Id="rId3" Type="http://schemas.openxmlformats.org/officeDocument/2006/relationships/hyperlink" Target="https://learn.microsoft.com/troubleshoot/sql/releases/sqlserver-2022/cumulativeupdate3" TargetMode="External"/><Relationship Id="rId7" Type="http://schemas.openxmlformats.org/officeDocument/2006/relationships/hyperlink" Target="https://learn.microsoft.com/troubleshoot/sql/releases/sqlserver-2022/cumulativeupdate7" TargetMode="External"/><Relationship Id="rId12" Type="http://schemas.openxmlformats.org/officeDocument/2006/relationships/hyperlink" Target="https://learn.microsoft.com/troubleshoot/sql/releases/sqlserver-2022/cumulativeupdate12" TargetMode="External"/><Relationship Id="rId17" Type="http://schemas.openxmlformats.org/officeDocument/2006/relationships/table" Target="../tables/table2.xml"/><Relationship Id="rId2" Type="http://schemas.openxmlformats.org/officeDocument/2006/relationships/hyperlink" Target="https://learn.microsoft.com/troubleshoot/sql/releases/sqlserver-2022/cumulativeupdate2" TargetMode="External"/><Relationship Id="rId16" Type="http://schemas.openxmlformats.org/officeDocument/2006/relationships/customProperty" Target="../customProperty1.bin"/><Relationship Id="rId1" Type="http://schemas.openxmlformats.org/officeDocument/2006/relationships/hyperlink" Target="https://learn.microsoft.com/troubleshoot/sql/releases/sqlserver-2022/cumulativeupdate1" TargetMode="External"/><Relationship Id="rId6" Type="http://schemas.openxmlformats.org/officeDocument/2006/relationships/hyperlink" Target="https://learn.microsoft.com/troubleshoot/sql/releases/sqlserver-2022/cumulativeupdate6" TargetMode="External"/><Relationship Id="rId11" Type="http://schemas.openxmlformats.org/officeDocument/2006/relationships/hyperlink" Target="https://learn.microsoft.com/troubleshoot/sql/releases/sqlserver-2022/cumulativeupdate11" TargetMode="External"/><Relationship Id="rId5" Type="http://schemas.openxmlformats.org/officeDocument/2006/relationships/hyperlink" Target="https://learn.microsoft.com/troubleshoot/sql/releases/sqlserver-2022/cumulativeupdate5" TargetMode="External"/><Relationship Id="rId15" Type="http://schemas.openxmlformats.org/officeDocument/2006/relationships/printerSettings" Target="../printerSettings/printerSettings2.bin"/><Relationship Id="rId10" Type="http://schemas.openxmlformats.org/officeDocument/2006/relationships/hyperlink" Target="https://learn.microsoft.com/troubleshoot/sql/releases/sqlserver-2022/cumulativeupdate10" TargetMode="External"/><Relationship Id="rId4" Type="http://schemas.openxmlformats.org/officeDocument/2006/relationships/hyperlink" Target="https://learn.microsoft.com/troubleshoot/sql/releases/sqlserver-2022/cumulativeupdate4" TargetMode="External"/><Relationship Id="rId9" Type="http://schemas.openxmlformats.org/officeDocument/2006/relationships/hyperlink" Target="https://learn.microsoft.com/troubleshoot/sql/releases/sqlserver-2022/cumulativeupdate9" TargetMode="External"/><Relationship Id="rId14" Type="http://schemas.openxmlformats.org/officeDocument/2006/relationships/hyperlink" Target="https://learn.microsoft.com/troubleshoot/sql/releases/sqlserver-2022/cumulativeupdate14" TargetMode="External"/></Relationships>
</file>

<file path=xl/worksheets/_rels/sheet3.xml.rels><?xml version="1.0" encoding="UTF-8" standalone="yes"?>
<Relationships xmlns="http://schemas.openxmlformats.org/package/2006/relationships"><Relationship Id="rId13" Type="http://schemas.openxmlformats.org/officeDocument/2006/relationships/hyperlink" Target="https://learn.microsoft.com/troubleshoot/sql/releases/sqlserver-2022/cumulativeupdate2" TargetMode="External"/><Relationship Id="rId18" Type="http://schemas.openxmlformats.org/officeDocument/2006/relationships/hyperlink" Target="https://support.microsoft.com/kb/4538581" TargetMode="External"/><Relationship Id="rId26" Type="http://schemas.openxmlformats.org/officeDocument/2006/relationships/hyperlink" Target="https://learn.microsoft.com/troubleshoot/sql/releases/sqlserver-2022/cumulativeupdate5" TargetMode="External"/><Relationship Id="rId21" Type="http://schemas.openxmlformats.org/officeDocument/2006/relationships/hyperlink" Target="https://learn.microsoft.com/troubleshoot/sql/releases/sqlserver-2022/incorrect-results-run-queries" TargetMode="External"/><Relationship Id="rId34" Type="http://schemas.openxmlformats.org/officeDocument/2006/relationships/hyperlink" Target="https://learn.microsoft.com/troubleshoot/sql/releases/sqlserver-2022/memory-exceed-configured-limits-memory-memorylimitmb" TargetMode="External"/><Relationship Id="rId7" Type="http://schemas.openxmlformats.org/officeDocument/2006/relationships/hyperlink" Target="https://learn.microsoft.com/troubleshoot/sql/releases/sqlserver-2022/cumulativeupdate2" TargetMode="External"/><Relationship Id="rId12" Type="http://schemas.openxmlformats.org/officeDocument/2006/relationships/hyperlink" Target="https://learn.microsoft.com/troubleshoot/sql/releases/sqlserver-2022/cumulativeupdate2" TargetMode="External"/><Relationship Id="rId17" Type="http://schemas.openxmlformats.org/officeDocument/2006/relationships/hyperlink" Target="https://learn.microsoft.com/troubleshoot/sql/releases/sqlserver-2022/cumulativeupdate2" TargetMode="External"/><Relationship Id="rId25" Type="http://schemas.openxmlformats.org/officeDocument/2006/relationships/hyperlink" Target="https://support.microsoft.com/help/4052136" TargetMode="External"/><Relationship Id="rId33" Type="http://schemas.openxmlformats.org/officeDocument/2006/relationships/hyperlink" Target="https://support.microsoft.com/kb/5040936" TargetMode="External"/><Relationship Id="rId2" Type="http://schemas.openxmlformats.org/officeDocument/2006/relationships/hyperlink" Target="https://learn.microsoft.com/troubleshoot/sql/releases/sqlserver-2022/cumulativeupdate1" TargetMode="External"/><Relationship Id="rId16" Type="http://schemas.openxmlformats.org/officeDocument/2006/relationships/hyperlink" Target="https://support.microsoft.com/kb/5017009" TargetMode="External"/><Relationship Id="rId20" Type="http://schemas.openxmlformats.org/officeDocument/2006/relationships/hyperlink" Target="https://learn.microsoft.com/troubleshoot/sql/releases/sqlserver-2022/errors-apply-cu-contained-availability-group" TargetMode="External"/><Relationship Id="rId29" Type="http://schemas.openxmlformats.org/officeDocument/2006/relationships/hyperlink" Target="https://learn.microsoft.com/troubleshoot/sql/releases/sqlserver-2022/cumulativeupdate11" TargetMode="External"/><Relationship Id="rId1" Type="http://schemas.openxmlformats.org/officeDocument/2006/relationships/hyperlink" Target="https://learn.microsoft.com/troubleshoot/sql/releases/sqlserver-2022/cumulativeupdate1" TargetMode="External"/><Relationship Id="rId6" Type="http://schemas.openxmlformats.org/officeDocument/2006/relationships/hyperlink" Target="https://learn.microsoft.com/troubleshoot/sql/releases/sqlserver-2022/cumulativeupdate2" TargetMode="External"/><Relationship Id="rId11" Type="http://schemas.openxmlformats.org/officeDocument/2006/relationships/hyperlink" Target="https://learn.microsoft.com/troubleshoot/sql/releases/sqlserver-2022/cumulativeupdate2" TargetMode="External"/><Relationship Id="rId24" Type="http://schemas.openxmlformats.org/officeDocument/2006/relationships/hyperlink" Target="https://learn.microsoft.com/troubleshoot/sql/releases/sqlserver-2022/cumulativeupdate6" TargetMode="External"/><Relationship Id="rId32" Type="http://schemas.openxmlformats.org/officeDocument/2006/relationships/hyperlink" Target="https://support.microsoft.com/kb/5040939" TargetMode="External"/><Relationship Id="rId37" Type="http://schemas.openxmlformats.org/officeDocument/2006/relationships/table" Target="../tables/table3.xml"/><Relationship Id="rId5" Type="http://schemas.openxmlformats.org/officeDocument/2006/relationships/hyperlink" Target="https://learn.microsoft.com/troubleshoot/sql/releases/sqlserver-2022/error-set-sql-server-agent-job-history-log" TargetMode="External"/><Relationship Id="rId15" Type="http://schemas.openxmlformats.org/officeDocument/2006/relationships/hyperlink" Target="https://learn.microsoft.com/troubleshoot/sql/releases/sqlserver-2022/cumulativeupdate2" TargetMode="External"/><Relationship Id="rId23" Type="http://schemas.openxmlformats.org/officeDocument/2006/relationships/hyperlink" Target="https://learn.microsoft.com/troubleshoot/sql/releases/sqlserver-2022/cumulativeupdate6" TargetMode="External"/><Relationship Id="rId28" Type="http://schemas.openxmlformats.org/officeDocument/2006/relationships/hyperlink" Target="https://learn.microsoft.com/troubleshoot/sql/releases/sqlserver-2022/cumulativeupdate10" TargetMode="External"/><Relationship Id="rId36" Type="http://schemas.openxmlformats.org/officeDocument/2006/relationships/customProperty" Target="../customProperty2.bin"/><Relationship Id="rId10" Type="http://schemas.openxmlformats.org/officeDocument/2006/relationships/hyperlink" Target="https://learn.microsoft.com/troubleshoot/sql/releases/sqlserver-2022/cumulativeupdate2" TargetMode="External"/><Relationship Id="rId19" Type="http://schemas.openxmlformats.org/officeDocument/2006/relationships/hyperlink" Target="https://support.microsoft.com/kb/4538581" TargetMode="External"/><Relationship Id="rId31" Type="http://schemas.openxmlformats.org/officeDocument/2006/relationships/hyperlink" Target="https://support.microsoft.com/kb/4034376" TargetMode="External"/><Relationship Id="rId4" Type="http://schemas.openxmlformats.org/officeDocument/2006/relationships/hyperlink" Target="https://learn.microsoft.com/troubleshoot/sql/releases/sqlserver-2022/database-accessibility-issues-high-volume-customer-workloads" TargetMode="External"/><Relationship Id="rId9" Type="http://schemas.openxmlformats.org/officeDocument/2006/relationships/hyperlink" Target="https://learn.microsoft.com/troubleshoot/sql/releases/sqlserver-2022/cumulativeupdate2" TargetMode="External"/><Relationship Id="rId14" Type="http://schemas.openxmlformats.org/officeDocument/2006/relationships/hyperlink" Target="https://learn.microsoft.com/troubleshoot/sql/releases/sqlserver-2022/cumulativeupdate2" TargetMode="External"/><Relationship Id="rId22" Type="http://schemas.openxmlformats.org/officeDocument/2006/relationships/hyperlink" Target="https://learn.microsoft.com/troubleshoot/sql/releases/sqlserver-2022/cumulativeupdate5" TargetMode="External"/><Relationship Id="rId27" Type="http://schemas.openxmlformats.org/officeDocument/2006/relationships/hyperlink" Target="https://learn.microsoft.com/troubleshoot/sql/releases/sqlserver-2022/cumulativeupdate8" TargetMode="External"/><Relationship Id="rId30" Type="http://schemas.openxmlformats.org/officeDocument/2006/relationships/hyperlink" Target="https://learn.microsoft.com/troubleshoot/sql/releases/sqlserver-2022/cumulativeupdate11" TargetMode="External"/><Relationship Id="rId35" Type="http://schemas.openxmlformats.org/officeDocument/2006/relationships/printerSettings" Target="../printerSettings/printerSettings3.bin"/><Relationship Id="rId8" Type="http://schemas.openxmlformats.org/officeDocument/2006/relationships/hyperlink" Target="https://learn.microsoft.com/troubleshoot/sql/releases/sqlserver-2022/cumulativeupdate2" TargetMode="External"/><Relationship Id="rId3" Type="http://schemas.openxmlformats.org/officeDocument/2006/relationships/hyperlink" Target="https://learn.microsoft.com/troubleshoot/sql/releases/sqlserver-2022/cumulativeupdate1" TargetMode="External"/></Relationships>
</file>

<file path=xl/worksheets/_rels/sheet4.xml.rels><?xml version="1.0" encoding="UTF-8" standalone="yes"?>
<Relationships xmlns="http://schemas.openxmlformats.org/package/2006/relationships"><Relationship Id="rId8" Type="http://schemas.openxmlformats.org/officeDocument/2006/relationships/hyperlink" Target="https://support.microsoft.com/kb/5036335" TargetMode="External"/><Relationship Id="rId13" Type="http://schemas.openxmlformats.org/officeDocument/2006/relationships/hyperlink" Target="https://learn.microsoft.com/troubleshoot/sql/releases/sqlserver-2019/cumulativeupdate28" TargetMode="External"/><Relationship Id="rId3" Type="http://schemas.openxmlformats.org/officeDocument/2006/relationships/hyperlink" Target="https://support.microsoft.com/kb/5029378" TargetMode="External"/><Relationship Id="rId7" Type="http://schemas.openxmlformats.org/officeDocument/2006/relationships/hyperlink" Target="https://learn.microsoft.com/troubleshoot/sql/releases/sqlserver-2019/cumulativeupdate26" TargetMode="External"/><Relationship Id="rId12" Type="http://schemas.openxmlformats.org/officeDocument/2006/relationships/hyperlink" Target="https://support.microsoft.com/kb/5040986" TargetMode="External"/><Relationship Id="rId2" Type="http://schemas.openxmlformats.org/officeDocument/2006/relationships/hyperlink" Target="https://learn.microsoft.com/troubleshoot/sql/releases/sqlserver-2019/cumulativeupdate22" TargetMode="External"/><Relationship Id="rId16" Type="http://schemas.openxmlformats.org/officeDocument/2006/relationships/table" Target="../tables/table4.xml"/><Relationship Id="rId1" Type="http://schemas.openxmlformats.org/officeDocument/2006/relationships/hyperlink" Target="https://learn.microsoft.com/troubleshoot/sql/releases/sqlserver-2019/cumulativeupdate21" TargetMode="External"/><Relationship Id="rId6" Type="http://schemas.openxmlformats.org/officeDocument/2006/relationships/hyperlink" Target="https://learn.microsoft.com/troubleshoot/sql/releases/sqlserver-2019/cumulativeupdate24" TargetMode="External"/><Relationship Id="rId11" Type="http://schemas.openxmlformats.org/officeDocument/2006/relationships/hyperlink" Target="https://support.microsoft.com/kb/5040948" TargetMode="External"/><Relationship Id="rId5" Type="http://schemas.openxmlformats.org/officeDocument/2006/relationships/hyperlink" Target="https://learn.microsoft.com/troubleshoot/sql/releases/sqlserver-2019/cumulativeupdate23" TargetMode="External"/><Relationship Id="rId15" Type="http://schemas.openxmlformats.org/officeDocument/2006/relationships/customProperty" Target="../customProperty3.bin"/><Relationship Id="rId10" Type="http://schemas.openxmlformats.org/officeDocument/2006/relationships/hyperlink" Target="https://learn.microsoft.com/troubleshoot/sql/releases/sqlserver-2019/cumulativeupdate27" TargetMode="External"/><Relationship Id="rId4" Type="http://schemas.openxmlformats.org/officeDocument/2006/relationships/hyperlink" Target="https://support.microsoft.com/kb/5029377" TargetMode="External"/><Relationship Id="rId9" Type="http://schemas.openxmlformats.org/officeDocument/2006/relationships/hyperlink" Target="https://support.microsoft.com/kb/5035434" TargetMode="External"/><Relationship Id="rId14"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hyperlink" Target="https://learn.microsoft.com/troubleshoot/sql/releases/sqlserver-2019/cumulativeupdate28" TargetMode="External"/><Relationship Id="rId3" Type="http://schemas.openxmlformats.org/officeDocument/2006/relationships/hyperlink" Target="https://learn.microsoft.com/troubleshoot/sql/releases/sqlserver-2019/cumulativeupdate21" TargetMode="External"/><Relationship Id="rId7" Type="http://schemas.openxmlformats.org/officeDocument/2006/relationships/hyperlink" Target="https://learn.microsoft.com/troubleshoot/sql/releases/sqlserver-2022/memory-exceed-configured-limits-memory-memorylimitmb" TargetMode="External"/><Relationship Id="rId2" Type="http://schemas.openxmlformats.org/officeDocument/2006/relationships/hyperlink" Target="https://learn.microsoft.com/troubleshoot/sql/releases/sqlserver-2022/error-set-sql-server-agent-job-history-log" TargetMode="External"/><Relationship Id="rId1" Type="http://schemas.openxmlformats.org/officeDocument/2006/relationships/hyperlink" Target="https://learn.microsoft.com/troubleshoot/sql/releases/sqlserver-2022/database-accessibility-issues-high-volume-customer-workloads" TargetMode="External"/><Relationship Id="rId6" Type="http://schemas.openxmlformats.org/officeDocument/2006/relationships/hyperlink" Target="https://learn.microsoft.com/troubleshoot/sql/releases/sqlserver-2019/cumulativeupdate27" TargetMode="External"/><Relationship Id="rId11" Type="http://schemas.openxmlformats.org/officeDocument/2006/relationships/table" Target="../tables/table5.xml"/><Relationship Id="rId5" Type="http://schemas.openxmlformats.org/officeDocument/2006/relationships/hyperlink" Target="https://learn.microsoft.com/troubleshoot/sql/releases/sqlserver-2019/cumulativeupdate27" TargetMode="External"/><Relationship Id="rId10" Type="http://schemas.openxmlformats.org/officeDocument/2006/relationships/customProperty" Target="../customProperty4.bin"/><Relationship Id="rId4" Type="http://schemas.openxmlformats.org/officeDocument/2006/relationships/hyperlink" Target="https://learn.microsoft.com/troubleshoot/sql/releases/sqlserver-2019/cumulativeupdate27" TargetMode="External"/><Relationship Id="rId9"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3" Type="http://schemas.openxmlformats.org/officeDocument/2006/relationships/hyperlink" Target="https://support.microsoft.com/kb/4293803" TargetMode="External"/><Relationship Id="rId18" Type="http://schemas.openxmlformats.org/officeDocument/2006/relationships/hyperlink" Target="https://support.microsoft.com/kb/4484710" TargetMode="External"/><Relationship Id="rId26" Type="http://schemas.openxmlformats.org/officeDocument/2006/relationships/hyperlink" Target="https://support.microsoft.com/kb/4527377" TargetMode="External"/><Relationship Id="rId39" Type="http://schemas.openxmlformats.org/officeDocument/2006/relationships/hyperlink" Target="https://support.microsoft.com/kb/5010786" TargetMode="External"/><Relationship Id="rId21" Type="http://schemas.openxmlformats.org/officeDocument/2006/relationships/hyperlink" Target="https://support.microsoft.com/kb/4498951" TargetMode="External"/><Relationship Id="rId34" Type="http://schemas.openxmlformats.org/officeDocument/2006/relationships/hyperlink" Target="https://support.microsoft.com/kb/5001228" TargetMode="External"/><Relationship Id="rId42" Type="http://schemas.openxmlformats.org/officeDocument/2006/relationships/hyperlink" Target="https://support.microsoft.com/kb/5013756" TargetMode="External"/><Relationship Id="rId47" Type="http://schemas.openxmlformats.org/officeDocument/2006/relationships/hyperlink" Target="https://support.microsoft.com/kb/5040940" TargetMode="External"/><Relationship Id="rId50" Type="http://schemas.openxmlformats.org/officeDocument/2006/relationships/customProperty" Target="../customProperty5.bin"/><Relationship Id="rId7" Type="http://schemas.openxmlformats.org/officeDocument/2006/relationships/hyperlink" Target="https://support.microsoft.com/kb/4092643" TargetMode="External"/><Relationship Id="rId2" Type="http://schemas.openxmlformats.org/officeDocument/2006/relationships/hyperlink" Target="https://support.microsoft.com/kb/4052574" TargetMode="External"/><Relationship Id="rId16" Type="http://schemas.openxmlformats.org/officeDocument/2006/relationships/hyperlink" Target="https://support.microsoft.com/kb/4464082" TargetMode="External"/><Relationship Id="rId29" Type="http://schemas.openxmlformats.org/officeDocument/2006/relationships/hyperlink" Target="https://support.microsoft.com/kb/4557397" TargetMode="External"/><Relationship Id="rId11" Type="http://schemas.openxmlformats.org/officeDocument/2006/relationships/hyperlink" Target="https://support.microsoft.com/kb/4341265" TargetMode="External"/><Relationship Id="rId24" Type="http://schemas.openxmlformats.org/officeDocument/2006/relationships/hyperlink" Target="https://support.microsoft.com/kb/4508218" TargetMode="External"/><Relationship Id="rId32" Type="http://schemas.openxmlformats.org/officeDocument/2006/relationships/hyperlink" Target="https://support.microsoft.com/kb/4583457" TargetMode="External"/><Relationship Id="rId37" Type="http://schemas.openxmlformats.org/officeDocument/2006/relationships/hyperlink" Target="https://support.microsoft.com/kb/5006944" TargetMode="External"/><Relationship Id="rId40" Type="http://schemas.openxmlformats.org/officeDocument/2006/relationships/hyperlink" Target="https://support.microsoft.com/kb/5014354" TargetMode="External"/><Relationship Id="rId45" Type="http://schemas.openxmlformats.org/officeDocument/2006/relationships/hyperlink" Target="https://portal.msrc.microsoft.com/en-us/security-guidance/advisory/ADV180002" TargetMode="External"/><Relationship Id="rId5" Type="http://schemas.openxmlformats.org/officeDocument/2006/relationships/hyperlink" Target="https://support.microsoft.com/kb/4058562" TargetMode="External"/><Relationship Id="rId15" Type="http://schemas.openxmlformats.org/officeDocument/2006/relationships/hyperlink" Target="https://support.microsoft.com/kb/4462262" TargetMode="External"/><Relationship Id="rId23" Type="http://schemas.openxmlformats.org/officeDocument/2006/relationships/hyperlink" Target="https://support.microsoft.com/kb/4505225" TargetMode="External"/><Relationship Id="rId28" Type="http://schemas.openxmlformats.org/officeDocument/2006/relationships/hyperlink" Target="https://support.microsoft.com/kb/4541283" TargetMode="External"/><Relationship Id="rId36" Type="http://schemas.openxmlformats.org/officeDocument/2006/relationships/hyperlink" Target="https://support.microsoft.com/kb/5005226" TargetMode="External"/><Relationship Id="rId49" Type="http://schemas.openxmlformats.org/officeDocument/2006/relationships/printerSettings" Target="../printerSettings/printerSettings6.bin"/><Relationship Id="rId10" Type="http://schemas.openxmlformats.org/officeDocument/2006/relationships/hyperlink" Target="https://support.microsoft.com/kb/4338363" TargetMode="External"/><Relationship Id="rId19" Type="http://schemas.openxmlformats.org/officeDocument/2006/relationships/hyperlink" Target="https://support.microsoft.com/kb/4494351" TargetMode="External"/><Relationship Id="rId31" Type="http://schemas.openxmlformats.org/officeDocument/2006/relationships/hyperlink" Target="https://support.microsoft.com/kb/4583456" TargetMode="External"/><Relationship Id="rId44" Type="http://schemas.openxmlformats.org/officeDocument/2006/relationships/hyperlink" Target="https://portal.msrc.microsoft.com/en-us/security-guidance/advisory/ADV180002" TargetMode="External"/><Relationship Id="rId4" Type="http://schemas.openxmlformats.org/officeDocument/2006/relationships/hyperlink" Target="https://support.microsoft.com/kb/4052987" TargetMode="External"/><Relationship Id="rId9" Type="http://schemas.openxmlformats.org/officeDocument/2006/relationships/hyperlink" Target="https://support.microsoft.com/kb/4229789" TargetMode="External"/><Relationship Id="rId14" Type="http://schemas.openxmlformats.org/officeDocument/2006/relationships/hyperlink" Target="https://support.microsoft.com/kb/4342123" TargetMode="External"/><Relationship Id="rId22" Type="http://schemas.openxmlformats.org/officeDocument/2006/relationships/hyperlink" Target="https://support.microsoft.com/kb/4505224" TargetMode="External"/><Relationship Id="rId27" Type="http://schemas.openxmlformats.org/officeDocument/2006/relationships/hyperlink" Target="https://support.microsoft.com/kb/4535007" TargetMode="External"/><Relationship Id="rId30" Type="http://schemas.openxmlformats.org/officeDocument/2006/relationships/hyperlink" Target="https://support.microsoft.com/kb/4577467" TargetMode="External"/><Relationship Id="rId35" Type="http://schemas.openxmlformats.org/officeDocument/2006/relationships/hyperlink" Target="https://support.microsoft.com/kb/5003830" TargetMode="External"/><Relationship Id="rId43" Type="http://schemas.openxmlformats.org/officeDocument/2006/relationships/hyperlink" Target="https://support.microsoft.com/kb/5016884" TargetMode="External"/><Relationship Id="rId48" Type="http://schemas.openxmlformats.org/officeDocument/2006/relationships/hyperlink" Target="https://support.microsoft.com/kb/5040942" TargetMode="External"/><Relationship Id="rId8" Type="http://schemas.openxmlformats.org/officeDocument/2006/relationships/hyperlink" Target="https://support.microsoft.com/kb/4101464" TargetMode="External"/><Relationship Id="rId51" Type="http://schemas.openxmlformats.org/officeDocument/2006/relationships/table" Target="../tables/table6.xml"/><Relationship Id="rId3" Type="http://schemas.openxmlformats.org/officeDocument/2006/relationships/hyperlink" Target="https://support.microsoft.com/kb/4057122" TargetMode="External"/><Relationship Id="rId12" Type="http://schemas.openxmlformats.org/officeDocument/2006/relationships/hyperlink" Target="https://support.microsoft.com/kb/4293805" TargetMode="External"/><Relationship Id="rId17" Type="http://schemas.openxmlformats.org/officeDocument/2006/relationships/hyperlink" Target="https://support.microsoft.com/kb/4466404" TargetMode="External"/><Relationship Id="rId25" Type="http://schemas.openxmlformats.org/officeDocument/2006/relationships/hyperlink" Target="https://support.microsoft.com/kb/4515579" TargetMode="External"/><Relationship Id="rId33" Type="http://schemas.openxmlformats.org/officeDocument/2006/relationships/hyperlink" Target="https://support.microsoft.com/kb/5000685" TargetMode="External"/><Relationship Id="rId38" Type="http://schemas.openxmlformats.org/officeDocument/2006/relationships/hyperlink" Target="https://support.microsoft.com/kb/5008084" TargetMode="External"/><Relationship Id="rId46" Type="http://schemas.openxmlformats.org/officeDocument/2006/relationships/hyperlink" Target="https://portal.msrc.microsoft.com/en-us/security-guidance/advisory/ADV180002" TargetMode="External"/><Relationship Id="rId20" Type="http://schemas.openxmlformats.org/officeDocument/2006/relationships/hyperlink" Target="https://support.microsoft.com/kb/4494352" TargetMode="External"/><Relationship Id="rId41" Type="http://schemas.openxmlformats.org/officeDocument/2006/relationships/hyperlink" Target="https://support.microsoft.com/kb/5014553" TargetMode="External"/><Relationship Id="rId1" Type="http://schemas.openxmlformats.org/officeDocument/2006/relationships/hyperlink" Target="https://support.microsoft.com/kb/4038634" TargetMode="External"/><Relationship Id="rId6" Type="http://schemas.openxmlformats.org/officeDocument/2006/relationships/hyperlink" Target="https://support.microsoft.com/kb/4056498" TargetMode="External"/></Relationships>
</file>

<file path=xl/worksheets/_rels/sheet7.xml.rels><?xml version="1.0" encoding="UTF-8" standalone="yes"?>
<Relationships xmlns="http://schemas.openxmlformats.org/package/2006/relationships"><Relationship Id="rId3" Type="http://schemas.openxmlformats.org/officeDocument/2006/relationships/customProperty" Target="../customProperty6.bin"/><Relationship Id="rId2" Type="http://schemas.openxmlformats.org/officeDocument/2006/relationships/printerSettings" Target="../printerSettings/printerSettings7.bin"/><Relationship Id="rId1" Type="http://schemas.openxmlformats.org/officeDocument/2006/relationships/hyperlink" Target="https://support.microsoft.com/kb/4341221" TargetMode="External"/><Relationship Id="rId4" Type="http://schemas.openxmlformats.org/officeDocument/2006/relationships/table" Target="../tables/table7.xml"/></Relationships>
</file>

<file path=xl/worksheets/_rels/sheet8.xml.rels><?xml version="1.0" encoding="UTF-8" standalone="yes"?>
<Relationships xmlns="http://schemas.openxmlformats.org/package/2006/relationships"><Relationship Id="rId8" Type="http://schemas.openxmlformats.org/officeDocument/2006/relationships/hyperlink" Target="https://support.microsoft.com/kb/5040946" TargetMode="External"/><Relationship Id="rId3" Type="http://schemas.openxmlformats.org/officeDocument/2006/relationships/hyperlink" Target="https://portal.msrc.microsoft.com/en-us/security-guidance/advisory/ADV180002" TargetMode="External"/><Relationship Id="rId7" Type="http://schemas.openxmlformats.org/officeDocument/2006/relationships/hyperlink" Target="file:///\\Bld-fs-ds-mm-03\tfs\SQL16_SP1_QFE-CU\3559241" TargetMode="External"/><Relationship Id="rId12" Type="http://schemas.openxmlformats.org/officeDocument/2006/relationships/table" Target="../tables/table8.xml"/><Relationship Id="rId2" Type="http://schemas.openxmlformats.org/officeDocument/2006/relationships/hyperlink" Target="https://technet.microsoft.com/library/security/ms16-136" TargetMode="External"/><Relationship Id="rId1" Type="http://schemas.openxmlformats.org/officeDocument/2006/relationships/hyperlink" Target="https://technet.microsoft.com/library/security/ms16-136" TargetMode="External"/><Relationship Id="rId6" Type="http://schemas.openxmlformats.org/officeDocument/2006/relationships/hyperlink" Target="https://portal.msrc.microsoft.com/en-us/security-guidance/advisory/ADV180002" TargetMode="External"/><Relationship Id="rId11" Type="http://schemas.openxmlformats.org/officeDocument/2006/relationships/customProperty" Target="../customProperty7.bin"/><Relationship Id="rId5" Type="http://schemas.openxmlformats.org/officeDocument/2006/relationships/hyperlink" Target="https://portal.msrc.microsoft.com/en-us/security-guidance/advisory/ADV180002" TargetMode="External"/><Relationship Id="rId10" Type="http://schemas.openxmlformats.org/officeDocument/2006/relationships/printerSettings" Target="../printerSettings/printerSettings8.bin"/><Relationship Id="rId4" Type="http://schemas.openxmlformats.org/officeDocument/2006/relationships/hyperlink" Target="https://portal.msrc.microsoft.com/en-us/security-guidance/advisory/ADV180002" TargetMode="External"/><Relationship Id="rId9" Type="http://schemas.openxmlformats.org/officeDocument/2006/relationships/hyperlink" Target="https://support.microsoft.com/kb/5040944" TargetMode="External"/></Relationships>
</file>

<file path=xl/worksheets/_rels/sheet9.xml.rels><?xml version="1.0" encoding="UTF-8" standalone="yes"?>
<Relationships xmlns="http://schemas.openxmlformats.org/package/2006/relationships"><Relationship Id="rId26" Type="http://schemas.openxmlformats.org/officeDocument/2006/relationships/hyperlink" Target="https://support.microsoft.com/kb/3144517" TargetMode="External"/><Relationship Id="rId21" Type="http://schemas.openxmlformats.org/officeDocument/2006/relationships/hyperlink" Target="https://support.microsoft.com/kb/3094221" TargetMode="External"/><Relationship Id="rId42" Type="http://schemas.openxmlformats.org/officeDocument/2006/relationships/hyperlink" Target="https://support.microsoft.com/kb/4505422" TargetMode="External"/><Relationship Id="rId47" Type="http://schemas.openxmlformats.org/officeDocument/2006/relationships/hyperlink" Target="https://support.microsoft.com/kb/4491540" TargetMode="External"/><Relationship Id="rId63" Type="http://schemas.openxmlformats.org/officeDocument/2006/relationships/hyperlink" Target="https://support.microsoft.com/kb/4019094" TargetMode="External"/><Relationship Id="rId68" Type="http://schemas.openxmlformats.org/officeDocument/2006/relationships/hyperlink" Target="https://support.microsoft.com/kb/4013098" TargetMode="External"/><Relationship Id="rId16" Type="http://schemas.openxmlformats.org/officeDocument/2006/relationships/hyperlink" Target="https://support.microsoft.com/kb/3045323" TargetMode="External"/><Relationship Id="rId11" Type="http://schemas.openxmlformats.org/officeDocument/2006/relationships/hyperlink" Target="https://support.microsoft.com/kb/3046038" TargetMode="External"/><Relationship Id="rId32" Type="http://schemas.openxmlformats.org/officeDocument/2006/relationships/hyperlink" Target="https://support.microsoft.com/kb/3178925" TargetMode="External"/><Relationship Id="rId37" Type="http://schemas.openxmlformats.org/officeDocument/2006/relationships/hyperlink" Target="https://support.microsoft.com/kb/4583463" TargetMode="External"/><Relationship Id="rId53" Type="http://schemas.openxmlformats.org/officeDocument/2006/relationships/hyperlink" Target="https://support.microsoft.com/kb/4459860" TargetMode="External"/><Relationship Id="rId58" Type="http://schemas.openxmlformats.org/officeDocument/2006/relationships/hyperlink" Target="https://support.microsoft.com/kb/4057120" TargetMode="External"/><Relationship Id="rId74" Type="http://schemas.openxmlformats.org/officeDocument/2006/relationships/hyperlink" Target="https://support.microsoft.com/kb/3194718" TargetMode="External"/><Relationship Id="rId79" Type="http://schemas.openxmlformats.org/officeDocument/2006/relationships/hyperlink" Target="https://portal.msrc.microsoft.com/en-us/security-guidance/advisory/ADV180002" TargetMode="External"/><Relationship Id="rId5" Type="http://schemas.openxmlformats.org/officeDocument/2006/relationships/hyperlink" Target="https://support.microsoft.com/kb/5014164" TargetMode="External"/><Relationship Id="rId61" Type="http://schemas.openxmlformats.org/officeDocument/2006/relationships/hyperlink" Target="https://support.microsoft.com/kb/4032541" TargetMode="External"/><Relationship Id="rId82" Type="http://schemas.openxmlformats.org/officeDocument/2006/relationships/customProperty" Target="../customProperty8.bin"/><Relationship Id="rId19" Type="http://schemas.openxmlformats.org/officeDocument/2006/relationships/hyperlink" Target="https://support.microsoft.com/kb/3075950" TargetMode="External"/><Relationship Id="rId14" Type="http://schemas.openxmlformats.org/officeDocument/2006/relationships/hyperlink" Target="https://support.microsoft.com/kb/3067839" TargetMode="External"/><Relationship Id="rId22" Type="http://schemas.openxmlformats.org/officeDocument/2006/relationships/hyperlink" Target="https://support.microsoft.com/kb/3106659" TargetMode="External"/><Relationship Id="rId27" Type="http://schemas.openxmlformats.org/officeDocument/2006/relationships/hyperlink" Target="https://support.microsoft.com/kb/3167392" TargetMode="External"/><Relationship Id="rId30" Type="http://schemas.openxmlformats.org/officeDocument/2006/relationships/hyperlink" Target="https://support.microsoft.com/kb/3171021" TargetMode="External"/><Relationship Id="rId35" Type="http://schemas.openxmlformats.org/officeDocument/2006/relationships/hyperlink" Target="https://support.microsoft.com/kb/3194720" TargetMode="External"/><Relationship Id="rId43" Type="http://schemas.openxmlformats.org/officeDocument/2006/relationships/hyperlink" Target="https://support.microsoft.com/kb/4505218" TargetMode="External"/><Relationship Id="rId48" Type="http://schemas.openxmlformats.org/officeDocument/2006/relationships/hyperlink" Target="https://support.microsoft.com/kb/4482960" TargetMode="External"/><Relationship Id="rId56" Type="http://schemas.openxmlformats.org/officeDocument/2006/relationships/hyperlink" Target="https://support.microsoft.com/kb/4077063" TargetMode="External"/><Relationship Id="rId64" Type="http://schemas.openxmlformats.org/officeDocument/2006/relationships/hyperlink" Target="https://support.microsoft.com/kb/4019099" TargetMode="External"/><Relationship Id="rId69" Type="http://schemas.openxmlformats.org/officeDocument/2006/relationships/hyperlink" Target="https://support.microsoft.com/kb/4010394" TargetMode="External"/><Relationship Id="rId77" Type="http://schemas.openxmlformats.org/officeDocument/2006/relationships/hyperlink" Target="https://technet.microsoft.com/library/security/ms16-136" TargetMode="External"/><Relationship Id="rId8" Type="http://schemas.openxmlformats.org/officeDocument/2006/relationships/hyperlink" Target="https://support.microsoft.com/kb/2999197" TargetMode="External"/><Relationship Id="rId51" Type="http://schemas.openxmlformats.org/officeDocument/2006/relationships/hyperlink" Target="https://support.microsoft.com/kb/4469137" TargetMode="External"/><Relationship Id="rId72" Type="http://schemas.openxmlformats.org/officeDocument/2006/relationships/hyperlink" Target="https://support.microsoft.com/kb/3194722" TargetMode="External"/><Relationship Id="rId80" Type="http://schemas.openxmlformats.org/officeDocument/2006/relationships/hyperlink" Target="https://portal.msrc.microsoft.com/en-us/security-guidance/advisory/ADV180002" TargetMode="External"/><Relationship Id="rId3" Type="http://schemas.openxmlformats.org/officeDocument/2006/relationships/hyperlink" Target="https://support.microsoft.com/kb/2977315" TargetMode="External"/><Relationship Id="rId12" Type="http://schemas.openxmlformats.org/officeDocument/2006/relationships/hyperlink" Target="https://support.microsoft.com/kb/3058865" TargetMode="External"/><Relationship Id="rId17" Type="http://schemas.openxmlformats.org/officeDocument/2006/relationships/hyperlink" Target="https://support.microsoft.com/kb/3070446" TargetMode="External"/><Relationship Id="rId25" Type="http://schemas.openxmlformats.org/officeDocument/2006/relationships/hyperlink" Target="https://support.microsoft.com/kb/3130926" TargetMode="External"/><Relationship Id="rId33" Type="http://schemas.openxmlformats.org/officeDocument/2006/relationships/hyperlink" Target="https://support.microsoft.com/kb/3186964" TargetMode="External"/><Relationship Id="rId38" Type="http://schemas.openxmlformats.org/officeDocument/2006/relationships/hyperlink" Target="https://support.microsoft.com/kb/4535288" TargetMode="External"/><Relationship Id="rId46" Type="http://schemas.openxmlformats.org/officeDocument/2006/relationships/hyperlink" Target="https://support.microsoft.com/kb/4491539" TargetMode="External"/><Relationship Id="rId59" Type="http://schemas.openxmlformats.org/officeDocument/2006/relationships/hyperlink" Target="https://support.microsoft.com/kb/4055557" TargetMode="External"/><Relationship Id="rId67" Type="http://schemas.openxmlformats.org/officeDocument/2006/relationships/hyperlink" Target="https://support.microsoft.com/kb/4010392" TargetMode="External"/><Relationship Id="rId20" Type="http://schemas.openxmlformats.org/officeDocument/2006/relationships/hyperlink" Target="https://support.microsoft.com/kb/3094220" TargetMode="External"/><Relationship Id="rId41" Type="http://schemas.openxmlformats.org/officeDocument/2006/relationships/hyperlink" Target="https://support.microsoft.com/kb/4500180" TargetMode="External"/><Relationship Id="rId54" Type="http://schemas.openxmlformats.org/officeDocument/2006/relationships/hyperlink" Target="https://support.microsoft.com/kb/4456287" TargetMode="External"/><Relationship Id="rId62" Type="http://schemas.openxmlformats.org/officeDocument/2006/relationships/hyperlink" Target="https://support.microsoft.com/kb/4019093" TargetMode="External"/><Relationship Id="rId70" Type="http://schemas.openxmlformats.org/officeDocument/2006/relationships/hyperlink" Target="https://support.microsoft.com/kb/3204388" TargetMode="External"/><Relationship Id="rId75" Type="http://schemas.openxmlformats.org/officeDocument/2006/relationships/hyperlink" Target="https://technet.microsoft.com/library/security/ms16-136" TargetMode="External"/><Relationship Id="rId83" Type="http://schemas.openxmlformats.org/officeDocument/2006/relationships/table" Target="../tables/table9.xml"/><Relationship Id="rId1" Type="http://schemas.openxmlformats.org/officeDocument/2006/relationships/hyperlink" Target="https://support.microsoft.com/kb/2931693" TargetMode="External"/><Relationship Id="rId6" Type="http://schemas.openxmlformats.org/officeDocument/2006/relationships/hyperlink" Target="https://support.microsoft.com/kb/5014165" TargetMode="External"/><Relationship Id="rId15" Type="http://schemas.openxmlformats.org/officeDocument/2006/relationships/hyperlink" Target="https://support.microsoft.com/kb/3045324" TargetMode="External"/><Relationship Id="rId23" Type="http://schemas.openxmlformats.org/officeDocument/2006/relationships/hyperlink" Target="https://support.microsoft.com/kb/3106660" TargetMode="External"/><Relationship Id="rId28" Type="http://schemas.openxmlformats.org/officeDocument/2006/relationships/hyperlink" Target="https://support.microsoft.com/kb/3158271" TargetMode="External"/><Relationship Id="rId36" Type="http://schemas.openxmlformats.org/officeDocument/2006/relationships/hyperlink" Target="https://support.microsoft.com/kb/4583462" TargetMode="External"/><Relationship Id="rId49" Type="http://schemas.openxmlformats.org/officeDocument/2006/relationships/hyperlink" Target="https://support.microsoft.com/kb/4482967" TargetMode="External"/><Relationship Id="rId57" Type="http://schemas.openxmlformats.org/officeDocument/2006/relationships/hyperlink" Target="https://support.microsoft.com/kb/4052725" TargetMode="External"/><Relationship Id="rId10" Type="http://schemas.openxmlformats.org/officeDocument/2006/relationships/hyperlink" Target="https://support.microsoft.com/kb/3031047" TargetMode="External"/><Relationship Id="rId31" Type="http://schemas.openxmlformats.org/officeDocument/2006/relationships/hyperlink" Target="https://support.microsoft.com/kb/3174038" TargetMode="External"/><Relationship Id="rId44" Type="http://schemas.openxmlformats.org/officeDocument/2006/relationships/hyperlink" Target="https://support.microsoft.com/kb/4505419" TargetMode="External"/><Relationship Id="rId52" Type="http://schemas.openxmlformats.org/officeDocument/2006/relationships/hyperlink" Target="https://support.microsoft.com/kb/4022619" TargetMode="External"/><Relationship Id="rId60" Type="http://schemas.openxmlformats.org/officeDocument/2006/relationships/hyperlink" Target="https://support.microsoft.com/kb/4037356" TargetMode="External"/><Relationship Id="rId65" Type="http://schemas.openxmlformats.org/officeDocument/2006/relationships/hyperlink" Target="https://support.microsoft.com/kb/4019091" TargetMode="External"/><Relationship Id="rId73" Type="http://schemas.openxmlformats.org/officeDocument/2006/relationships/hyperlink" Target="https://support.microsoft.com/kb/3194714" TargetMode="External"/><Relationship Id="rId78" Type="http://schemas.openxmlformats.org/officeDocument/2006/relationships/hyperlink" Target="https://technet.microsoft.com/library/security/ms16-136" TargetMode="External"/><Relationship Id="rId81" Type="http://schemas.openxmlformats.org/officeDocument/2006/relationships/printerSettings" Target="../printerSettings/printerSettings9.bin"/><Relationship Id="rId4" Type="http://schemas.openxmlformats.org/officeDocument/2006/relationships/hyperlink" Target="https://support.microsoft.com/kb/2977316" TargetMode="External"/><Relationship Id="rId9" Type="http://schemas.openxmlformats.org/officeDocument/2006/relationships/hyperlink" Target="https://support.microsoft.com/kb/3011055" TargetMode="External"/><Relationship Id="rId13" Type="http://schemas.openxmlformats.org/officeDocument/2006/relationships/hyperlink" Target="https://support.microsoft.com/kb/3067836" TargetMode="External"/><Relationship Id="rId18" Type="http://schemas.openxmlformats.org/officeDocument/2006/relationships/hyperlink" Target="https://support.microsoft.com/kb/3075949" TargetMode="External"/><Relationship Id="rId39" Type="http://schemas.openxmlformats.org/officeDocument/2006/relationships/hyperlink" Target="https://support.microsoft.com/kb/4532095" TargetMode="External"/><Relationship Id="rId34" Type="http://schemas.openxmlformats.org/officeDocument/2006/relationships/hyperlink" Target="https://support.microsoft.com/kb/3188778" TargetMode="External"/><Relationship Id="rId50" Type="http://schemas.openxmlformats.org/officeDocument/2006/relationships/hyperlink" Target="https://support.microsoft.com/kb/4470220" TargetMode="External"/><Relationship Id="rId55" Type="http://schemas.openxmlformats.org/officeDocument/2006/relationships/hyperlink" Target="https://support.microsoft.com/kb/4130489" TargetMode="External"/><Relationship Id="rId76" Type="http://schemas.openxmlformats.org/officeDocument/2006/relationships/hyperlink" Target="https://technet.microsoft.com/library/security/ms16-136" TargetMode="External"/><Relationship Id="rId7" Type="http://schemas.openxmlformats.org/officeDocument/2006/relationships/hyperlink" Target="https://support.microsoft.com/kb/2984923" TargetMode="External"/><Relationship Id="rId71" Type="http://schemas.openxmlformats.org/officeDocument/2006/relationships/hyperlink" Target="https://support.microsoft.com/kb/3204399" TargetMode="External"/><Relationship Id="rId2" Type="http://schemas.openxmlformats.org/officeDocument/2006/relationships/hyperlink" Target="https://support.microsoft.com/kb/2967546" TargetMode="External"/><Relationship Id="rId29" Type="http://schemas.openxmlformats.org/officeDocument/2006/relationships/hyperlink" Target="https://support.microsoft.com/kb/3162659" TargetMode="External"/><Relationship Id="rId24" Type="http://schemas.openxmlformats.org/officeDocument/2006/relationships/hyperlink" Target="https://support.microsoft.com/kb/3130923" TargetMode="External"/><Relationship Id="rId40" Type="http://schemas.openxmlformats.org/officeDocument/2006/relationships/hyperlink" Target="https://support.microsoft.com/kb/4500181" TargetMode="External"/><Relationship Id="rId45" Type="http://schemas.openxmlformats.org/officeDocument/2006/relationships/hyperlink" Target="https://support.microsoft.com/kb/4505217" TargetMode="External"/><Relationship Id="rId66" Type="http://schemas.openxmlformats.org/officeDocument/2006/relationships/hyperlink" Target="https://support.microsoft.com/kb/4017793"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688016-8049-4F16-BC0B-9FA02D287F6C}">
  <sheetPr>
    <tabColor rgb="FF00B050"/>
  </sheetPr>
  <dimension ref="A1:B10"/>
  <sheetViews>
    <sheetView tabSelected="1" workbookViewId="0"/>
  </sheetViews>
  <sheetFormatPr defaultRowHeight="14.4" x14ac:dyDescent="0.3"/>
  <cols>
    <col min="1" max="1" width="27.33203125" customWidth="1"/>
    <col min="2" max="2" width="97.5546875" customWidth="1"/>
  </cols>
  <sheetData>
    <row r="1" spans="1:2" x14ac:dyDescent="0.3">
      <c r="A1" s="3" t="s">
        <v>0</v>
      </c>
      <c r="B1" s="3" t="s">
        <v>1</v>
      </c>
    </row>
    <row r="2" spans="1:2" x14ac:dyDescent="0.3">
      <c r="A2" s="3" t="s">
        <v>2</v>
      </c>
      <c r="B2" s="10" t="s">
        <v>3</v>
      </c>
    </row>
    <row r="3" spans="1:2" x14ac:dyDescent="0.3">
      <c r="A3" s="3" t="s">
        <v>4</v>
      </c>
      <c r="B3" s="10" t="s">
        <v>5</v>
      </c>
    </row>
    <row r="4" spans="1:2" x14ac:dyDescent="0.3">
      <c r="A4" s="3" t="s">
        <v>6</v>
      </c>
      <c r="B4" s="10" t="s">
        <v>7</v>
      </c>
    </row>
    <row r="5" spans="1:2" x14ac:dyDescent="0.3">
      <c r="A5" s="3" t="s">
        <v>8</v>
      </c>
      <c r="B5" s="10" t="s">
        <v>9</v>
      </c>
    </row>
    <row r="6" spans="1:2" x14ac:dyDescent="0.3">
      <c r="A6" s="3" t="s">
        <v>10</v>
      </c>
      <c r="B6" s="10" t="s">
        <v>11</v>
      </c>
    </row>
    <row r="7" spans="1:2" x14ac:dyDescent="0.3">
      <c r="A7" s="3" t="s">
        <v>12</v>
      </c>
      <c r="B7" s="10" t="s">
        <v>13</v>
      </c>
    </row>
    <row r="8" spans="1:2" x14ac:dyDescent="0.3">
      <c r="A8" s="3" t="s">
        <v>14</v>
      </c>
      <c r="B8" s="10" t="s">
        <v>15</v>
      </c>
    </row>
    <row r="9" spans="1:2" x14ac:dyDescent="0.3">
      <c r="A9" s="3" t="s">
        <v>16</v>
      </c>
      <c r="B9" s="10" t="s">
        <v>17</v>
      </c>
    </row>
    <row r="10" spans="1:2" x14ac:dyDescent="0.3">
      <c r="A10" s="3" t="s">
        <v>18</v>
      </c>
      <c r="B10" s="10" t="s">
        <v>19</v>
      </c>
    </row>
  </sheetData>
  <pageMargins left="0.7" right="0.7" top="0.75" bottom="0.75" header="0.3" footer="0.3"/>
  <pageSetup orientation="portrait" verticalDpi="0" r:id="rId1"/>
  <drawing r:id="rId2"/>
  <tableParts count="1">
    <tablePart r:id="rId3"/>
  </tablePart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58D290-AD01-48B7-A371-5BC018798F55}">
  <sheetPr>
    <tabColor rgb="FF00B050"/>
  </sheetPr>
  <dimension ref="A1:H75"/>
  <sheetViews>
    <sheetView workbookViewId="0">
      <pane ySplit="1" topLeftCell="A2" activePane="bottomLeft" state="frozen"/>
      <selection pane="bottomLeft"/>
    </sheetView>
  </sheetViews>
  <sheetFormatPr defaultRowHeight="14.4" x14ac:dyDescent="0.3"/>
  <cols>
    <col min="1" max="1" width="15.109375" customWidth="1"/>
    <col min="2" max="2" width="13.88671875" customWidth="1"/>
    <col min="3" max="3" width="48.33203125" customWidth="1"/>
    <col min="4" max="4" width="15" customWidth="1"/>
    <col min="5" max="5" width="20.5546875" customWidth="1"/>
    <col min="6" max="6" width="33.6640625" customWidth="1"/>
    <col min="7" max="7" width="28.109375" customWidth="1"/>
    <col min="8" max="8" width="37.109375" customWidth="1"/>
  </cols>
  <sheetData>
    <row r="1" spans="1:8" ht="15.75" customHeight="1" x14ac:dyDescent="0.3">
      <c r="A1" s="78" t="s">
        <v>20</v>
      </c>
      <c r="B1" s="79" t="s">
        <v>21</v>
      </c>
      <c r="C1" s="79" t="s">
        <v>22</v>
      </c>
      <c r="D1" s="80" t="s">
        <v>23</v>
      </c>
      <c r="E1" s="80" t="s">
        <v>24</v>
      </c>
      <c r="F1" s="79" t="s">
        <v>25</v>
      </c>
      <c r="G1" s="79" t="s">
        <v>26</v>
      </c>
      <c r="H1" s="81" t="s">
        <v>27</v>
      </c>
    </row>
    <row r="2" spans="1:8" ht="14.25" customHeight="1" x14ac:dyDescent="0.3">
      <c r="A2" s="47" t="s">
        <v>2598</v>
      </c>
      <c r="B2" s="48">
        <v>5021123</v>
      </c>
      <c r="C2" s="49" t="s">
        <v>2599</v>
      </c>
      <c r="D2" s="50">
        <v>44971</v>
      </c>
      <c r="E2" s="51" t="s">
        <v>2600</v>
      </c>
      <c r="F2" s="52" t="s">
        <v>2601</v>
      </c>
      <c r="G2" s="53" t="s">
        <v>2337</v>
      </c>
      <c r="H2" s="47"/>
    </row>
    <row r="3" spans="1:8" x14ac:dyDescent="0.3">
      <c r="A3" s="3" t="s">
        <v>2602</v>
      </c>
      <c r="B3" s="11">
        <v>4583465</v>
      </c>
      <c r="C3" s="10" t="s">
        <v>2603</v>
      </c>
      <c r="D3" s="14">
        <v>44208</v>
      </c>
      <c r="E3" s="4" t="s">
        <v>2600</v>
      </c>
      <c r="F3" s="31" t="s">
        <v>2601</v>
      </c>
      <c r="G3" s="3" t="s">
        <v>2337</v>
      </c>
      <c r="H3" s="3"/>
    </row>
    <row r="4" spans="1:8" x14ac:dyDescent="0.3">
      <c r="A4" s="3" t="s">
        <v>2604</v>
      </c>
      <c r="B4" s="11">
        <v>4532098</v>
      </c>
      <c r="C4" s="10" t="s">
        <v>2605</v>
      </c>
      <c r="D4" s="14">
        <v>43872</v>
      </c>
      <c r="E4" s="4" t="s">
        <v>2600</v>
      </c>
      <c r="F4" s="31" t="s">
        <v>2601</v>
      </c>
      <c r="G4" s="3" t="s">
        <v>2337</v>
      </c>
      <c r="H4" s="3"/>
    </row>
    <row r="5" spans="1:8" x14ac:dyDescent="0.3">
      <c r="A5" s="3" t="s">
        <v>2606</v>
      </c>
      <c r="B5" s="11">
        <v>4057116</v>
      </c>
      <c r="C5" s="10" t="s">
        <v>2607</v>
      </c>
      <c r="D5" s="14">
        <v>43116</v>
      </c>
      <c r="E5" s="4" t="s">
        <v>2600</v>
      </c>
      <c r="F5" s="23" t="s">
        <v>1492</v>
      </c>
      <c r="G5" s="3" t="s">
        <v>2522</v>
      </c>
      <c r="H5" s="3"/>
    </row>
    <row r="6" spans="1:8" x14ac:dyDescent="0.3">
      <c r="A6" s="3" t="s">
        <v>2608</v>
      </c>
      <c r="B6" s="11">
        <v>4057121</v>
      </c>
      <c r="C6" s="10" t="s">
        <v>2609</v>
      </c>
      <c r="D6" s="14">
        <v>43116</v>
      </c>
      <c r="E6" s="4" t="s">
        <v>2335</v>
      </c>
      <c r="F6" s="23" t="s">
        <v>1492</v>
      </c>
      <c r="G6" s="3" t="s">
        <v>2428</v>
      </c>
      <c r="H6" s="3"/>
    </row>
    <row r="7" spans="1:8" x14ac:dyDescent="0.3">
      <c r="A7" s="3" t="s">
        <v>2610</v>
      </c>
      <c r="B7" s="11">
        <v>4057115</v>
      </c>
      <c r="C7" s="10" t="s">
        <v>2611</v>
      </c>
      <c r="D7" s="14">
        <v>43116</v>
      </c>
      <c r="E7" s="4" t="s">
        <v>2335</v>
      </c>
      <c r="F7" s="23" t="s">
        <v>1492</v>
      </c>
      <c r="G7" s="3" t="s">
        <v>2522</v>
      </c>
      <c r="H7" s="3"/>
    </row>
    <row r="8" spans="1:8" x14ac:dyDescent="0.3">
      <c r="A8" s="3" t="s">
        <v>2612</v>
      </c>
      <c r="B8" s="11">
        <v>4018073</v>
      </c>
      <c r="C8" s="10" t="s">
        <v>2613</v>
      </c>
      <c r="D8" s="14">
        <v>43012</v>
      </c>
      <c r="E8" s="4" t="s">
        <v>2600</v>
      </c>
      <c r="F8" s="4" t="s">
        <v>30</v>
      </c>
      <c r="G8" s="3" t="s">
        <v>2356</v>
      </c>
      <c r="H8" s="3"/>
    </row>
    <row r="9" spans="1:8" x14ac:dyDescent="0.3">
      <c r="A9" s="3" t="s">
        <v>2614</v>
      </c>
      <c r="B9" s="11">
        <v>4025925</v>
      </c>
      <c r="C9" s="10" t="s">
        <v>2615</v>
      </c>
      <c r="D9" s="14">
        <v>42955</v>
      </c>
      <c r="E9" s="4" t="s">
        <v>2335</v>
      </c>
      <c r="F9" s="4" t="s">
        <v>56</v>
      </c>
      <c r="G9" s="3" t="s">
        <v>32</v>
      </c>
      <c r="H9" s="3"/>
    </row>
    <row r="10" spans="1:8" x14ac:dyDescent="0.3">
      <c r="A10" s="3" t="s">
        <v>2616</v>
      </c>
      <c r="B10" s="11">
        <v>4019092</v>
      </c>
      <c r="C10" s="10" t="s">
        <v>2617</v>
      </c>
      <c r="D10" s="14">
        <v>42955</v>
      </c>
      <c r="E10" s="4" t="s">
        <v>2335</v>
      </c>
      <c r="F10" s="4" t="s">
        <v>2336</v>
      </c>
      <c r="G10" s="3" t="s">
        <v>2428</v>
      </c>
      <c r="H10" s="3"/>
    </row>
    <row r="11" spans="1:8" x14ac:dyDescent="0.3">
      <c r="A11" s="3" t="s">
        <v>2618</v>
      </c>
      <c r="B11" s="11">
        <v>4016762</v>
      </c>
      <c r="C11" s="10" t="s">
        <v>2619</v>
      </c>
      <c r="D11" s="14">
        <v>42871</v>
      </c>
      <c r="E11" s="4" t="s">
        <v>2335</v>
      </c>
      <c r="F11" s="4" t="s">
        <v>59</v>
      </c>
      <c r="G11" s="3" t="s">
        <v>32</v>
      </c>
      <c r="H11" s="3"/>
    </row>
    <row r="12" spans="1:8" x14ac:dyDescent="0.3">
      <c r="A12" s="3" t="s">
        <v>2620</v>
      </c>
      <c r="B12" s="11">
        <v>4013104</v>
      </c>
      <c r="C12" s="10" t="s">
        <v>2621</v>
      </c>
      <c r="D12" s="14">
        <v>42815</v>
      </c>
      <c r="E12" s="4" t="s">
        <v>2335</v>
      </c>
      <c r="F12" s="4" t="s">
        <v>65</v>
      </c>
      <c r="G12" s="3" t="s">
        <v>32</v>
      </c>
      <c r="H12" s="3"/>
    </row>
    <row r="13" spans="1:8" x14ac:dyDescent="0.3">
      <c r="A13" s="3" t="s">
        <v>2622</v>
      </c>
      <c r="B13" s="11">
        <v>3205054</v>
      </c>
      <c r="C13" s="10" t="s">
        <v>2623</v>
      </c>
      <c r="D13" s="14">
        <v>42753</v>
      </c>
      <c r="E13" s="4" t="s">
        <v>2350</v>
      </c>
      <c r="F13" s="4" t="s">
        <v>522</v>
      </c>
      <c r="G13" s="3" t="s">
        <v>32</v>
      </c>
      <c r="H13" s="3"/>
    </row>
    <row r="14" spans="1:8" x14ac:dyDescent="0.3">
      <c r="A14" s="3" t="s">
        <v>2624</v>
      </c>
      <c r="B14" s="11">
        <v>3205051</v>
      </c>
      <c r="C14" s="10" t="s">
        <v>2625</v>
      </c>
      <c r="D14" s="14">
        <v>42753</v>
      </c>
      <c r="E14" s="4" t="s">
        <v>2335</v>
      </c>
      <c r="F14" s="4" t="s">
        <v>68</v>
      </c>
      <c r="G14" s="3" t="s">
        <v>32</v>
      </c>
      <c r="H14" s="3"/>
    </row>
    <row r="15" spans="1:8" x14ac:dyDescent="0.3">
      <c r="A15" s="3" t="s">
        <v>2626</v>
      </c>
      <c r="B15" s="11">
        <v>3194992</v>
      </c>
      <c r="C15" s="10" t="s">
        <v>2627</v>
      </c>
      <c r="D15" s="14">
        <v>42691</v>
      </c>
      <c r="E15" s="4" t="s">
        <v>2335</v>
      </c>
      <c r="F15" s="4" t="s">
        <v>71</v>
      </c>
      <c r="G15" s="3" t="s">
        <v>32</v>
      </c>
      <c r="H15" s="3"/>
    </row>
    <row r="16" spans="1:8" x14ac:dyDescent="0.3">
      <c r="A16" s="3" t="s">
        <v>2628</v>
      </c>
      <c r="B16" s="11">
        <v>3205416</v>
      </c>
      <c r="C16" s="10" t="s">
        <v>2629</v>
      </c>
      <c r="D16" s="14">
        <v>42691</v>
      </c>
      <c r="E16" s="4" t="s">
        <v>2350</v>
      </c>
      <c r="F16" s="4" t="s">
        <v>524</v>
      </c>
      <c r="G16" s="3" t="s">
        <v>32</v>
      </c>
      <c r="H16" s="3"/>
    </row>
    <row r="17" spans="1:8" x14ac:dyDescent="0.3">
      <c r="A17" s="3" t="s">
        <v>2630</v>
      </c>
      <c r="B17" s="11">
        <v>3194721</v>
      </c>
      <c r="C17" s="10" t="s">
        <v>2631</v>
      </c>
      <c r="D17" s="14">
        <v>42682</v>
      </c>
      <c r="E17" s="4" t="s">
        <v>2335</v>
      </c>
      <c r="F17" s="25" t="s">
        <v>2430</v>
      </c>
      <c r="G17" s="3" t="s">
        <v>2522</v>
      </c>
      <c r="H17" s="3"/>
    </row>
    <row r="18" spans="1:8" x14ac:dyDescent="0.3">
      <c r="A18" s="3" t="s">
        <v>2626</v>
      </c>
      <c r="B18" s="11">
        <v>3194724</v>
      </c>
      <c r="C18" s="10" t="s">
        <v>2632</v>
      </c>
      <c r="D18" s="14">
        <v>42682</v>
      </c>
      <c r="E18" s="4" t="s">
        <v>2335</v>
      </c>
      <c r="F18" s="25" t="s">
        <v>2430</v>
      </c>
      <c r="G18" s="3" t="s">
        <v>2428</v>
      </c>
      <c r="H18" s="3"/>
    </row>
    <row r="19" spans="1:8" x14ac:dyDescent="0.3">
      <c r="A19" s="3" t="s">
        <v>2633</v>
      </c>
      <c r="B19" s="11">
        <v>3194719</v>
      </c>
      <c r="C19" s="10" t="s">
        <v>2634</v>
      </c>
      <c r="D19" s="14">
        <v>42682</v>
      </c>
      <c r="E19" s="4" t="s">
        <v>2350</v>
      </c>
      <c r="F19" s="25" t="s">
        <v>2430</v>
      </c>
      <c r="G19" s="3" t="s">
        <v>2522</v>
      </c>
      <c r="H19" s="3"/>
    </row>
    <row r="20" spans="1:8" x14ac:dyDescent="0.3">
      <c r="A20" s="3" t="s">
        <v>2628</v>
      </c>
      <c r="B20" s="11">
        <v>3194725</v>
      </c>
      <c r="C20" s="10" t="s">
        <v>2635</v>
      </c>
      <c r="D20" s="14">
        <v>42682</v>
      </c>
      <c r="E20" s="4" t="s">
        <v>2350</v>
      </c>
      <c r="F20" s="25" t="s">
        <v>2430</v>
      </c>
      <c r="G20" s="3" t="s">
        <v>2428</v>
      </c>
      <c r="H20" s="3"/>
    </row>
    <row r="21" spans="1:8" x14ac:dyDescent="0.3">
      <c r="A21" s="3" t="s">
        <v>2636</v>
      </c>
      <c r="B21" s="11">
        <v>3180915</v>
      </c>
      <c r="C21" s="10" t="s">
        <v>2637</v>
      </c>
      <c r="D21" s="14">
        <v>42634</v>
      </c>
      <c r="E21" s="4" t="s">
        <v>2335</v>
      </c>
      <c r="F21" s="4" t="s">
        <v>74</v>
      </c>
      <c r="G21" s="3" t="s">
        <v>32</v>
      </c>
      <c r="H21" s="3"/>
    </row>
    <row r="22" spans="1:8" x14ac:dyDescent="0.3">
      <c r="A22" s="3" t="s">
        <v>2638</v>
      </c>
      <c r="B22" s="11">
        <v>3180914</v>
      </c>
      <c r="C22" s="10" t="s">
        <v>2639</v>
      </c>
      <c r="D22" s="14">
        <v>42633</v>
      </c>
      <c r="E22" s="4" t="s">
        <v>2350</v>
      </c>
      <c r="F22" s="4" t="s">
        <v>31</v>
      </c>
      <c r="G22" s="3" t="s">
        <v>32</v>
      </c>
      <c r="H22" s="3"/>
    </row>
    <row r="23" spans="1:8" x14ac:dyDescent="0.3">
      <c r="A23" s="3" t="s">
        <v>2640</v>
      </c>
      <c r="B23" s="11">
        <v>3165264</v>
      </c>
      <c r="C23" s="10" t="s">
        <v>2641</v>
      </c>
      <c r="D23" s="14">
        <v>42569</v>
      </c>
      <c r="E23" s="4" t="s">
        <v>2335</v>
      </c>
      <c r="F23" s="4" t="s">
        <v>77</v>
      </c>
      <c r="G23" s="3" t="s">
        <v>32</v>
      </c>
      <c r="H23" s="3"/>
    </row>
    <row r="24" spans="1:8" x14ac:dyDescent="0.3">
      <c r="A24" s="3" t="s">
        <v>2642</v>
      </c>
      <c r="B24" s="11">
        <v>3165266</v>
      </c>
      <c r="C24" s="10" t="s">
        <v>2643</v>
      </c>
      <c r="D24" s="14">
        <v>42569</v>
      </c>
      <c r="E24" s="4" t="s">
        <v>2350</v>
      </c>
      <c r="F24" s="4" t="s">
        <v>41</v>
      </c>
      <c r="G24" s="3" t="s">
        <v>32</v>
      </c>
      <c r="H24" s="3"/>
    </row>
    <row r="25" spans="1:8" x14ac:dyDescent="0.3">
      <c r="A25" s="3" t="s">
        <v>2644</v>
      </c>
      <c r="B25" s="11">
        <v>3152635</v>
      </c>
      <c r="C25" s="10" t="s">
        <v>2645</v>
      </c>
      <c r="D25" s="14">
        <v>42506</v>
      </c>
      <c r="E25" s="4" t="s">
        <v>2335</v>
      </c>
      <c r="F25" s="4" t="s">
        <v>80</v>
      </c>
      <c r="G25" s="3" t="s">
        <v>32</v>
      </c>
      <c r="H25" s="3"/>
    </row>
    <row r="26" spans="1:8" x14ac:dyDescent="0.3">
      <c r="A26" s="3" t="s">
        <v>2646</v>
      </c>
      <c r="B26" s="11">
        <v>3152637</v>
      </c>
      <c r="C26" s="10" t="s">
        <v>2647</v>
      </c>
      <c r="D26" s="14">
        <v>42506</v>
      </c>
      <c r="E26" s="4" t="s">
        <v>2350</v>
      </c>
      <c r="F26" s="4" t="s">
        <v>47</v>
      </c>
      <c r="G26" s="3" t="s">
        <v>32</v>
      </c>
      <c r="H26" s="3"/>
    </row>
    <row r="27" spans="1:8" x14ac:dyDescent="0.3">
      <c r="A27" s="3" t="s">
        <v>2648</v>
      </c>
      <c r="B27" s="11">
        <v>3137746</v>
      </c>
      <c r="C27" s="10" t="s">
        <v>2649</v>
      </c>
      <c r="D27" s="14">
        <v>42450</v>
      </c>
      <c r="E27" s="4" t="s">
        <v>2335</v>
      </c>
      <c r="F27" s="4" t="s">
        <v>83</v>
      </c>
      <c r="G27" s="3" t="s">
        <v>32</v>
      </c>
      <c r="H27" s="3"/>
    </row>
    <row r="28" spans="1:8" x14ac:dyDescent="0.3">
      <c r="A28" s="3" t="s">
        <v>2650</v>
      </c>
      <c r="B28" s="11">
        <v>3137745</v>
      </c>
      <c r="C28" s="10" t="s">
        <v>2651</v>
      </c>
      <c r="D28" s="14">
        <v>42450</v>
      </c>
      <c r="E28" s="4" t="s">
        <v>2350</v>
      </c>
      <c r="F28" s="4" t="s">
        <v>50</v>
      </c>
      <c r="G28" s="3" t="s">
        <v>32</v>
      </c>
      <c r="H28" s="3"/>
    </row>
    <row r="29" spans="1:8" x14ac:dyDescent="0.3">
      <c r="A29" s="3" t="s">
        <v>2652</v>
      </c>
      <c r="B29" s="11">
        <v>3123299</v>
      </c>
      <c r="C29" s="10" t="s">
        <v>2653</v>
      </c>
      <c r="D29" s="14">
        <v>42389</v>
      </c>
      <c r="E29" s="4" t="s">
        <v>2335</v>
      </c>
      <c r="F29" s="4" t="s">
        <v>86</v>
      </c>
      <c r="G29" s="3" t="s">
        <v>32</v>
      </c>
      <c r="H29" s="3"/>
    </row>
    <row r="30" spans="1:8" x14ac:dyDescent="0.3">
      <c r="A30" s="3" t="s">
        <v>2654</v>
      </c>
      <c r="B30" s="11">
        <v>3120313</v>
      </c>
      <c r="C30" s="10" t="s">
        <v>2655</v>
      </c>
      <c r="D30" s="14">
        <v>42389</v>
      </c>
      <c r="E30" s="4" t="s">
        <v>2350</v>
      </c>
      <c r="F30" s="4" t="s">
        <v>56</v>
      </c>
      <c r="G30" s="3" t="s">
        <v>32</v>
      </c>
      <c r="H30" s="3"/>
    </row>
    <row r="31" spans="1:8" x14ac:dyDescent="0.3">
      <c r="A31" s="3" t="s">
        <v>2656</v>
      </c>
      <c r="B31" s="11">
        <v>3072779</v>
      </c>
      <c r="C31" s="10" t="s">
        <v>2657</v>
      </c>
      <c r="D31" s="14">
        <v>42328</v>
      </c>
      <c r="E31" s="4" t="s">
        <v>2335</v>
      </c>
      <c r="F31" s="4" t="s">
        <v>30</v>
      </c>
      <c r="G31" s="3" t="s">
        <v>2356</v>
      </c>
      <c r="H31" s="3"/>
    </row>
    <row r="32" spans="1:8" x14ac:dyDescent="0.3">
      <c r="A32" s="3" t="s">
        <v>2658</v>
      </c>
      <c r="B32" s="11">
        <v>3098512</v>
      </c>
      <c r="C32" s="10" t="s">
        <v>2659</v>
      </c>
      <c r="D32" s="14">
        <v>42324</v>
      </c>
      <c r="E32" s="4" t="s">
        <v>2350</v>
      </c>
      <c r="F32" s="4" t="s">
        <v>59</v>
      </c>
      <c r="G32" s="3" t="s">
        <v>32</v>
      </c>
      <c r="H32" s="3"/>
    </row>
    <row r="33" spans="1:8" x14ac:dyDescent="0.3">
      <c r="A33" s="3" t="s">
        <v>2660</v>
      </c>
      <c r="B33" s="11">
        <v>3082561</v>
      </c>
      <c r="C33" s="10" t="s">
        <v>2661</v>
      </c>
      <c r="D33" s="14">
        <v>42268</v>
      </c>
      <c r="E33" s="4" t="s">
        <v>2350</v>
      </c>
      <c r="F33" s="4" t="s">
        <v>65</v>
      </c>
      <c r="G33" s="3" t="s">
        <v>32</v>
      </c>
      <c r="H33" s="3"/>
    </row>
    <row r="34" spans="1:8" x14ac:dyDescent="0.3">
      <c r="A34" s="3" t="s">
        <v>2662</v>
      </c>
      <c r="B34" s="11">
        <v>3072100</v>
      </c>
      <c r="C34" s="10" t="s">
        <v>2663</v>
      </c>
      <c r="D34" s="14">
        <v>42205</v>
      </c>
      <c r="E34" s="4" t="s">
        <v>2350</v>
      </c>
      <c r="F34" s="4" t="s">
        <v>68</v>
      </c>
      <c r="G34" s="3" t="s">
        <v>32</v>
      </c>
      <c r="H34" s="3"/>
    </row>
    <row r="35" spans="1:8" x14ac:dyDescent="0.3">
      <c r="A35" s="3" t="s">
        <v>2664</v>
      </c>
      <c r="B35" s="11">
        <v>3045319</v>
      </c>
      <c r="C35" s="10" t="s">
        <v>2665</v>
      </c>
      <c r="D35" s="14">
        <v>42199</v>
      </c>
      <c r="E35" s="4" t="s">
        <v>2350</v>
      </c>
      <c r="F35" s="4" t="s">
        <v>2565</v>
      </c>
      <c r="G35" s="3" t="s">
        <v>2566</v>
      </c>
      <c r="H35" s="3"/>
    </row>
    <row r="36" spans="1:8" x14ac:dyDescent="0.3">
      <c r="A36" s="3" t="s">
        <v>2666</v>
      </c>
      <c r="B36" s="11">
        <v>3045321</v>
      </c>
      <c r="C36" s="10" t="s">
        <v>2667</v>
      </c>
      <c r="D36" s="14">
        <v>42199</v>
      </c>
      <c r="E36" s="4" t="s">
        <v>2350</v>
      </c>
      <c r="F36" s="4" t="s">
        <v>2565</v>
      </c>
      <c r="G36" s="3" t="s">
        <v>2522</v>
      </c>
      <c r="H36" s="3"/>
    </row>
    <row r="37" spans="1:8" x14ac:dyDescent="0.3">
      <c r="A37" s="3" t="s">
        <v>2668</v>
      </c>
      <c r="B37" s="11">
        <v>3045317</v>
      </c>
      <c r="C37" s="10" t="s">
        <v>2669</v>
      </c>
      <c r="D37" s="14">
        <v>42199</v>
      </c>
      <c r="E37" s="4" t="s">
        <v>2376</v>
      </c>
      <c r="F37" s="4" t="s">
        <v>2565</v>
      </c>
      <c r="G37" s="3" t="s">
        <v>2428</v>
      </c>
      <c r="H37" s="3"/>
    </row>
    <row r="38" spans="1:8" x14ac:dyDescent="0.3">
      <c r="A38" s="3" t="s">
        <v>2670</v>
      </c>
      <c r="B38" s="11">
        <v>3045318</v>
      </c>
      <c r="C38" s="10" t="s">
        <v>2671</v>
      </c>
      <c r="D38" s="14">
        <v>42199</v>
      </c>
      <c r="E38" s="4" t="s">
        <v>2376</v>
      </c>
      <c r="F38" s="4" t="s">
        <v>2565</v>
      </c>
      <c r="G38" s="3" t="s">
        <v>2522</v>
      </c>
      <c r="H38" s="3"/>
    </row>
    <row r="39" spans="1:8" x14ac:dyDescent="0.3">
      <c r="A39" s="3" t="s">
        <v>2672</v>
      </c>
      <c r="B39" s="11">
        <v>2958429</v>
      </c>
      <c r="C39" s="10" t="s">
        <v>2673</v>
      </c>
      <c r="D39" s="14">
        <v>42165</v>
      </c>
      <c r="E39" s="4" t="s">
        <v>2350</v>
      </c>
      <c r="F39" s="4" t="s">
        <v>30</v>
      </c>
      <c r="G39" s="3" t="s">
        <v>2356</v>
      </c>
      <c r="H39" s="3"/>
    </row>
    <row r="40" spans="1:8" x14ac:dyDescent="0.3">
      <c r="A40" s="3" t="s">
        <v>2674</v>
      </c>
      <c r="B40" s="11">
        <v>3052468</v>
      </c>
      <c r="C40" s="10" t="s">
        <v>2675</v>
      </c>
      <c r="D40" s="14">
        <v>42132</v>
      </c>
      <c r="E40" s="4" t="s">
        <v>2350</v>
      </c>
      <c r="F40" s="4" t="s">
        <v>71</v>
      </c>
      <c r="G40" s="3" t="s">
        <v>32</v>
      </c>
      <c r="H40" s="3"/>
    </row>
    <row r="41" spans="1:8" x14ac:dyDescent="0.3">
      <c r="A41" s="3" t="s">
        <v>2676</v>
      </c>
      <c r="B41" s="11">
        <v>3037255</v>
      </c>
      <c r="C41" s="10" t="s">
        <v>2677</v>
      </c>
      <c r="D41" s="14">
        <v>42079</v>
      </c>
      <c r="E41" s="4" t="s">
        <v>2350</v>
      </c>
      <c r="F41" s="4" t="s">
        <v>74</v>
      </c>
      <c r="G41" s="3" t="s">
        <v>32</v>
      </c>
      <c r="H41" s="3"/>
    </row>
    <row r="42" spans="1:8" x14ac:dyDescent="0.3">
      <c r="A42" s="3" t="s">
        <v>2678</v>
      </c>
      <c r="B42" s="11">
        <v>3007556</v>
      </c>
      <c r="C42" s="10" t="s">
        <v>2679</v>
      </c>
      <c r="D42" s="14">
        <v>42023</v>
      </c>
      <c r="E42" s="4" t="s">
        <v>2350</v>
      </c>
      <c r="F42" s="4" t="s">
        <v>77</v>
      </c>
      <c r="G42" s="3" t="s">
        <v>32</v>
      </c>
      <c r="H42" s="3"/>
    </row>
    <row r="43" spans="1:8" x14ac:dyDescent="0.3">
      <c r="A43" s="3" t="s">
        <v>2680</v>
      </c>
      <c r="B43" s="11">
        <v>3002049</v>
      </c>
      <c r="C43" s="10" t="s">
        <v>2681</v>
      </c>
      <c r="D43" s="14">
        <v>41960</v>
      </c>
      <c r="E43" s="4" t="s">
        <v>2350</v>
      </c>
      <c r="F43" s="4" t="s">
        <v>80</v>
      </c>
      <c r="G43" s="3" t="s">
        <v>32</v>
      </c>
      <c r="H43" s="3"/>
    </row>
    <row r="44" spans="1:8" x14ac:dyDescent="0.3">
      <c r="A44" s="3" t="s">
        <v>2682</v>
      </c>
      <c r="B44" s="11">
        <v>3002044</v>
      </c>
      <c r="C44" s="10" t="s">
        <v>2683</v>
      </c>
      <c r="D44" s="14">
        <v>41960</v>
      </c>
      <c r="E44" s="4" t="s">
        <v>2376</v>
      </c>
      <c r="F44" s="4" t="s">
        <v>41</v>
      </c>
      <c r="G44" s="3" t="s">
        <v>32</v>
      </c>
      <c r="H44" s="3"/>
    </row>
    <row r="45" spans="1:8" x14ac:dyDescent="0.3">
      <c r="A45" s="3" t="s">
        <v>2684</v>
      </c>
      <c r="B45" s="11">
        <v>2983175</v>
      </c>
      <c r="C45" s="10" t="s">
        <v>2685</v>
      </c>
      <c r="D45" s="14">
        <v>41897</v>
      </c>
      <c r="E45" s="4" t="s">
        <v>2350</v>
      </c>
      <c r="F45" s="4" t="s">
        <v>83</v>
      </c>
      <c r="G45" s="3" t="s">
        <v>32</v>
      </c>
      <c r="H45" s="3"/>
    </row>
    <row r="46" spans="1:8" x14ac:dyDescent="0.3">
      <c r="A46" s="3" t="s">
        <v>2686</v>
      </c>
      <c r="B46" s="11">
        <v>2991533</v>
      </c>
      <c r="C46" s="10" t="s">
        <v>2687</v>
      </c>
      <c r="D46" s="14">
        <v>41897</v>
      </c>
      <c r="E46" s="4" t="s">
        <v>2376</v>
      </c>
      <c r="F46" s="4" t="s">
        <v>47</v>
      </c>
      <c r="G46" s="3" t="s">
        <v>32</v>
      </c>
      <c r="H46" s="3"/>
    </row>
    <row r="47" spans="1:8" x14ac:dyDescent="0.3">
      <c r="A47" s="3" t="s">
        <v>2688</v>
      </c>
      <c r="B47" s="11">
        <v>2977325</v>
      </c>
      <c r="C47" s="10" t="s">
        <v>2689</v>
      </c>
      <c r="D47" s="14">
        <v>41863</v>
      </c>
      <c r="E47" s="4" t="s">
        <v>2376</v>
      </c>
      <c r="F47" s="4" t="s">
        <v>2590</v>
      </c>
      <c r="G47" s="3" t="s">
        <v>2428</v>
      </c>
      <c r="H47" s="3"/>
    </row>
    <row r="48" spans="1:8" x14ac:dyDescent="0.3">
      <c r="A48" s="3" t="s">
        <v>2690</v>
      </c>
      <c r="B48" s="11">
        <v>2977326</v>
      </c>
      <c r="C48" s="10" t="s">
        <v>2691</v>
      </c>
      <c r="D48" s="14">
        <v>41863</v>
      </c>
      <c r="E48" s="4" t="s">
        <v>2376</v>
      </c>
      <c r="F48" s="4" t="s">
        <v>2590</v>
      </c>
      <c r="G48" s="3" t="s">
        <v>2522</v>
      </c>
      <c r="H48" s="3"/>
    </row>
    <row r="49" spans="1:8" x14ac:dyDescent="0.3">
      <c r="A49" s="3" t="s">
        <v>2692</v>
      </c>
      <c r="B49" s="11">
        <v>2976982</v>
      </c>
      <c r="C49" s="10" t="s">
        <v>2693</v>
      </c>
      <c r="D49" s="14">
        <v>41843</v>
      </c>
      <c r="E49" s="4" t="s">
        <v>2350</v>
      </c>
      <c r="F49" s="4" t="s">
        <v>86</v>
      </c>
      <c r="G49" s="3" t="s">
        <v>32</v>
      </c>
      <c r="H49" s="3"/>
    </row>
    <row r="50" spans="1:8" x14ac:dyDescent="0.3">
      <c r="A50" s="3" t="s">
        <v>2694</v>
      </c>
      <c r="B50" s="11">
        <v>2975396</v>
      </c>
      <c r="C50" s="10" t="s">
        <v>2695</v>
      </c>
      <c r="D50" s="14">
        <v>41841</v>
      </c>
      <c r="E50" s="4" t="s">
        <v>2376</v>
      </c>
      <c r="F50" s="4" t="s">
        <v>50</v>
      </c>
      <c r="G50" s="3" t="s">
        <v>32</v>
      </c>
      <c r="H50" s="3"/>
    </row>
    <row r="51" spans="1:8" x14ac:dyDescent="0.3">
      <c r="A51" s="3" t="s">
        <v>2696</v>
      </c>
      <c r="B51" s="11">
        <v>2954099</v>
      </c>
      <c r="C51" s="10" t="s">
        <v>2697</v>
      </c>
      <c r="D51" s="14">
        <v>41778</v>
      </c>
      <c r="E51" s="4" t="s">
        <v>2376</v>
      </c>
      <c r="F51" s="4" t="s">
        <v>56</v>
      </c>
      <c r="G51" s="3" t="s">
        <v>32</v>
      </c>
      <c r="H51" s="3"/>
    </row>
    <row r="52" spans="1:8" x14ac:dyDescent="0.3">
      <c r="A52" s="3" t="s">
        <v>2698</v>
      </c>
      <c r="B52" s="11">
        <v>2931078</v>
      </c>
      <c r="C52" s="10" t="s">
        <v>2699</v>
      </c>
      <c r="D52" s="14">
        <v>41715</v>
      </c>
      <c r="E52" s="4" t="s">
        <v>2376</v>
      </c>
      <c r="F52" s="4" t="s">
        <v>59</v>
      </c>
      <c r="G52" s="3" t="s">
        <v>32</v>
      </c>
      <c r="H52" s="3"/>
    </row>
    <row r="53" spans="1:8" x14ac:dyDescent="0.3">
      <c r="A53" s="3" t="s">
        <v>2700</v>
      </c>
      <c r="B53" s="11">
        <v>2917531</v>
      </c>
      <c r="C53" s="10" t="s">
        <v>2701</v>
      </c>
      <c r="D53" s="14">
        <v>41659</v>
      </c>
      <c r="E53" s="4" t="s">
        <v>2376</v>
      </c>
      <c r="F53" s="4" t="s">
        <v>65</v>
      </c>
      <c r="G53" s="3" t="s">
        <v>32</v>
      </c>
      <c r="H53" s="3"/>
    </row>
    <row r="54" spans="1:8" x14ac:dyDescent="0.3">
      <c r="A54" s="3" t="s">
        <v>2702</v>
      </c>
      <c r="B54" s="11">
        <v>2908007</v>
      </c>
      <c r="C54" s="10" t="s">
        <v>2703</v>
      </c>
      <c r="D54" s="14">
        <v>41624</v>
      </c>
      <c r="E54" s="4" t="s">
        <v>89</v>
      </c>
      <c r="F54" s="4" t="s">
        <v>50</v>
      </c>
      <c r="G54" s="3" t="s">
        <v>32</v>
      </c>
      <c r="H54" s="3"/>
    </row>
    <row r="55" spans="1:8" x14ac:dyDescent="0.3">
      <c r="A55" s="3" t="s">
        <v>2704</v>
      </c>
      <c r="B55" s="11">
        <v>2894115</v>
      </c>
      <c r="C55" s="10" t="s">
        <v>2705</v>
      </c>
      <c r="D55" s="14">
        <v>41596</v>
      </c>
      <c r="E55" s="4" t="s">
        <v>2376</v>
      </c>
      <c r="F55" s="4" t="s">
        <v>68</v>
      </c>
      <c r="G55" s="3" t="s">
        <v>32</v>
      </c>
      <c r="H55" s="3"/>
    </row>
    <row r="56" spans="1:8" x14ac:dyDescent="0.3">
      <c r="A56" s="3" t="s">
        <v>2706</v>
      </c>
      <c r="B56" s="11">
        <v>2891666</v>
      </c>
      <c r="C56" s="10" t="s">
        <v>2707</v>
      </c>
      <c r="D56" s="14">
        <v>41568</v>
      </c>
      <c r="E56" s="4" t="s">
        <v>89</v>
      </c>
      <c r="F56" s="4" t="s">
        <v>56</v>
      </c>
      <c r="G56" s="3" t="s">
        <v>32</v>
      </c>
      <c r="H56" s="3"/>
    </row>
    <row r="57" spans="1:8" x14ac:dyDescent="0.3">
      <c r="A57" s="3" t="s">
        <v>2708</v>
      </c>
      <c r="B57" s="11">
        <v>2874879</v>
      </c>
      <c r="C57" s="10" t="s">
        <v>2709</v>
      </c>
      <c r="D57" s="14">
        <v>41533</v>
      </c>
      <c r="E57" s="4" t="s">
        <v>2376</v>
      </c>
      <c r="F57" s="4" t="s">
        <v>71</v>
      </c>
      <c r="G57" s="3" t="s">
        <v>32</v>
      </c>
      <c r="H57" s="3"/>
    </row>
    <row r="58" spans="1:8" x14ac:dyDescent="0.3">
      <c r="A58" s="3" t="s">
        <v>2710</v>
      </c>
      <c r="B58" s="11">
        <v>2867319</v>
      </c>
      <c r="C58" s="10" t="s">
        <v>2711</v>
      </c>
      <c r="D58" s="14">
        <v>41506</v>
      </c>
      <c r="E58" s="4" t="s">
        <v>89</v>
      </c>
      <c r="F58" s="4" t="s">
        <v>59</v>
      </c>
      <c r="G58" s="3" t="s">
        <v>32</v>
      </c>
      <c r="H58" s="3"/>
    </row>
    <row r="59" spans="1:8" x14ac:dyDescent="0.3">
      <c r="A59" s="3" t="s">
        <v>2712</v>
      </c>
      <c r="B59" s="11">
        <v>2861107</v>
      </c>
      <c r="C59" s="10" t="s">
        <v>2713</v>
      </c>
      <c r="D59" s="14">
        <v>41470</v>
      </c>
      <c r="E59" s="4" t="s">
        <v>2376</v>
      </c>
      <c r="F59" s="4" t="s">
        <v>74</v>
      </c>
      <c r="G59" s="3" t="s">
        <v>32</v>
      </c>
      <c r="H59" s="3"/>
    </row>
    <row r="60" spans="1:8" x14ac:dyDescent="0.3">
      <c r="A60" s="3" t="s">
        <v>2714</v>
      </c>
      <c r="B60" s="11">
        <v>2844205</v>
      </c>
      <c r="C60" s="10" t="s">
        <v>2715</v>
      </c>
      <c r="D60" s="14">
        <v>41442</v>
      </c>
      <c r="E60" s="4" t="s">
        <v>89</v>
      </c>
      <c r="F60" s="4" t="s">
        <v>65</v>
      </c>
      <c r="G60" s="3" t="s">
        <v>32</v>
      </c>
      <c r="H60" s="3"/>
    </row>
    <row r="61" spans="1:8" x14ac:dyDescent="0.3">
      <c r="A61" s="3" t="s">
        <v>2716</v>
      </c>
      <c r="B61" s="11">
        <v>2833645</v>
      </c>
      <c r="C61" s="10" t="s">
        <v>2717</v>
      </c>
      <c r="D61" s="14">
        <v>41424</v>
      </c>
      <c r="E61" s="4" t="s">
        <v>2376</v>
      </c>
      <c r="F61" s="4" t="s">
        <v>77</v>
      </c>
      <c r="G61" s="3" t="s">
        <v>32</v>
      </c>
      <c r="H61" s="3"/>
    </row>
    <row r="62" spans="1:8" x14ac:dyDescent="0.3">
      <c r="A62" s="3" t="s">
        <v>2718</v>
      </c>
      <c r="B62" s="11">
        <v>2823247</v>
      </c>
      <c r="C62" s="10" t="s">
        <v>2719</v>
      </c>
      <c r="D62" s="14">
        <v>41379</v>
      </c>
      <c r="E62" s="4" t="s">
        <v>89</v>
      </c>
      <c r="F62" s="4" t="s">
        <v>68</v>
      </c>
      <c r="G62" s="3" t="s">
        <v>32</v>
      </c>
      <c r="H62" s="3"/>
    </row>
    <row r="63" spans="1:8" x14ac:dyDescent="0.3">
      <c r="A63" s="3" t="s">
        <v>2720</v>
      </c>
      <c r="B63" s="11">
        <v>2812412</v>
      </c>
      <c r="C63" s="10" t="s">
        <v>2721</v>
      </c>
      <c r="D63" s="14">
        <v>41351</v>
      </c>
      <c r="E63" s="4" t="s">
        <v>2376</v>
      </c>
      <c r="F63" s="4" t="s">
        <v>80</v>
      </c>
      <c r="G63" s="3" t="s">
        <v>32</v>
      </c>
      <c r="H63" s="3"/>
    </row>
    <row r="64" spans="1:8" x14ac:dyDescent="0.3">
      <c r="A64" s="3" t="s">
        <v>2722</v>
      </c>
      <c r="B64" s="11">
        <v>2728897</v>
      </c>
      <c r="C64" s="10" t="s">
        <v>2723</v>
      </c>
      <c r="D64" s="14">
        <v>41323</v>
      </c>
      <c r="E64" s="4" t="s">
        <v>89</v>
      </c>
      <c r="F64" s="4" t="s">
        <v>71</v>
      </c>
      <c r="G64" s="3" t="s">
        <v>32</v>
      </c>
      <c r="H64" s="3"/>
    </row>
    <row r="65" spans="1:8" x14ac:dyDescent="0.3">
      <c r="A65" s="3" t="s">
        <v>2724</v>
      </c>
      <c r="B65" s="11">
        <v>2790947</v>
      </c>
      <c r="C65" s="10" t="s">
        <v>2725</v>
      </c>
      <c r="D65" s="14">
        <v>41295</v>
      </c>
      <c r="E65" s="4" t="s">
        <v>2376</v>
      </c>
      <c r="F65" s="4" t="s">
        <v>83</v>
      </c>
      <c r="G65" s="3" t="s">
        <v>32</v>
      </c>
      <c r="H65" s="3"/>
    </row>
    <row r="66" spans="1:8" x14ac:dyDescent="0.3">
      <c r="A66" s="3" t="s">
        <v>2726</v>
      </c>
      <c r="B66" s="11">
        <v>2777772</v>
      </c>
      <c r="C66" s="10" t="s">
        <v>2727</v>
      </c>
      <c r="D66" s="14">
        <v>41260</v>
      </c>
      <c r="E66" s="4" t="s">
        <v>89</v>
      </c>
      <c r="F66" s="4" t="s">
        <v>74</v>
      </c>
      <c r="G66" s="3" t="s">
        <v>32</v>
      </c>
      <c r="H66" s="3"/>
    </row>
    <row r="67" spans="1:8" x14ac:dyDescent="0.3">
      <c r="A67" s="3" t="s">
        <v>2728</v>
      </c>
      <c r="B67" s="11">
        <v>2765331</v>
      </c>
      <c r="C67" s="10" t="s">
        <v>2729</v>
      </c>
      <c r="D67" s="14">
        <v>41233</v>
      </c>
      <c r="E67" s="4" t="s">
        <v>2376</v>
      </c>
      <c r="F67" s="4" t="s">
        <v>86</v>
      </c>
      <c r="G67" s="3" t="s">
        <v>32</v>
      </c>
      <c r="H67" s="3"/>
    </row>
    <row r="68" spans="1:8" x14ac:dyDescent="0.3">
      <c r="A68" s="3" t="s">
        <v>2730</v>
      </c>
      <c r="B68" s="11">
        <v>2674319</v>
      </c>
      <c r="C68" s="10" t="s">
        <v>2731</v>
      </c>
      <c r="D68" s="14">
        <v>41220</v>
      </c>
      <c r="E68" s="4" t="s">
        <v>2376</v>
      </c>
      <c r="F68" s="4" t="s">
        <v>30</v>
      </c>
      <c r="G68" s="3" t="s">
        <v>2356</v>
      </c>
      <c r="H68" s="3"/>
    </row>
    <row r="69" spans="1:8" x14ac:dyDescent="0.3">
      <c r="A69" s="3" t="s">
        <v>2732</v>
      </c>
      <c r="B69" s="11">
        <v>2758687</v>
      </c>
      <c r="C69" s="10" t="s">
        <v>2733</v>
      </c>
      <c r="D69" s="14">
        <v>41197</v>
      </c>
      <c r="E69" s="4" t="s">
        <v>89</v>
      </c>
      <c r="F69" s="4" t="s">
        <v>77</v>
      </c>
      <c r="G69" s="3" t="s">
        <v>32</v>
      </c>
      <c r="H69" s="3"/>
    </row>
    <row r="70" spans="1:8" x14ac:dyDescent="0.3">
      <c r="A70" s="3" t="s">
        <v>2734</v>
      </c>
      <c r="B70" s="11">
        <v>2716441</v>
      </c>
      <c r="C70" s="10" t="s">
        <v>2735</v>
      </c>
      <c r="D70" s="14">
        <v>41191</v>
      </c>
      <c r="E70" s="4" t="s">
        <v>89</v>
      </c>
      <c r="F70" s="4" t="s">
        <v>2736</v>
      </c>
      <c r="G70" s="3" t="s">
        <v>2428</v>
      </c>
      <c r="H70" s="3"/>
    </row>
    <row r="71" spans="1:8" x14ac:dyDescent="0.3">
      <c r="A71" s="3" t="s">
        <v>2737</v>
      </c>
      <c r="B71" s="11">
        <v>2716442</v>
      </c>
      <c r="C71" s="10" t="s">
        <v>2738</v>
      </c>
      <c r="D71" s="14">
        <v>41191</v>
      </c>
      <c r="E71" s="4" t="s">
        <v>89</v>
      </c>
      <c r="F71" s="4" t="s">
        <v>2736</v>
      </c>
      <c r="G71" s="3" t="s">
        <v>2522</v>
      </c>
      <c r="H71" s="3"/>
    </row>
    <row r="72" spans="1:8" x14ac:dyDescent="0.3">
      <c r="A72" s="3" t="s">
        <v>2739</v>
      </c>
      <c r="B72" s="11">
        <v>2723749</v>
      </c>
      <c r="C72" s="10" t="s">
        <v>2740</v>
      </c>
      <c r="D72" s="14">
        <v>41152</v>
      </c>
      <c r="E72" s="4" t="s">
        <v>89</v>
      </c>
      <c r="F72" s="4" t="s">
        <v>80</v>
      </c>
      <c r="G72" s="3" t="s">
        <v>32</v>
      </c>
      <c r="H72" s="3"/>
    </row>
    <row r="73" spans="1:8" x14ac:dyDescent="0.3">
      <c r="A73" s="3" t="s">
        <v>2741</v>
      </c>
      <c r="B73" s="11">
        <v>2703275</v>
      </c>
      <c r="C73" s="10" t="s">
        <v>2742</v>
      </c>
      <c r="D73" s="14">
        <v>41078</v>
      </c>
      <c r="E73" s="4" t="s">
        <v>89</v>
      </c>
      <c r="F73" s="4" t="s">
        <v>83</v>
      </c>
      <c r="G73" s="3" t="s">
        <v>32</v>
      </c>
      <c r="H73" s="3"/>
    </row>
    <row r="74" spans="1:8" x14ac:dyDescent="0.3">
      <c r="A74" s="3" t="s">
        <v>2743</v>
      </c>
      <c r="B74" s="11">
        <v>2679368</v>
      </c>
      <c r="C74" s="10" t="s">
        <v>2744</v>
      </c>
      <c r="D74" s="14">
        <v>41011</v>
      </c>
      <c r="E74" s="4" t="s">
        <v>89</v>
      </c>
      <c r="F74" s="4" t="s">
        <v>86</v>
      </c>
      <c r="G74" s="3" t="s">
        <v>32</v>
      </c>
      <c r="H74" s="3"/>
    </row>
    <row r="75" spans="1:8" x14ac:dyDescent="0.3">
      <c r="A75" s="3" t="s">
        <v>2745</v>
      </c>
      <c r="B75" s="11" t="s">
        <v>2435</v>
      </c>
      <c r="D75" s="14">
        <v>40974</v>
      </c>
      <c r="E75" s="4" t="s">
        <v>89</v>
      </c>
      <c r="F75" s="4" t="s">
        <v>30</v>
      </c>
      <c r="G75" s="3" t="s">
        <v>89</v>
      </c>
      <c r="H75" s="3"/>
    </row>
  </sheetData>
  <hyperlinks>
    <hyperlink ref="C15" r:id="rId1" xr:uid="{701ACB0D-8629-4EAF-BFCF-65EEC92F8126}"/>
    <hyperlink ref="C17" r:id="rId2" xr:uid="{151552E6-D760-41E6-97E5-7C0CDC61E345}"/>
    <hyperlink ref="C18" r:id="rId3" xr:uid="{97818D38-C24F-41D3-9D38-78486EE6B5E6}"/>
    <hyperlink ref="C21" r:id="rId4" xr:uid="{411D6DC5-6E88-47A0-B722-21A68822FDE1}"/>
    <hyperlink ref="C23" r:id="rId5" xr:uid="{EB074D23-7E98-4853-90D1-D0696FD37226}"/>
    <hyperlink ref="C25" r:id="rId6" xr:uid="{4267E843-37CC-4F6C-8559-85D62A0E99F7}"/>
    <hyperlink ref="C27" r:id="rId7" xr:uid="{3DFEC159-D79E-4CAE-8034-9D57F8EB7AF5}"/>
    <hyperlink ref="C29" r:id="rId8" xr:uid="{8A8F763D-65E2-4CC0-A08B-88FB30E74F8F}"/>
    <hyperlink ref="C31" r:id="rId9" xr:uid="{5A6226E9-46D4-47D3-8E5F-3C1D893B85D1}"/>
    <hyperlink ref="C16" r:id="rId10" xr:uid="{66D5C57C-9E18-4368-95FD-CCDDA651434D}"/>
    <hyperlink ref="C19" r:id="rId11" xr:uid="{0B74E2C4-57E6-4310-B551-69DBD14E7E98}"/>
    <hyperlink ref="C20" r:id="rId12" xr:uid="{7BABBD82-5A40-4F62-9A79-94FADB30A41C}"/>
    <hyperlink ref="C22" r:id="rId13" xr:uid="{3CF07C00-528A-466F-AC21-85F5F074A6E4}"/>
    <hyperlink ref="C24" r:id="rId14" xr:uid="{2E3591AA-19D9-4BB4-96F1-34713880377D}"/>
    <hyperlink ref="C26" r:id="rId15" xr:uid="{95666531-09B7-4B56-A88F-4CA961C15B63}"/>
    <hyperlink ref="C28" r:id="rId16" xr:uid="{45292837-FBEB-444F-930E-2511E0092BEA}"/>
    <hyperlink ref="C4" r:id="rId17" xr:uid="{60DC3801-53C7-4C27-A0BA-574E2D8C91E3}"/>
    <hyperlink ref="C3" r:id="rId18" xr:uid="{8B7CDFF8-9602-476C-90B5-73922D4A8F1D}"/>
    <hyperlink ref="C7" r:id="rId19" xr:uid="{8ABFF7BB-3AEA-491C-862A-18D554032D34}"/>
    <hyperlink ref="C6" r:id="rId20" xr:uid="{CB920235-5E4E-457A-AA2B-7B96FD596030}"/>
    <hyperlink ref="C5" r:id="rId21" xr:uid="{36AEB194-1A96-4E3A-9D2F-77A1DF5AD1D8}"/>
    <hyperlink ref="C8" r:id="rId22" xr:uid="{FB458CA8-88A9-4E7D-8CFE-0A7936526F7D}"/>
    <hyperlink ref="C10" r:id="rId23" xr:uid="{F64657AA-9F43-4F8F-A6AF-06CBDB48F9BE}"/>
    <hyperlink ref="C9" r:id="rId24" xr:uid="{C8208617-05BD-482F-BB41-A68336108A4E}"/>
    <hyperlink ref="C11" r:id="rId25" xr:uid="{E31EC4BD-2884-47AB-94BF-02028CCFEA62}"/>
    <hyperlink ref="C12" r:id="rId26" xr:uid="{5D749E9C-8558-43A2-B904-65E33B8ED58B}"/>
    <hyperlink ref="C14" r:id="rId27" xr:uid="{4C6BB238-359E-4786-B78E-3652D793C5A9}"/>
    <hyperlink ref="C13" r:id="rId28" xr:uid="{9A74530C-2906-44FF-82A1-F7217915790B}"/>
    <hyperlink ref="C71" r:id="rId29" xr:uid="{004E5900-F71C-4407-90ED-74076E7223DF}"/>
    <hyperlink ref="C74" r:id="rId30" xr:uid="{A56C1F3E-83C5-4C07-9F71-2D0FEFAC4599}"/>
    <hyperlink ref="C73" r:id="rId31" xr:uid="{E6F8D42C-DA68-43CC-8957-40CA6A1BBB95}"/>
    <hyperlink ref="C72" r:id="rId32" xr:uid="{6F23EC74-1312-4E84-A070-68E456B0F45C}"/>
    <hyperlink ref="C70" r:id="rId33" xr:uid="{7FC949BB-799F-4A10-9E3C-FCCBD17CB8D9}"/>
    <hyperlink ref="C69" r:id="rId34" xr:uid="{D0D95B00-B6E2-4590-97FA-B5B332D53BD1}"/>
    <hyperlink ref="C66" r:id="rId35" xr:uid="{1C225D04-4EF4-473F-A92F-AB7009D54061}"/>
    <hyperlink ref="C30" r:id="rId36" xr:uid="{0112B744-D8D6-4794-990A-109EB900CBFF}"/>
    <hyperlink ref="C32" r:id="rId37" xr:uid="{2861FE89-B50B-4441-8FE5-523789849595}"/>
    <hyperlink ref="C33" r:id="rId38" xr:uid="{AA4E1E33-F84F-4DEF-B232-B86C208AF881}"/>
    <hyperlink ref="C34" r:id="rId39" xr:uid="{3B7518CC-34ED-4378-8666-CDD25B82E3CF}"/>
    <hyperlink ref="C35" r:id="rId40" xr:uid="{CE6E8D35-28E0-420F-B988-EB785E6CD146}"/>
    <hyperlink ref="C40" r:id="rId41" xr:uid="{72CBB830-9FD2-41C3-A628-24D677B0F463}"/>
    <hyperlink ref="C41" r:id="rId42" xr:uid="{C1482C09-6ACE-48CD-A0D5-37578DECA45B}"/>
    <hyperlink ref="C42" r:id="rId43" xr:uid="{9E28D538-F67B-44D8-96C1-74A8FCC43116}"/>
    <hyperlink ref="C43" r:id="rId44" xr:uid="{D593F054-4CAD-4C51-BE19-1BD5EF1AFD15}"/>
    <hyperlink ref="C45" r:id="rId45" xr:uid="{93DD6CA1-2CF5-4D7A-9447-4FAC991EA4CF}"/>
    <hyperlink ref="C49" r:id="rId46" xr:uid="{6A6B7135-9956-4579-814A-72889BE60537}"/>
    <hyperlink ref="C36" r:id="rId47" xr:uid="{161BC178-9E5B-4567-977A-B5D0ACBAD122}"/>
    <hyperlink ref="C39" r:id="rId48" xr:uid="{3B222D72-5D3A-493E-A196-256CFE0B5384}"/>
    <hyperlink ref="C37" r:id="rId49" xr:uid="{FE3CC97B-D015-433F-99EA-F50B8D9587FE}"/>
    <hyperlink ref="C44" r:id="rId50" xr:uid="{4F83C75F-746D-4FCC-B38A-BE2A66CFD26A}"/>
    <hyperlink ref="C46" r:id="rId51" xr:uid="{FB411B6C-8D36-44F5-9619-2E7BA4F9779B}"/>
    <hyperlink ref="C47" r:id="rId52" xr:uid="{1A1CAE7B-FB8E-447F-8865-7A83EC49C69E}"/>
    <hyperlink ref="C50" r:id="rId53" xr:uid="{6F47C3DF-3BDF-4B1D-88AA-0A00276AB771}"/>
    <hyperlink ref="C51" r:id="rId54" xr:uid="{CC0E57B3-1097-4CC0-8A11-D0887607050F}"/>
    <hyperlink ref="C52" r:id="rId55" xr:uid="{332E3716-8724-4F3D-9BE2-086CDA961E86}"/>
    <hyperlink ref="C53" r:id="rId56" xr:uid="{01FDF194-402E-417C-87D4-E74377697944}"/>
    <hyperlink ref="C55" r:id="rId57" xr:uid="{80533DE0-7BC5-4764-A8C1-6254FD6ECA99}"/>
    <hyperlink ref="C57" r:id="rId58" xr:uid="{D755EB1B-18A7-4C9D-8993-1C5CA28E9FA0}"/>
    <hyperlink ref="C59" r:id="rId59" xr:uid="{D6D19CAC-A82C-4B35-B77D-683131D18339}"/>
    <hyperlink ref="C61" r:id="rId60" xr:uid="{0F1EA032-8816-4E55-9761-F36906E56D3A}"/>
    <hyperlink ref="C63" r:id="rId61" xr:uid="{0B5C1924-CF07-41CF-BB8F-B727AB9E4335}"/>
    <hyperlink ref="C65" r:id="rId62" xr:uid="{389BC89A-D709-48C0-9E89-EFC3990F9F9A}"/>
    <hyperlink ref="C67" r:id="rId63" xr:uid="{37B66A87-0E79-4B41-926A-71E135ED8994}"/>
    <hyperlink ref="C38" r:id="rId64" xr:uid="{2EE7B93A-0279-4420-8A7A-68F7DD81D58F}"/>
    <hyperlink ref="C48" r:id="rId65" xr:uid="{98EA11B4-7135-415B-A90D-B7D933AEDA74}"/>
    <hyperlink ref="C68" r:id="rId66" xr:uid="{E6C17756-852F-4C41-A6AC-55DDE8489D5F}"/>
    <hyperlink ref="C54" r:id="rId67" xr:uid="{3F68DFE6-BF41-4B88-A342-1AB0CA5B59A8}"/>
    <hyperlink ref="C56" r:id="rId68" xr:uid="{7084AA1A-F664-4229-81C4-F1361DD88BC9}"/>
    <hyperlink ref="C58" r:id="rId69" xr:uid="{DA9F0B70-0C4E-484E-96D9-7320EB0ED6C2}"/>
    <hyperlink ref="C60" r:id="rId70" xr:uid="{F68B59F5-17A4-485F-B7B2-90E9E16F20E8}"/>
    <hyperlink ref="C62" r:id="rId71" xr:uid="{9AE251BA-D266-47B4-B600-443AEDAEB71D}"/>
    <hyperlink ref="C64" r:id="rId72" xr:uid="{87B6DDDB-34C3-4EF0-B015-99D6B4CD9639}"/>
    <hyperlink ref="F17" r:id="rId73" xr:uid="{1D7617DC-6FA0-476A-88C9-05619BCA3C7F}"/>
    <hyperlink ref="F18" r:id="rId74" xr:uid="{52925C65-423B-4766-B24A-01BB4654B516}"/>
    <hyperlink ref="F19" r:id="rId75" xr:uid="{3BC65F94-6071-4B7F-84C7-72B855185CC7}"/>
    <hyperlink ref="F20" r:id="rId76" xr:uid="{7344D2FA-873E-4A70-99CD-39A76CE066AB}"/>
    <hyperlink ref="F7" r:id="rId77" display="https://portal.msrc.microsoft.com/en-us/security-guidance/advisory/ADV180002" xr:uid="{44CBE1D1-ACB5-4263-95A2-EF195068084B}"/>
    <hyperlink ref="F6" r:id="rId78" display="https://portal.msrc.microsoft.com/en-us/security-guidance/advisory/ADV180002" xr:uid="{A5EDD77A-FD0C-4168-A4F4-31D38FC9AD6D}"/>
    <hyperlink ref="F5" r:id="rId79" display="https://portal.msrc.microsoft.com/en-us/security-guidance/advisory/ADV180002" xr:uid="{1DD2C782-DBE4-4D75-AA8F-7BEB96C3995C}"/>
    <hyperlink ref="C2" r:id="rId80" xr:uid="{C61CE04C-B5A6-4FC6-A52E-8D51F572E28D}"/>
  </hyperlinks>
  <pageMargins left="0.7" right="0.7" top="0.75" bottom="0.75" header="0.3" footer="0.3"/>
  <pageSetup orientation="portrait" r:id="rId81"/>
  <customProperties>
    <customPr name="EpmWorksheetKeyString_GUID" r:id="rId82"/>
  </customProperties>
  <tableParts count="1">
    <tablePart r:id="rId83"/>
  </tablePart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6FFCC0-1588-479B-A20E-AB7086F96C33}">
  <sheetPr>
    <tabColor rgb="FF00B050"/>
  </sheetPr>
  <dimension ref="A1:H57"/>
  <sheetViews>
    <sheetView workbookViewId="0">
      <pane ySplit="1" topLeftCell="A2" activePane="bottomLeft" state="frozen"/>
      <selection pane="bottomLeft"/>
    </sheetView>
  </sheetViews>
  <sheetFormatPr defaultRowHeight="14.4" x14ac:dyDescent="0.3"/>
  <cols>
    <col min="1" max="1" width="15.44140625" customWidth="1"/>
    <col min="2" max="2" width="17.6640625" customWidth="1"/>
    <col min="3" max="3" width="38.5546875" customWidth="1"/>
    <col min="4" max="4" width="15.33203125" customWidth="1"/>
    <col min="5" max="5" width="20.5546875" customWidth="1"/>
    <col min="6" max="6" width="34.88671875" customWidth="1"/>
    <col min="7" max="7" width="27.6640625" customWidth="1"/>
    <col min="8" max="8" width="27.44140625" customWidth="1"/>
  </cols>
  <sheetData>
    <row r="1" spans="1:8" ht="14.25" customHeight="1" x14ac:dyDescent="0.3">
      <c r="A1" s="78" t="s">
        <v>20</v>
      </c>
      <c r="B1" s="79" t="s">
        <v>21</v>
      </c>
      <c r="C1" s="79" t="s">
        <v>22</v>
      </c>
      <c r="D1" s="80" t="s">
        <v>23</v>
      </c>
      <c r="E1" s="80" t="s">
        <v>24</v>
      </c>
      <c r="F1" s="79" t="s">
        <v>25</v>
      </c>
      <c r="G1" s="79" t="s">
        <v>26</v>
      </c>
      <c r="H1" s="81" t="s">
        <v>27</v>
      </c>
    </row>
    <row r="2" spans="1:8" ht="13.5" customHeight="1" x14ac:dyDescent="0.3">
      <c r="A2" s="47" t="s">
        <v>2746</v>
      </c>
      <c r="B2" s="48">
        <v>5021112</v>
      </c>
      <c r="C2" s="49" t="s">
        <v>2747</v>
      </c>
      <c r="D2" s="50">
        <v>44971</v>
      </c>
      <c r="E2" s="53" t="s">
        <v>2335</v>
      </c>
      <c r="F2" s="54" t="s">
        <v>2336</v>
      </c>
      <c r="G2" s="53" t="s">
        <v>2522</v>
      </c>
      <c r="H2" s="47"/>
    </row>
    <row r="3" spans="1:8" x14ac:dyDescent="0.3">
      <c r="A3" s="3" t="s">
        <v>2748</v>
      </c>
      <c r="B3" s="11">
        <v>4057113</v>
      </c>
      <c r="C3" s="10" t="s">
        <v>2749</v>
      </c>
      <c r="D3" s="14">
        <v>43106</v>
      </c>
      <c r="E3" s="3" t="s">
        <v>2335</v>
      </c>
      <c r="F3" s="23" t="s">
        <v>1492</v>
      </c>
      <c r="G3" s="3" t="s">
        <v>2522</v>
      </c>
      <c r="H3" s="3"/>
    </row>
    <row r="4" spans="1:8" x14ac:dyDescent="0.3">
      <c r="A4" s="3" t="s">
        <v>2750</v>
      </c>
      <c r="B4" s="11">
        <v>3045314</v>
      </c>
      <c r="C4" s="10" t="s">
        <v>2751</v>
      </c>
      <c r="D4" s="14">
        <v>42199</v>
      </c>
      <c r="E4" s="3" t="s">
        <v>2335</v>
      </c>
      <c r="F4" s="7" t="s">
        <v>2565</v>
      </c>
      <c r="G4" s="3" t="s">
        <v>2428</v>
      </c>
      <c r="H4" s="3"/>
    </row>
    <row r="5" spans="1:8" x14ac:dyDescent="0.3">
      <c r="A5" s="3" t="s">
        <v>2752</v>
      </c>
      <c r="B5" s="11">
        <v>3045316</v>
      </c>
      <c r="C5" s="10" t="s">
        <v>2753</v>
      </c>
      <c r="D5" s="14">
        <v>42199</v>
      </c>
      <c r="E5" s="3" t="s">
        <v>2335</v>
      </c>
      <c r="F5" s="7" t="s">
        <v>2565</v>
      </c>
      <c r="G5" s="3" t="s">
        <v>2522</v>
      </c>
      <c r="H5" s="3"/>
    </row>
    <row r="6" spans="1:8" x14ac:dyDescent="0.3">
      <c r="A6" s="3" t="s">
        <v>2754</v>
      </c>
      <c r="B6" s="11">
        <v>3045312</v>
      </c>
      <c r="C6" s="10" t="s">
        <v>2755</v>
      </c>
      <c r="D6" s="14">
        <v>42199</v>
      </c>
      <c r="E6" s="3" t="s">
        <v>2350</v>
      </c>
      <c r="F6" s="7" t="s">
        <v>2565</v>
      </c>
      <c r="G6" s="3" t="s">
        <v>2428</v>
      </c>
      <c r="H6" s="3"/>
    </row>
    <row r="7" spans="1:8" x14ac:dyDescent="0.3">
      <c r="A7" s="3" t="s">
        <v>2756</v>
      </c>
      <c r="B7" s="11">
        <v>3045313</v>
      </c>
      <c r="C7" s="10" t="s">
        <v>2757</v>
      </c>
      <c r="D7" s="14">
        <v>42199</v>
      </c>
      <c r="E7" s="3" t="s">
        <v>2350</v>
      </c>
      <c r="F7" s="7" t="s">
        <v>2565</v>
      </c>
      <c r="G7" s="3" t="s">
        <v>2522</v>
      </c>
      <c r="H7" s="3"/>
    </row>
    <row r="8" spans="1:8" x14ac:dyDescent="0.3">
      <c r="A8" s="3" t="s">
        <v>2758</v>
      </c>
      <c r="B8" s="11">
        <v>2979597</v>
      </c>
      <c r="C8" s="10" t="s">
        <v>2759</v>
      </c>
      <c r="D8" s="14">
        <v>41908</v>
      </c>
      <c r="E8" s="3" t="s">
        <v>2335</v>
      </c>
      <c r="F8" s="7" t="s">
        <v>30</v>
      </c>
      <c r="G8" s="3" t="s">
        <v>2356</v>
      </c>
      <c r="H8" s="3"/>
    </row>
    <row r="9" spans="1:8" x14ac:dyDescent="0.3">
      <c r="A9" s="3" t="s">
        <v>2760</v>
      </c>
      <c r="B9" s="11">
        <v>2938478</v>
      </c>
      <c r="C9" s="10" t="s">
        <v>2761</v>
      </c>
      <c r="D9" s="14">
        <v>41872</v>
      </c>
      <c r="E9" s="3" t="s">
        <v>2350</v>
      </c>
      <c r="F9" s="7" t="s">
        <v>47</v>
      </c>
      <c r="G9" s="3" t="s">
        <v>32</v>
      </c>
      <c r="H9" s="3"/>
    </row>
    <row r="10" spans="1:8" x14ac:dyDescent="0.3">
      <c r="A10" s="3" t="s">
        <v>2762</v>
      </c>
      <c r="B10" s="11">
        <v>2977319</v>
      </c>
      <c r="C10" s="10" t="s">
        <v>2763</v>
      </c>
      <c r="D10" s="14">
        <v>41865</v>
      </c>
      <c r="E10" s="3" t="s">
        <v>2350</v>
      </c>
      <c r="F10" s="7" t="s">
        <v>2590</v>
      </c>
      <c r="G10" s="3" t="s">
        <v>2428</v>
      </c>
      <c r="H10" s="3"/>
    </row>
    <row r="11" spans="1:8" x14ac:dyDescent="0.3">
      <c r="A11" s="3" t="s">
        <v>2764</v>
      </c>
      <c r="B11" s="11">
        <v>2977320</v>
      </c>
      <c r="C11" s="10" t="s">
        <v>2765</v>
      </c>
      <c r="D11" s="14">
        <v>41863</v>
      </c>
      <c r="E11" s="3" t="s">
        <v>2350</v>
      </c>
      <c r="F11" s="7" t="s">
        <v>2590</v>
      </c>
      <c r="G11" s="3" t="s">
        <v>2522</v>
      </c>
      <c r="H11" s="3"/>
    </row>
    <row r="12" spans="1:8" x14ac:dyDescent="0.3">
      <c r="A12" s="3" t="s">
        <v>2766</v>
      </c>
      <c r="B12" s="11">
        <v>2967540</v>
      </c>
      <c r="C12" s="10" t="s">
        <v>2767</v>
      </c>
      <c r="D12" s="14">
        <v>41820</v>
      </c>
      <c r="E12" s="3" t="s">
        <v>2350</v>
      </c>
      <c r="F12" s="7" t="s">
        <v>41</v>
      </c>
      <c r="G12" s="3" t="s">
        <v>32</v>
      </c>
      <c r="H12" s="3"/>
    </row>
    <row r="13" spans="1:8" x14ac:dyDescent="0.3">
      <c r="A13" s="3" t="s">
        <v>2768</v>
      </c>
      <c r="B13" s="11">
        <v>2926028</v>
      </c>
      <c r="C13" s="10" t="s">
        <v>2769</v>
      </c>
      <c r="D13" s="14">
        <v>41688</v>
      </c>
      <c r="E13" s="3" t="s">
        <v>2350</v>
      </c>
      <c r="F13" s="7" t="s">
        <v>50</v>
      </c>
      <c r="G13" s="3" t="s">
        <v>32</v>
      </c>
      <c r="H13" s="3"/>
    </row>
    <row r="14" spans="1:8" x14ac:dyDescent="0.3">
      <c r="A14" s="3" t="s">
        <v>2770</v>
      </c>
      <c r="B14" s="11">
        <v>2908087</v>
      </c>
      <c r="C14" s="10" t="s">
        <v>2771</v>
      </c>
      <c r="D14" s="14">
        <v>41625</v>
      </c>
      <c r="E14" s="3" t="s">
        <v>2350</v>
      </c>
      <c r="F14" s="7" t="s">
        <v>56</v>
      </c>
      <c r="G14" s="3" t="s">
        <v>32</v>
      </c>
      <c r="H14" s="3"/>
    </row>
    <row r="15" spans="1:8" x14ac:dyDescent="0.3">
      <c r="A15" s="3" t="s">
        <v>2772</v>
      </c>
      <c r="B15" s="11">
        <v>2887606</v>
      </c>
      <c r="C15" s="10" t="s">
        <v>2773</v>
      </c>
      <c r="D15" s="14">
        <v>41575</v>
      </c>
      <c r="E15" s="3" t="s">
        <v>2350</v>
      </c>
      <c r="F15" s="7" t="s">
        <v>59</v>
      </c>
      <c r="G15" s="3" t="s">
        <v>32</v>
      </c>
      <c r="H15" s="3"/>
    </row>
    <row r="16" spans="1:8" x14ac:dyDescent="0.3">
      <c r="A16" s="3" t="s">
        <v>2774</v>
      </c>
      <c r="B16" s="11">
        <v>2871401</v>
      </c>
      <c r="C16" s="10" t="s">
        <v>2775</v>
      </c>
      <c r="D16" s="14">
        <v>41508</v>
      </c>
      <c r="E16" s="3" t="s">
        <v>2350</v>
      </c>
      <c r="F16" s="7" t="s">
        <v>65</v>
      </c>
      <c r="G16" s="3" t="s">
        <v>32</v>
      </c>
      <c r="H16" s="3"/>
    </row>
    <row r="17" spans="1:8" x14ac:dyDescent="0.3">
      <c r="A17" s="3" t="s">
        <v>2776</v>
      </c>
      <c r="B17" s="11">
        <v>2868244</v>
      </c>
      <c r="C17" s="10" t="s">
        <v>2777</v>
      </c>
      <c r="D17" s="14">
        <v>41494</v>
      </c>
      <c r="E17" s="3" t="s">
        <v>2376</v>
      </c>
      <c r="F17" s="7" t="s">
        <v>31</v>
      </c>
      <c r="G17" s="3" t="s">
        <v>32</v>
      </c>
      <c r="H17" s="3"/>
    </row>
    <row r="18" spans="1:8" x14ac:dyDescent="0.3">
      <c r="A18" s="3" t="s">
        <v>2778</v>
      </c>
      <c r="B18" s="11">
        <v>2844090</v>
      </c>
      <c r="C18" s="10" t="s">
        <v>2779</v>
      </c>
      <c r="D18" s="14">
        <v>41442</v>
      </c>
      <c r="E18" s="3" t="s">
        <v>2350</v>
      </c>
      <c r="F18" s="7" t="s">
        <v>68</v>
      </c>
      <c r="G18" s="3" t="s">
        <v>32</v>
      </c>
      <c r="H18" s="3"/>
    </row>
    <row r="19" spans="1:8" x14ac:dyDescent="0.3">
      <c r="A19" s="3" t="s">
        <v>2780</v>
      </c>
      <c r="B19" s="11">
        <v>2855792</v>
      </c>
      <c r="C19" s="10" t="s">
        <v>2781</v>
      </c>
      <c r="D19" s="14">
        <v>41442</v>
      </c>
      <c r="E19" s="3" t="s">
        <v>2376</v>
      </c>
      <c r="F19" s="7" t="s">
        <v>41</v>
      </c>
      <c r="G19" s="3" t="s">
        <v>32</v>
      </c>
      <c r="H19" s="3"/>
    </row>
    <row r="20" spans="1:8" x14ac:dyDescent="0.3">
      <c r="A20" s="3" t="s">
        <v>2782</v>
      </c>
      <c r="B20" s="11">
        <v>2830140</v>
      </c>
      <c r="C20" s="10" t="s">
        <v>2783</v>
      </c>
      <c r="D20" s="14">
        <v>41379</v>
      </c>
      <c r="E20" s="3" t="s">
        <v>2350</v>
      </c>
      <c r="F20" s="7" t="s">
        <v>71</v>
      </c>
      <c r="G20" s="3" t="s">
        <v>32</v>
      </c>
      <c r="H20" s="3"/>
    </row>
    <row r="21" spans="1:8" x14ac:dyDescent="0.3">
      <c r="A21" s="3" t="s">
        <v>2784</v>
      </c>
      <c r="B21" s="11">
        <v>2828727</v>
      </c>
      <c r="C21" s="10" t="s">
        <v>2785</v>
      </c>
      <c r="D21" s="14">
        <v>41379</v>
      </c>
      <c r="E21" s="3" t="s">
        <v>2376</v>
      </c>
      <c r="F21" s="7" t="s">
        <v>47</v>
      </c>
      <c r="G21" s="3" t="s">
        <v>32</v>
      </c>
      <c r="H21" s="3"/>
    </row>
    <row r="22" spans="1:8" x14ac:dyDescent="0.3">
      <c r="A22" s="3" t="s">
        <v>2786</v>
      </c>
      <c r="B22" s="11">
        <v>2797460</v>
      </c>
      <c r="C22" s="10" t="s">
        <v>2787</v>
      </c>
      <c r="D22" s="14">
        <v>41323</v>
      </c>
      <c r="E22" s="3" t="s">
        <v>2350</v>
      </c>
      <c r="F22" s="7" t="s">
        <v>74</v>
      </c>
      <c r="G22" s="3" t="s">
        <v>32</v>
      </c>
      <c r="H22" s="3"/>
    </row>
    <row r="23" spans="1:8" x14ac:dyDescent="0.3">
      <c r="A23" s="3" t="s">
        <v>2788</v>
      </c>
      <c r="B23" s="11">
        <v>2812683</v>
      </c>
      <c r="C23" s="10" t="s">
        <v>2789</v>
      </c>
      <c r="D23" s="14">
        <v>41323</v>
      </c>
      <c r="E23" s="3" t="s">
        <v>2376</v>
      </c>
      <c r="F23" s="7" t="s">
        <v>50</v>
      </c>
      <c r="G23" s="3" t="s">
        <v>32</v>
      </c>
      <c r="H23" s="3"/>
    </row>
    <row r="24" spans="1:8" x14ac:dyDescent="0.3">
      <c r="A24" s="3" t="s">
        <v>2790</v>
      </c>
      <c r="B24" s="11">
        <v>2777358</v>
      </c>
      <c r="C24" s="10" t="s">
        <v>2791</v>
      </c>
      <c r="D24" s="14">
        <v>41260</v>
      </c>
      <c r="E24" s="3" t="s">
        <v>2350</v>
      </c>
      <c r="F24" s="7" t="s">
        <v>77</v>
      </c>
      <c r="G24" s="3" t="s">
        <v>32</v>
      </c>
      <c r="H24" s="3"/>
    </row>
    <row r="25" spans="1:8" x14ac:dyDescent="0.3">
      <c r="A25" s="3" t="s">
        <v>2792</v>
      </c>
      <c r="B25" s="11">
        <v>2783135</v>
      </c>
      <c r="C25" s="10" t="s">
        <v>2793</v>
      </c>
      <c r="D25" s="14">
        <v>41260</v>
      </c>
      <c r="E25" s="3" t="s">
        <v>2376</v>
      </c>
      <c r="F25" s="7" t="s">
        <v>56</v>
      </c>
      <c r="G25" s="3" t="s">
        <v>32</v>
      </c>
      <c r="H25" s="3"/>
    </row>
    <row r="26" spans="1:8" x14ac:dyDescent="0.3">
      <c r="A26" s="3" t="s">
        <v>2794</v>
      </c>
      <c r="B26" s="11">
        <v>2754552</v>
      </c>
      <c r="C26" s="10" t="s">
        <v>2795</v>
      </c>
      <c r="D26" s="14">
        <v>41197</v>
      </c>
      <c r="E26" s="3" t="s">
        <v>2350</v>
      </c>
      <c r="F26" s="7" t="s">
        <v>80</v>
      </c>
      <c r="G26" s="3" t="s">
        <v>32</v>
      </c>
      <c r="H26" s="3"/>
    </row>
    <row r="27" spans="1:8" x14ac:dyDescent="0.3">
      <c r="A27" s="3" t="s">
        <v>2796</v>
      </c>
      <c r="B27" s="11">
        <v>2756574</v>
      </c>
      <c r="C27" s="10" t="s">
        <v>2797</v>
      </c>
      <c r="D27" s="14">
        <v>41197</v>
      </c>
      <c r="E27" s="3" t="s">
        <v>2376</v>
      </c>
      <c r="F27" s="7" t="s">
        <v>59</v>
      </c>
      <c r="G27" s="3" t="s">
        <v>32</v>
      </c>
      <c r="H27" s="3"/>
    </row>
    <row r="28" spans="1:8" x14ac:dyDescent="0.3">
      <c r="A28" s="3" t="s">
        <v>2798</v>
      </c>
      <c r="B28" s="11">
        <v>2754849</v>
      </c>
      <c r="C28" s="10" t="s">
        <v>2799</v>
      </c>
      <c r="D28" s="14">
        <v>41191</v>
      </c>
      <c r="E28" s="3"/>
      <c r="F28" s="7" t="s">
        <v>2736</v>
      </c>
      <c r="G28" s="3" t="s">
        <v>2522</v>
      </c>
      <c r="H28" s="3"/>
    </row>
    <row r="29" spans="1:8" x14ac:dyDescent="0.3">
      <c r="A29" s="3" t="s">
        <v>2800</v>
      </c>
      <c r="B29" s="11">
        <v>2716439</v>
      </c>
      <c r="C29" s="10" t="s">
        <v>2801</v>
      </c>
      <c r="D29" s="14">
        <v>41161</v>
      </c>
      <c r="E29" s="3" t="s">
        <v>2376</v>
      </c>
      <c r="F29" s="7" t="s">
        <v>2736</v>
      </c>
      <c r="G29" s="3" t="s">
        <v>2428</v>
      </c>
      <c r="H29" s="3"/>
    </row>
    <row r="30" spans="1:8" x14ac:dyDescent="0.3">
      <c r="A30" s="3" t="s">
        <v>2802</v>
      </c>
      <c r="B30" s="11">
        <v>2740411</v>
      </c>
      <c r="C30" s="10" t="s">
        <v>2803</v>
      </c>
      <c r="D30" s="14">
        <v>41152</v>
      </c>
      <c r="E30" s="3" t="s">
        <v>2350</v>
      </c>
      <c r="F30" s="7" t="s">
        <v>83</v>
      </c>
      <c r="G30" s="3" t="s">
        <v>32</v>
      </c>
      <c r="H30" s="3"/>
    </row>
    <row r="31" spans="1:8" x14ac:dyDescent="0.3">
      <c r="A31" s="3" t="s">
        <v>2804</v>
      </c>
      <c r="B31" s="11">
        <v>2723743</v>
      </c>
      <c r="C31" s="10" t="s">
        <v>2805</v>
      </c>
      <c r="D31" s="14">
        <v>41152</v>
      </c>
      <c r="E31" s="3" t="s">
        <v>2376</v>
      </c>
      <c r="F31" s="7" t="s">
        <v>65</v>
      </c>
      <c r="G31" s="3" t="s">
        <v>32</v>
      </c>
      <c r="H31" s="3"/>
    </row>
    <row r="32" spans="1:8" x14ac:dyDescent="0.3">
      <c r="A32" s="3" t="s">
        <v>2806</v>
      </c>
      <c r="B32" s="11">
        <v>2630458</v>
      </c>
      <c r="C32" s="10" t="s">
        <v>2807</v>
      </c>
      <c r="D32" s="14">
        <v>41116</v>
      </c>
      <c r="E32" s="3" t="s">
        <v>2350</v>
      </c>
      <c r="F32" s="7" t="s">
        <v>30</v>
      </c>
      <c r="G32" s="3" t="s">
        <v>2356</v>
      </c>
      <c r="H32" s="3"/>
    </row>
    <row r="33" spans="1:8" x14ac:dyDescent="0.3">
      <c r="A33" s="3" t="s">
        <v>2808</v>
      </c>
      <c r="B33" s="11">
        <v>2720425</v>
      </c>
      <c r="C33" s="10" t="s">
        <v>2809</v>
      </c>
      <c r="D33" s="14">
        <v>41114</v>
      </c>
      <c r="E33" s="3" t="s">
        <v>2350</v>
      </c>
      <c r="F33" s="7" t="s">
        <v>86</v>
      </c>
      <c r="G33" s="3" t="s">
        <v>32</v>
      </c>
      <c r="H33" s="3"/>
    </row>
    <row r="34" spans="1:8" x14ac:dyDescent="0.3">
      <c r="A34" s="3" t="s">
        <v>2810</v>
      </c>
      <c r="B34" s="11">
        <v>2703282</v>
      </c>
      <c r="C34" s="10" t="s">
        <v>2811</v>
      </c>
      <c r="D34" s="14">
        <v>41078</v>
      </c>
      <c r="E34" s="3" t="s">
        <v>2376</v>
      </c>
      <c r="F34" s="7" t="s">
        <v>68</v>
      </c>
      <c r="G34" s="3" t="s">
        <v>32</v>
      </c>
      <c r="H34" s="3"/>
    </row>
    <row r="35" spans="1:8" x14ac:dyDescent="0.3">
      <c r="A35" s="3" t="s">
        <v>2812</v>
      </c>
      <c r="B35" s="11">
        <v>2679367</v>
      </c>
      <c r="C35" s="10" t="s">
        <v>2813</v>
      </c>
      <c r="D35" s="14">
        <v>41015</v>
      </c>
      <c r="E35" s="3" t="s">
        <v>2376</v>
      </c>
      <c r="F35" s="7" t="s">
        <v>71</v>
      </c>
      <c r="G35" s="3" t="s">
        <v>32</v>
      </c>
      <c r="H35" s="3"/>
    </row>
    <row r="36" spans="1:8" x14ac:dyDescent="0.3">
      <c r="A36" s="3" t="s">
        <v>2814</v>
      </c>
      <c r="B36" s="11">
        <v>2679366</v>
      </c>
      <c r="C36" s="10" t="s">
        <v>2815</v>
      </c>
      <c r="D36" s="14">
        <v>41015</v>
      </c>
      <c r="E36" s="3" t="s">
        <v>89</v>
      </c>
      <c r="F36" s="7" t="s">
        <v>41</v>
      </c>
      <c r="G36" s="3" t="s">
        <v>32</v>
      </c>
      <c r="H36" s="3"/>
    </row>
    <row r="37" spans="1:8" x14ac:dyDescent="0.3">
      <c r="A37" s="3" t="s">
        <v>2816</v>
      </c>
      <c r="B37" s="11">
        <v>2659694</v>
      </c>
      <c r="C37" s="10" t="s">
        <v>2817</v>
      </c>
      <c r="D37" s="14">
        <v>40961</v>
      </c>
      <c r="E37" s="3" t="s">
        <v>2376</v>
      </c>
      <c r="F37" s="7" t="s">
        <v>74</v>
      </c>
      <c r="G37" s="3" t="s">
        <v>32</v>
      </c>
      <c r="H37" s="3"/>
    </row>
    <row r="38" spans="1:8" x14ac:dyDescent="0.3">
      <c r="A38" s="3" t="s">
        <v>2818</v>
      </c>
      <c r="B38" s="11">
        <v>2659692</v>
      </c>
      <c r="C38" s="10" t="s">
        <v>2819</v>
      </c>
      <c r="D38" s="14">
        <v>40960</v>
      </c>
      <c r="E38" s="3" t="s">
        <v>89</v>
      </c>
      <c r="F38" s="7" t="s">
        <v>47</v>
      </c>
      <c r="G38" s="3" t="s">
        <v>32</v>
      </c>
      <c r="H38" s="3"/>
    </row>
    <row r="39" spans="1:8" x14ac:dyDescent="0.3">
      <c r="A39" s="3" t="s">
        <v>2820</v>
      </c>
      <c r="B39" s="11">
        <v>2633146</v>
      </c>
      <c r="C39" s="10" t="s">
        <v>2821</v>
      </c>
      <c r="D39" s="14">
        <v>40896</v>
      </c>
      <c r="E39" s="3" t="s">
        <v>2376</v>
      </c>
      <c r="F39" s="7" t="s">
        <v>77</v>
      </c>
      <c r="G39" s="3" t="s">
        <v>32</v>
      </c>
      <c r="H39" s="3"/>
    </row>
    <row r="40" spans="1:8" x14ac:dyDescent="0.3">
      <c r="A40" s="3" t="s">
        <v>2822</v>
      </c>
      <c r="B40" s="11">
        <v>2633145</v>
      </c>
      <c r="C40" s="10" t="s">
        <v>2823</v>
      </c>
      <c r="D40" s="14">
        <v>40896</v>
      </c>
      <c r="E40" s="3" t="s">
        <v>89</v>
      </c>
      <c r="F40" s="7" t="s">
        <v>50</v>
      </c>
      <c r="G40" s="3" t="s">
        <v>32</v>
      </c>
      <c r="H40" s="3"/>
    </row>
    <row r="41" spans="1:8" x14ac:dyDescent="0.3">
      <c r="A41" s="3" t="s">
        <v>2824</v>
      </c>
      <c r="B41" s="11">
        <v>2591748</v>
      </c>
      <c r="C41" s="10" t="s">
        <v>2825</v>
      </c>
      <c r="D41" s="14">
        <v>40833</v>
      </c>
      <c r="E41" s="3" t="s">
        <v>2376</v>
      </c>
      <c r="F41" s="7" t="s">
        <v>80</v>
      </c>
      <c r="G41" s="3" t="s">
        <v>32</v>
      </c>
      <c r="H41" s="3"/>
    </row>
    <row r="42" spans="1:8" x14ac:dyDescent="0.3">
      <c r="A42" s="3" t="s">
        <v>2826</v>
      </c>
      <c r="B42" s="11">
        <v>2591746</v>
      </c>
      <c r="C42" s="10" t="s">
        <v>2827</v>
      </c>
      <c r="D42" s="14">
        <v>40833</v>
      </c>
      <c r="E42" s="3" t="s">
        <v>89</v>
      </c>
      <c r="F42" s="7" t="s">
        <v>56</v>
      </c>
      <c r="G42" s="3" t="s">
        <v>32</v>
      </c>
      <c r="H42" s="3"/>
    </row>
    <row r="43" spans="1:8" x14ac:dyDescent="0.3">
      <c r="A43" s="3" t="s">
        <v>2828</v>
      </c>
      <c r="B43" s="11">
        <v>2567714</v>
      </c>
      <c r="C43" s="10" t="s">
        <v>2829</v>
      </c>
      <c r="D43" s="14">
        <v>40770</v>
      </c>
      <c r="E43" s="3" t="s">
        <v>2376</v>
      </c>
      <c r="F43" s="7" t="s">
        <v>83</v>
      </c>
      <c r="G43" s="3" t="s">
        <v>32</v>
      </c>
      <c r="H43" s="3"/>
    </row>
    <row r="44" spans="1:8" x14ac:dyDescent="0.3">
      <c r="A44" s="3" t="s">
        <v>2830</v>
      </c>
      <c r="B44" s="11">
        <v>2567713</v>
      </c>
      <c r="C44" s="10" t="s">
        <v>2831</v>
      </c>
      <c r="D44" s="14">
        <v>40770</v>
      </c>
      <c r="E44" s="3" t="s">
        <v>89</v>
      </c>
      <c r="F44" s="7" t="s">
        <v>59</v>
      </c>
      <c r="G44" s="3" t="s">
        <v>32</v>
      </c>
      <c r="H44" s="3"/>
    </row>
    <row r="45" spans="1:8" x14ac:dyDescent="0.3">
      <c r="A45" s="3" t="s">
        <v>2832</v>
      </c>
      <c r="B45" s="11">
        <v>2544793</v>
      </c>
      <c r="C45" s="10" t="s">
        <v>2833</v>
      </c>
      <c r="D45" s="14">
        <v>40742</v>
      </c>
      <c r="E45" s="3" t="s">
        <v>2376</v>
      </c>
      <c r="F45" s="7" t="s">
        <v>86</v>
      </c>
      <c r="G45" s="3" t="s">
        <v>32</v>
      </c>
      <c r="H45" s="3"/>
    </row>
    <row r="46" spans="1:8" x14ac:dyDescent="0.3">
      <c r="A46" s="3" t="s">
        <v>2834</v>
      </c>
      <c r="B46" s="11">
        <v>2528583</v>
      </c>
      <c r="C46" s="10" t="s">
        <v>2835</v>
      </c>
      <c r="D46" s="14">
        <v>40736</v>
      </c>
      <c r="E46" s="3" t="s">
        <v>2376</v>
      </c>
      <c r="F46" s="7" t="s">
        <v>30</v>
      </c>
      <c r="G46" s="3" t="s">
        <v>2356</v>
      </c>
      <c r="H46" s="3"/>
    </row>
    <row r="47" spans="1:8" x14ac:dyDescent="0.3">
      <c r="A47" s="3" t="s">
        <v>2836</v>
      </c>
      <c r="B47" s="11">
        <v>2534352</v>
      </c>
      <c r="C47" s="10" t="s">
        <v>2837</v>
      </c>
      <c r="D47" s="14">
        <v>40715</v>
      </c>
      <c r="E47" s="3" t="s">
        <v>89</v>
      </c>
      <c r="F47" s="7" t="s">
        <v>65</v>
      </c>
      <c r="G47" s="3" t="s">
        <v>32</v>
      </c>
      <c r="H47" s="3"/>
    </row>
    <row r="48" spans="1:8" x14ac:dyDescent="0.3">
      <c r="A48" s="3" t="s">
        <v>2838</v>
      </c>
      <c r="B48" s="11">
        <v>2494086</v>
      </c>
      <c r="C48" s="10" t="s">
        <v>2839</v>
      </c>
      <c r="D48" s="14">
        <v>40708</v>
      </c>
      <c r="E48" s="3" t="s">
        <v>89</v>
      </c>
      <c r="F48" s="7" t="s">
        <v>2840</v>
      </c>
      <c r="G48" s="3" t="s">
        <v>2428</v>
      </c>
      <c r="H48" s="3"/>
    </row>
    <row r="49" spans="1:8" x14ac:dyDescent="0.3">
      <c r="A49" s="3" t="s">
        <v>2841</v>
      </c>
      <c r="B49" s="11">
        <v>2494088</v>
      </c>
      <c r="C49" s="10" t="s">
        <v>2842</v>
      </c>
      <c r="D49" s="14">
        <v>40708</v>
      </c>
      <c r="E49" s="3" t="s">
        <v>89</v>
      </c>
      <c r="F49" s="7" t="s">
        <v>2840</v>
      </c>
      <c r="G49" s="3" t="s">
        <v>2522</v>
      </c>
      <c r="H49" s="3"/>
    </row>
    <row r="50" spans="1:8" x14ac:dyDescent="0.3">
      <c r="A50" s="3" t="s">
        <v>2843</v>
      </c>
      <c r="B50" s="11">
        <v>2507770</v>
      </c>
      <c r="C50" s="10" t="s">
        <v>2844</v>
      </c>
      <c r="D50" s="14">
        <v>40651</v>
      </c>
      <c r="E50" s="3" t="s">
        <v>89</v>
      </c>
      <c r="F50" s="7" t="s">
        <v>68</v>
      </c>
      <c r="G50" s="3" t="s">
        <v>32</v>
      </c>
      <c r="H50" s="3"/>
    </row>
    <row r="51" spans="1:8" x14ac:dyDescent="0.3">
      <c r="A51" s="3" t="s">
        <v>2845</v>
      </c>
      <c r="B51" s="11">
        <v>2489376</v>
      </c>
      <c r="C51" s="10" t="s">
        <v>2846</v>
      </c>
      <c r="D51" s="14">
        <v>40595</v>
      </c>
      <c r="E51" s="3" t="s">
        <v>89</v>
      </c>
      <c r="F51" s="7" t="s">
        <v>71</v>
      </c>
      <c r="G51" s="3" t="s">
        <v>32</v>
      </c>
      <c r="H51" s="3"/>
    </row>
    <row r="52" spans="1:8" x14ac:dyDescent="0.3">
      <c r="A52" s="3" t="s">
        <v>2847</v>
      </c>
      <c r="B52" s="11">
        <v>2438347</v>
      </c>
      <c r="C52" s="10" t="s">
        <v>2848</v>
      </c>
      <c r="D52" s="14">
        <v>40532</v>
      </c>
      <c r="E52" s="3" t="s">
        <v>89</v>
      </c>
      <c r="F52" s="7" t="s">
        <v>74</v>
      </c>
      <c r="G52" s="3" t="s">
        <v>32</v>
      </c>
      <c r="H52" s="3"/>
    </row>
    <row r="53" spans="1:8" x14ac:dyDescent="0.3">
      <c r="A53" s="3" t="s">
        <v>2849</v>
      </c>
      <c r="B53" s="11">
        <v>2345451</v>
      </c>
      <c r="C53" s="10" t="s">
        <v>2850</v>
      </c>
      <c r="D53" s="14">
        <v>40469</v>
      </c>
      <c r="E53" s="3" t="s">
        <v>89</v>
      </c>
      <c r="F53" s="7" t="s">
        <v>77</v>
      </c>
      <c r="G53" s="3" t="s">
        <v>32</v>
      </c>
      <c r="H53" s="3"/>
    </row>
    <row r="54" spans="1:8" x14ac:dyDescent="0.3">
      <c r="A54" s="3" t="s">
        <v>2851</v>
      </c>
      <c r="B54" s="11">
        <v>2261464</v>
      </c>
      <c r="C54" s="10" t="s">
        <v>2852</v>
      </c>
      <c r="D54" s="14">
        <v>40406</v>
      </c>
      <c r="E54" s="3" t="s">
        <v>89</v>
      </c>
      <c r="F54" s="7" t="s">
        <v>80</v>
      </c>
      <c r="G54" s="3" t="s">
        <v>32</v>
      </c>
      <c r="H54" s="3"/>
    </row>
    <row r="55" spans="1:8" x14ac:dyDescent="0.3">
      <c r="A55" s="3" t="s">
        <v>2853</v>
      </c>
      <c r="B55" s="11">
        <v>2072493</v>
      </c>
      <c r="C55" s="10" t="s">
        <v>2854</v>
      </c>
      <c r="D55" s="14">
        <v>40350</v>
      </c>
      <c r="E55" s="3" t="s">
        <v>89</v>
      </c>
      <c r="F55" s="7" t="s">
        <v>83</v>
      </c>
      <c r="G55" s="3" t="s">
        <v>32</v>
      </c>
      <c r="H55" s="3"/>
    </row>
    <row r="56" spans="1:8" x14ac:dyDescent="0.3">
      <c r="A56" s="3" t="s">
        <v>2855</v>
      </c>
      <c r="B56" s="11">
        <v>981355</v>
      </c>
      <c r="C56" s="10" t="s">
        <v>2856</v>
      </c>
      <c r="D56" s="14">
        <v>40316</v>
      </c>
      <c r="E56" s="3" t="s">
        <v>89</v>
      </c>
      <c r="F56" s="7" t="s">
        <v>86</v>
      </c>
      <c r="G56" s="3" t="s">
        <v>32</v>
      </c>
      <c r="H56" s="3"/>
    </row>
    <row r="57" spans="1:8" x14ac:dyDescent="0.3">
      <c r="A57" s="3" t="s">
        <v>2857</v>
      </c>
      <c r="B57" s="11" t="s">
        <v>2435</v>
      </c>
      <c r="D57" s="14">
        <v>40308</v>
      </c>
      <c r="E57" s="3" t="s">
        <v>89</v>
      </c>
      <c r="F57" s="7" t="s">
        <v>30</v>
      </c>
      <c r="G57" s="3" t="s">
        <v>89</v>
      </c>
      <c r="H57" s="3"/>
    </row>
  </sheetData>
  <hyperlinks>
    <hyperlink ref="C3" r:id="rId1" xr:uid="{3F17EB28-D28C-42BA-A9AE-6DE65FA42D3C}"/>
    <hyperlink ref="C49" r:id="rId2" xr:uid="{A1F2FA5E-A60F-4FDF-848B-22F5CEE7BB2E}"/>
    <hyperlink ref="C56" r:id="rId3" xr:uid="{7804D288-CD51-4A9F-B6B1-AED01EB8153D}"/>
    <hyperlink ref="C55" r:id="rId4" xr:uid="{DFD1324C-BD0E-4E71-9F90-7C159DD0C24E}"/>
    <hyperlink ref="C54" r:id="rId5" xr:uid="{2F40CD89-79EA-4C46-B4F0-1B52205BD12E}"/>
    <hyperlink ref="C53" r:id="rId6" xr:uid="{D10881A9-6E03-402B-9C1F-419A207B10EE}"/>
    <hyperlink ref="C52" r:id="rId7" xr:uid="{C7A28D45-9C9C-4A75-B10E-407BE145835C}"/>
    <hyperlink ref="C51" r:id="rId8" xr:uid="{1C89EB36-3F8E-4EA9-8C0D-824256DB90AF}"/>
    <hyperlink ref="C50" r:id="rId9" xr:uid="{5BA15FC5-3061-4548-A855-7CD799B5D95A}"/>
    <hyperlink ref="C48" r:id="rId10" xr:uid="{024AEA9B-E82A-425B-AA39-D47E1EBA02C8}"/>
    <hyperlink ref="C47" r:id="rId11" xr:uid="{175B3200-C98D-4B89-BB75-39FC1C90B7EA}"/>
    <hyperlink ref="C44" r:id="rId12" xr:uid="{AF4E8119-DE9D-4597-9657-FACF40D6AC91}"/>
    <hyperlink ref="C42" r:id="rId13" xr:uid="{DAABB0A3-753E-48CB-9DD3-57CB9EDB0269}"/>
    <hyperlink ref="C40" r:id="rId14" xr:uid="{E352EB0A-2871-43C3-ABDF-A8FE045A127E}"/>
    <hyperlink ref="C38" r:id="rId15" xr:uid="{D19B61DD-A476-41B6-991C-4947C65B8D61}"/>
    <hyperlink ref="C36" r:id="rId16" xr:uid="{A2DA55CA-FE2D-4BF8-8FFE-D59738F659F4}"/>
    <hyperlink ref="C4" r:id="rId17" xr:uid="{A3A4CD21-5E95-4573-882D-5B15108CB828}"/>
    <hyperlink ref="C5" r:id="rId18" xr:uid="{D81A8D28-764A-4595-A201-BC76E0ED2137}"/>
    <hyperlink ref="C8" r:id="rId19" xr:uid="{82486D43-4CE6-4651-9A3D-FC65320E5793}"/>
    <hyperlink ref="C10" r:id="rId20" xr:uid="{B216FF26-6CE7-4F88-A830-871D491669F9}"/>
    <hyperlink ref="C6" r:id="rId21" xr:uid="{6E4EAFDC-BB81-40DB-824E-00AB1B9C2493}"/>
    <hyperlink ref="C12" r:id="rId22" xr:uid="{8AB82571-6927-4EE1-9B29-45615017969B}"/>
    <hyperlink ref="C9" r:id="rId23" xr:uid="{55FC8181-243E-429B-B363-966CABCEA8C7}"/>
    <hyperlink ref="C13" r:id="rId24" xr:uid="{49B26480-D8F4-4746-BB9E-499634FEE049}"/>
    <hyperlink ref="C14" r:id="rId25" xr:uid="{044C98BD-5BB1-463F-8411-1E61A84191C0}"/>
    <hyperlink ref="C15" r:id="rId26" xr:uid="{A9B80BAF-4ABB-418C-A76F-4F68FA97B938}"/>
    <hyperlink ref="C16" r:id="rId27" xr:uid="{15430DD7-9889-4557-98CE-A68F67D93C18}"/>
    <hyperlink ref="C18" r:id="rId28" xr:uid="{C6CA2559-8C08-4D52-BA45-6C65910F7073}"/>
    <hyperlink ref="C20" r:id="rId29" xr:uid="{43199579-5F88-404E-98E2-01557F7B1932}"/>
    <hyperlink ref="C22" r:id="rId30" xr:uid="{A85C5262-3448-4BCA-98E4-2000D07FCB2D}"/>
    <hyperlink ref="C24" r:id="rId31" xr:uid="{64F27597-8CFC-4CF8-8300-4DDE5B324F1F}"/>
    <hyperlink ref="C26" r:id="rId32" xr:uid="{5722C11C-134E-4F4A-8B36-07FB883727BE}"/>
    <hyperlink ref="C30" r:id="rId33" xr:uid="{8489C2D5-EED6-49AC-86CC-F791D0A36A46}"/>
    <hyperlink ref="C33" r:id="rId34" xr:uid="{A9AB9500-05DB-4595-BE20-3D966C40AFBD}"/>
    <hyperlink ref="C7" r:id="rId35" xr:uid="{FFFDB0A2-1D4D-4CC9-850F-9D01D06FA79C}"/>
    <hyperlink ref="C11" r:id="rId36" xr:uid="{1DE0DEFA-2C3D-4360-BEC2-9386DB5DFB54}"/>
    <hyperlink ref="C32" r:id="rId37" xr:uid="{3B1C01C6-DEEB-46A2-80D3-503386436E42}"/>
    <hyperlink ref="C17" r:id="rId38" xr:uid="{DB328716-C321-472E-817A-1C7A7D7CE6D7}"/>
    <hyperlink ref="C19" r:id="rId39" xr:uid="{C437EB8F-7EF4-46BF-AEDB-B1E755CDBD2D}"/>
    <hyperlink ref="C21" r:id="rId40" xr:uid="{16B870D3-87EE-4CE4-A6C0-3CFA7DDD232E}"/>
    <hyperlink ref="C23" r:id="rId41" xr:uid="{12FB5B81-9525-41A9-91C6-EC384872EECD}"/>
    <hyperlink ref="C25" r:id="rId42" xr:uid="{2DD57296-C7DA-48D9-A18B-3044FA7A7DF9}"/>
    <hyperlink ref="C27" r:id="rId43" xr:uid="{E94DB2B4-28CD-440A-A623-50805E710EA5}"/>
    <hyperlink ref="C29" r:id="rId44" xr:uid="{5E3D52C5-04BF-49CE-9B1E-79EB66EA9D95}"/>
    <hyperlink ref="C31" r:id="rId45" xr:uid="{C6C7723C-D605-4416-A7D2-8DCC20645B5E}"/>
    <hyperlink ref="C34" r:id="rId46" xr:uid="{7ED4F122-FF0D-409E-ABC6-D7A43BA715B8}"/>
    <hyperlink ref="C35" r:id="rId47" xr:uid="{EBDC081E-B5F1-4B0A-9FAA-A42E6C1BD676}"/>
    <hyperlink ref="C37" r:id="rId48" xr:uid="{E3F95377-6B72-456B-A897-F3757D20576D}"/>
    <hyperlink ref="C39" r:id="rId49" xr:uid="{DB675670-BEE3-47C4-A363-4105C3B03E2E}"/>
    <hyperlink ref="C41" r:id="rId50" xr:uid="{96FCEFDC-8D5F-4973-85A6-25EFE3A9C005}"/>
    <hyperlink ref="C43" r:id="rId51" xr:uid="{6EFF0CA3-0BCE-45C6-9060-6B3AD9430D34}"/>
    <hyperlink ref="C45" r:id="rId52" xr:uid="{E8FA3C4B-7B05-46EA-8708-151C61F94F7C}"/>
    <hyperlink ref="C28" r:id="rId53" xr:uid="{3B8FE3EF-35C7-480F-92AE-1745B452FC4C}"/>
    <hyperlink ref="C46" r:id="rId54" xr:uid="{54D5CFBC-475C-4741-895C-EEE42D46705D}"/>
    <hyperlink ref="F3" r:id="rId55" display="https://portal.msrc.microsoft.com/en-us/security-guidance/advisory/ADV180002" xr:uid="{8AD0ED51-0129-499B-A956-94F37C37EB82}"/>
    <hyperlink ref="C2" r:id="rId56" xr:uid="{66AC5A9B-0838-421E-B6CD-F8FB20CD700C}"/>
  </hyperlinks>
  <pageMargins left="0.7" right="0.7" top="0.75" bottom="0.75" header="0.3" footer="0.3"/>
  <customProperties>
    <customPr name="EpmWorksheetKeyString_GUID" r:id="rId57"/>
  </customProperties>
  <tableParts count="1">
    <tablePart r:id="rId58"/>
  </tablePart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1E59FF-DA3B-49B3-8A4D-01EF02A5CB69}">
  <sheetPr>
    <tabColor rgb="FF00B050"/>
  </sheetPr>
  <dimension ref="A1:H77"/>
  <sheetViews>
    <sheetView workbookViewId="0">
      <pane ySplit="1" topLeftCell="A2" activePane="bottomLeft" state="frozen"/>
      <selection pane="bottomLeft"/>
    </sheetView>
  </sheetViews>
  <sheetFormatPr defaultRowHeight="14.4" x14ac:dyDescent="0.3"/>
  <cols>
    <col min="1" max="1" width="19.5546875" customWidth="1"/>
    <col min="2" max="2" width="16.44140625" customWidth="1"/>
    <col min="3" max="3" width="43.5546875" customWidth="1"/>
    <col min="4" max="4" width="15.5546875" customWidth="1"/>
    <col min="5" max="5" width="21.109375" customWidth="1"/>
    <col min="6" max="6" width="34" customWidth="1"/>
    <col min="7" max="7" width="24.5546875" customWidth="1"/>
    <col min="8" max="8" width="37.44140625" customWidth="1"/>
  </cols>
  <sheetData>
    <row r="1" spans="1:8" ht="13.5" customHeight="1" x14ac:dyDescent="0.3">
      <c r="A1" s="78" t="s">
        <v>20</v>
      </c>
      <c r="B1" s="79" t="s">
        <v>21</v>
      </c>
      <c r="C1" s="79" t="s">
        <v>22</v>
      </c>
      <c r="D1" s="80" t="s">
        <v>23</v>
      </c>
      <c r="E1" s="80" t="s">
        <v>24</v>
      </c>
      <c r="F1" s="79" t="s">
        <v>25</v>
      </c>
      <c r="G1" s="79" t="s">
        <v>26</v>
      </c>
      <c r="H1" s="81" t="s">
        <v>27</v>
      </c>
    </row>
    <row r="2" spans="1:8" ht="15" customHeight="1" x14ac:dyDescent="0.3">
      <c r="A2" s="47" t="s">
        <v>2858</v>
      </c>
      <c r="B2" s="48">
        <v>5020863</v>
      </c>
      <c r="C2" s="49" t="s">
        <v>2859</v>
      </c>
      <c r="D2" s="50">
        <v>44971</v>
      </c>
      <c r="E2" s="53" t="s">
        <v>2600</v>
      </c>
      <c r="F2" s="53" t="s">
        <v>38</v>
      </c>
      <c r="G2" s="53" t="s">
        <v>2337</v>
      </c>
      <c r="H2" s="47"/>
    </row>
    <row r="3" spans="1:8" x14ac:dyDescent="0.3">
      <c r="A3" s="3" t="s">
        <v>2860</v>
      </c>
      <c r="B3" s="11">
        <v>4057114</v>
      </c>
      <c r="C3" s="9" t="s">
        <v>2861</v>
      </c>
      <c r="D3" s="14">
        <v>43112</v>
      </c>
      <c r="E3" s="3" t="s">
        <v>2600</v>
      </c>
      <c r="F3" s="3" t="s">
        <v>38</v>
      </c>
      <c r="G3" s="3" t="s">
        <v>2337</v>
      </c>
      <c r="H3" s="3"/>
    </row>
    <row r="4" spans="1:8" x14ac:dyDescent="0.3">
      <c r="A4" s="3" t="s">
        <v>2862</v>
      </c>
      <c r="B4" s="11">
        <v>3045308</v>
      </c>
      <c r="C4" s="9" t="s">
        <v>2863</v>
      </c>
      <c r="D4" s="14">
        <v>42199</v>
      </c>
      <c r="E4" s="3" t="s">
        <v>2600</v>
      </c>
      <c r="F4" s="3" t="s">
        <v>2565</v>
      </c>
      <c r="G4" s="3" t="s">
        <v>2428</v>
      </c>
      <c r="H4" s="3"/>
    </row>
    <row r="5" spans="1:8" x14ac:dyDescent="0.3">
      <c r="A5" s="3" t="s">
        <v>2864</v>
      </c>
      <c r="B5" s="11">
        <v>3045311</v>
      </c>
      <c r="C5" s="9" t="s">
        <v>2865</v>
      </c>
      <c r="D5" s="14">
        <v>42199</v>
      </c>
      <c r="E5" s="3" t="s">
        <v>2600</v>
      </c>
      <c r="F5" s="3" t="s">
        <v>2866</v>
      </c>
      <c r="G5" s="3" t="s">
        <v>2522</v>
      </c>
      <c r="H5" s="3"/>
    </row>
    <row r="6" spans="1:8" x14ac:dyDescent="0.3">
      <c r="A6" s="3" t="s">
        <v>2867</v>
      </c>
      <c r="B6" s="11">
        <v>2979596</v>
      </c>
      <c r="C6" s="9" t="s">
        <v>2868</v>
      </c>
      <c r="D6" s="14">
        <v>41912</v>
      </c>
      <c r="E6" s="3" t="s">
        <v>2600</v>
      </c>
      <c r="F6" s="3" t="s">
        <v>30</v>
      </c>
      <c r="G6" s="3" t="s">
        <v>2356</v>
      </c>
      <c r="H6" s="3"/>
    </row>
    <row r="7" spans="1:8" x14ac:dyDescent="0.3">
      <c r="A7" s="3" t="s">
        <v>2869</v>
      </c>
      <c r="B7" s="11">
        <v>3045303</v>
      </c>
      <c r="C7" s="9" t="s">
        <v>2870</v>
      </c>
      <c r="D7" s="14">
        <v>42199</v>
      </c>
      <c r="E7" s="3" t="s">
        <v>2335</v>
      </c>
      <c r="F7" s="3" t="s">
        <v>2871</v>
      </c>
      <c r="G7" s="3" t="s">
        <v>2428</v>
      </c>
      <c r="H7" s="3"/>
    </row>
    <row r="8" spans="1:8" ht="28.8" x14ac:dyDescent="0.3">
      <c r="A8" s="3" t="s">
        <v>2872</v>
      </c>
      <c r="B8" s="11" t="s">
        <v>2873</v>
      </c>
      <c r="C8" s="1" t="s">
        <v>2874</v>
      </c>
      <c r="D8" s="14">
        <v>41863</v>
      </c>
      <c r="E8" s="3"/>
      <c r="F8" s="3" t="s">
        <v>2590</v>
      </c>
      <c r="G8" s="3" t="s">
        <v>2428</v>
      </c>
      <c r="H8" s="3"/>
    </row>
    <row r="9" spans="1:8" x14ac:dyDescent="0.3">
      <c r="A9" s="3" t="s">
        <v>2875</v>
      </c>
      <c r="B9" s="11">
        <v>2877204</v>
      </c>
      <c r="C9" s="9" t="s">
        <v>2876</v>
      </c>
      <c r="D9" s="14"/>
      <c r="E9" s="3"/>
      <c r="F9" s="3" t="s">
        <v>30</v>
      </c>
      <c r="H9" s="3"/>
    </row>
    <row r="10" spans="1:8" x14ac:dyDescent="0.3">
      <c r="A10" s="3" t="s">
        <v>2877</v>
      </c>
      <c r="B10" s="11">
        <v>2958696</v>
      </c>
      <c r="C10" s="9" t="s">
        <v>2878</v>
      </c>
      <c r="D10" s="14">
        <v>41778</v>
      </c>
      <c r="E10" s="3" t="s">
        <v>2335</v>
      </c>
      <c r="F10" s="3" t="s">
        <v>517</v>
      </c>
      <c r="G10" s="3" t="s">
        <v>32</v>
      </c>
      <c r="H10" s="3"/>
    </row>
    <row r="11" spans="1:8" x14ac:dyDescent="0.3">
      <c r="A11" s="3" t="s">
        <v>2879</v>
      </c>
      <c r="B11" s="11">
        <v>2936421</v>
      </c>
      <c r="C11" s="9" t="s">
        <v>2880</v>
      </c>
      <c r="D11" s="14">
        <v>41715</v>
      </c>
      <c r="E11" s="3" t="s">
        <v>2335</v>
      </c>
      <c r="F11" s="3" t="s">
        <v>522</v>
      </c>
      <c r="G11" s="3" t="s">
        <v>32</v>
      </c>
      <c r="H11" s="3"/>
    </row>
    <row r="12" spans="1:8" x14ac:dyDescent="0.3">
      <c r="A12" s="3" t="s">
        <v>2881</v>
      </c>
      <c r="B12" s="11">
        <v>2923520</v>
      </c>
      <c r="C12" s="9" t="s">
        <v>2882</v>
      </c>
      <c r="D12" s="14">
        <v>41659</v>
      </c>
      <c r="E12" s="3" t="s">
        <v>2335</v>
      </c>
      <c r="F12" s="3" t="s">
        <v>524</v>
      </c>
      <c r="G12" s="3" t="s">
        <v>32</v>
      </c>
      <c r="H12" s="3"/>
    </row>
    <row r="13" spans="1:8" x14ac:dyDescent="0.3">
      <c r="A13" s="3" t="s">
        <v>2883</v>
      </c>
      <c r="B13" s="11">
        <v>2893410</v>
      </c>
      <c r="C13" s="9" t="s">
        <v>2884</v>
      </c>
      <c r="D13" s="14">
        <v>41596</v>
      </c>
      <c r="E13" s="3" t="s">
        <v>2335</v>
      </c>
      <c r="F13" s="3" t="s">
        <v>31</v>
      </c>
      <c r="G13" s="3" t="s">
        <v>32</v>
      </c>
      <c r="H13" s="3"/>
    </row>
    <row r="14" spans="1:8" x14ac:dyDescent="0.3">
      <c r="A14" s="3" t="s">
        <v>2885</v>
      </c>
      <c r="B14" s="11">
        <v>2880350</v>
      </c>
      <c r="C14" s="9" t="s">
        <v>2886</v>
      </c>
      <c r="D14" s="14">
        <v>41533</v>
      </c>
      <c r="E14" s="3" t="s">
        <v>2335</v>
      </c>
      <c r="F14" s="3" t="s">
        <v>41</v>
      </c>
      <c r="G14" s="3" t="s">
        <v>32</v>
      </c>
      <c r="H14" s="3"/>
    </row>
    <row r="15" spans="1:8" x14ac:dyDescent="0.3">
      <c r="A15" s="3" t="s">
        <v>2887</v>
      </c>
      <c r="B15" s="11">
        <v>2863205</v>
      </c>
      <c r="C15" s="9" t="s">
        <v>2888</v>
      </c>
      <c r="D15" s="14">
        <v>41470</v>
      </c>
      <c r="E15" s="3" t="s">
        <v>2335</v>
      </c>
      <c r="F15" s="3" t="s">
        <v>47</v>
      </c>
      <c r="G15" s="3" t="s">
        <v>32</v>
      </c>
      <c r="H15" s="3"/>
    </row>
    <row r="16" spans="1:8" x14ac:dyDescent="0.3">
      <c r="A16" s="3" t="s">
        <v>2889</v>
      </c>
      <c r="B16" s="11">
        <v>2834048</v>
      </c>
      <c r="C16" s="9" t="s">
        <v>2890</v>
      </c>
      <c r="D16" s="14">
        <v>41414</v>
      </c>
      <c r="E16" s="3" t="s">
        <v>2335</v>
      </c>
      <c r="F16" s="3" t="s">
        <v>50</v>
      </c>
      <c r="G16" s="3" t="s">
        <v>32</v>
      </c>
      <c r="H16" s="3"/>
    </row>
    <row r="17" spans="1:8" x14ac:dyDescent="0.3">
      <c r="A17" s="3" t="s">
        <v>2891</v>
      </c>
      <c r="B17" s="11">
        <v>2814783</v>
      </c>
      <c r="C17" s="9" t="s">
        <v>2892</v>
      </c>
      <c r="D17" s="14">
        <v>41351</v>
      </c>
      <c r="E17" s="3" t="s">
        <v>2335</v>
      </c>
      <c r="F17" s="3" t="s">
        <v>56</v>
      </c>
      <c r="G17" s="3" t="s">
        <v>32</v>
      </c>
      <c r="H17" s="3"/>
    </row>
    <row r="18" spans="1:8" x14ac:dyDescent="0.3">
      <c r="A18" s="3" t="s">
        <v>2893</v>
      </c>
      <c r="B18" s="11">
        <v>2799883</v>
      </c>
      <c r="C18" s="9" t="s">
        <v>2894</v>
      </c>
      <c r="D18" s="14">
        <v>41295</v>
      </c>
      <c r="E18" s="3" t="s">
        <v>2335</v>
      </c>
      <c r="F18" s="3" t="s">
        <v>59</v>
      </c>
      <c r="G18" s="3" t="s">
        <v>32</v>
      </c>
      <c r="H18" s="3"/>
    </row>
    <row r="19" spans="1:8" x14ac:dyDescent="0.3">
      <c r="A19" s="3" t="s">
        <v>2895</v>
      </c>
      <c r="B19" s="11">
        <v>2771833</v>
      </c>
      <c r="C19" s="9" t="s">
        <v>2896</v>
      </c>
      <c r="D19" s="14">
        <v>41232</v>
      </c>
      <c r="E19" s="3" t="s">
        <v>2335</v>
      </c>
      <c r="F19" s="3" t="s">
        <v>65</v>
      </c>
      <c r="G19" s="3" t="s">
        <v>32</v>
      </c>
      <c r="H19" s="3"/>
    </row>
    <row r="20" spans="1:8" x14ac:dyDescent="0.3">
      <c r="A20" s="3" t="s">
        <v>2897</v>
      </c>
      <c r="B20" s="11">
        <v>2716435</v>
      </c>
      <c r="C20" s="9" t="s">
        <v>2898</v>
      </c>
      <c r="D20" s="14">
        <v>41191</v>
      </c>
      <c r="E20" s="3" t="s">
        <v>2335</v>
      </c>
      <c r="F20" s="3" t="s">
        <v>2736</v>
      </c>
      <c r="G20" s="3" t="s">
        <v>2428</v>
      </c>
      <c r="H20" s="3"/>
    </row>
    <row r="21" spans="1:8" x14ac:dyDescent="0.3">
      <c r="A21" s="3" t="s">
        <v>2899</v>
      </c>
      <c r="B21" s="11">
        <v>2738350</v>
      </c>
      <c r="C21" s="9" t="s">
        <v>2900</v>
      </c>
      <c r="D21" s="14">
        <v>41169</v>
      </c>
      <c r="E21" s="3" t="s">
        <v>2335</v>
      </c>
      <c r="F21" s="3" t="s">
        <v>68</v>
      </c>
      <c r="G21" s="3" t="s">
        <v>32</v>
      </c>
      <c r="H21" s="3"/>
    </row>
    <row r="22" spans="1:8" x14ac:dyDescent="0.3">
      <c r="A22" s="3" t="s">
        <v>2901</v>
      </c>
      <c r="B22" s="11">
        <v>2715953</v>
      </c>
      <c r="C22" s="9" t="s">
        <v>2902</v>
      </c>
      <c r="D22" s="14">
        <v>41106</v>
      </c>
      <c r="E22" s="3" t="s">
        <v>2335</v>
      </c>
      <c r="F22" s="3" t="s">
        <v>71</v>
      </c>
      <c r="G22" s="3" t="s">
        <v>32</v>
      </c>
      <c r="H22" s="3"/>
    </row>
    <row r="23" spans="1:8" x14ac:dyDescent="0.3">
      <c r="A23" s="3" t="s">
        <v>2903</v>
      </c>
      <c r="B23" s="11">
        <v>2696626</v>
      </c>
      <c r="C23" s="9" t="s">
        <v>2904</v>
      </c>
      <c r="D23" s="14">
        <v>41050</v>
      </c>
      <c r="E23" s="3" t="s">
        <v>2335</v>
      </c>
      <c r="F23" s="3" t="s">
        <v>74</v>
      </c>
      <c r="G23" s="3" t="s">
        <v>32</v>
      </c>
      <c r="H23" s="3"/>
    </row>
    <row r="24" spans="1:8" x14ac:dyDescent="0.3">
      <c r="A24" s="3" t="s">
        <v>2905</v>
      </c>
      <c r="B24" s="11">
        <v>2673383</v>
      </c>
      <c r="C24" s="9" t="s">
        <v>2906</v>
      </c>
      <c r="D24" s="14">
        <v>40987</v>
      </c>
      <c r="E24" s="3" t="s">
        <v>2335</v>
      </c>
      <c r="F24" s="3" t="s">
        <v>77</v>
      </c>
      <c r="G24" s="3" t="s">
        <v>32</v>
      </c>
      <c r="H24" s="3"/>
    </row>
    <row r="25" spans="1:8" x14ac:dyDescent="0.3">
      <c r="A25" s="3" t="s">
        <v>2907</v>
      </c>
      <c r="B25" s="11">
        <v>2648098</v>
      </c>
      <c r="C25" s="9" t="s">
        <v>2908</v>
      </c>
      <c r="D25" s="14">
        <v>40924</v>
      </c>
      <c r="E25" s="3" t="s">
        <v>2335</v>
      </c>
      <c r="F25" s="3" t="s">
        <v>80</v>
      </c>
      <c r="G25" s="3" t="s">
        <v>32</v>
      </c>
      <c r="H25" s="3"/>
    </row>
    <row r="26" spans="1:8" x14ac:dyDescent="0.3">
      <c r="A26" s="3" t="s">
        <v>2909</v>
      </c>
      <c r="B26" s="11">
        <v>2633143</v>
      </c>
      <c r="C26" s="9" t="s">
        <v>2910</v>
      </c>
      <c r="D26" s="14">
        <v>40868</v>
      </c>
      <c r="E26" s="3" t="s">
        <v>2335</v>
      </c>
      <c r="F26" s="3" t="s">
        <v>83</v>
      </c>
      <c r="G26" s="3" t="s">
        <v>32</v>
      </c>
      <c r="H26" s="3"/>
    </row>
    <row r="27" spans="1:8" x14ac:dyDescent="0.3">
      <c r="A27" s="3" t="s">
        <v>2911</v>
      </c>
      <c r="B27" s="11">
        <v>2617146</v>
      </c>
      <c r="C27" s="9" t="s">
        <v>2912</v>
      </c>
      <c r="D27" s="14">
        <v>40833</v>
      </c>
      <c r="E27" s="3" t="s">
        <v>2335</v>
      </c>
      <c r="F27" s="3" t="s">
        <v>86</v>
      </c>
      <c r="G27" s="3" t="s">
        <v>32</v>
      </c>
      <c r="H27" s="3"/>
    </row>
    <row r="28" spans="1:8" x14ac:dyDescent="0.3">
      <c r="A28" s="3" t="s">
        <v>2913</v>
      </c>
      <c r="B28" s="11">
        <v>3045305</v>
      </c>
      <c r="C28" s="9" t="s">
        <v>2914</v>
      </c>
      <c r="D28" s="14">
        <v>42199</v>
      </c>
      <c r="E28" s="3" t="s">
        <v>2335</v>
      </c>
      <c r="F28" s="3" t="s">
        <v>2565</v>
      </c>
      <c r="G28" s="3" t="s">
        <v>2522</v>
      </c>
      <c r="H28" s="3"/>
    </row>
    <row r="29" spans="1:8" x14ac:dyDescent="0.3">
      <c r="A29" s="3" t="s">
        <v>2915</v>
      </c>
      <c r="B29" s="11">
        <v>2977321</v>
      </c>
      <c r="C29" s="9" t="s">
        <v>2916</v>
      </c>
      <c r="D29" s="14">
        <v>41863</v>
      </c>
      <c r="E29" s="3" t="s">
        <v>2335</v>
      </c>
      <c r="F29" s="3" t="s">
        <v>2590</v>
      </c>
      <c r="G29" s="3" t="s">
        <v>2522</v>
      </c>
      <c r="H29" s="3"/>
    </row>
    <row r="30" spans="1:8" x14ac:dyDescent="0.3">
      <c r="A30" s="3" t="s">
        <v>2917</v>
      </c>
      <c r="B30" s="11">
        <v>2716436</v>
      </c>
      <c r="C30" s="9" t="s">
        <v>2918</v>
      </c>
      <c r="D30" s="14">
        <v>41191</v>
      </c>
      <c r="E30" s="3" t="s">
        <v>2335</v>
      </c>
      <c r="F30" s="3" t="s">
        <v>2736</v>
      </c>
      <c r="G30" s="3" t="s">
        <v>2522</v>
      </c>
      <c r="H30" s="3"/>
    </row>
    <row r="31" spans="1:8" x14ac:dyDescent="0.3">
      <c r="A31" s="3" t="s">
        <v>2919</v>
      </c>
      <c r="B31" s="11">
        <v>2546951</v>
      </c>
      <c r="C31" s="9" t="s">
        <v>2920</v>
      </c>
      <c r="D31" s="14">
        <v>40822</v>
      </c>
      <c r="E31" s="3" t="s">
        <v>2335</v>
      </c>
      <c r="F31" s="3" t="s">
        <v>30</v>
      </c>
      <c r="G31" s="3" t="s">
        <v>2356</v>
      </c>
      <c r="H31" s="3"/>
    </row>
    <row r="32" spans="1:8" x14ac:dyDescent="0.3">
      <c r="A32" s="3" t="s">
        <v>2921</v>
      </c>
      <c r="B32" s="11">
        <v>2716433</v>
      </c>
      <c r="C32" s="9" t="s">
        <v>2922</v>
      </c>
      <c r="D32" s="14">
        <v>41191</v>
      </c>
      <c r="E32" s="3" t="s">
        <v>2350</v>
      </c>
      <c r="F32" s="3" t="s">
        <v>2736</v>
      </c>
      <c r="G32" s="3" t="s">
        <v>2428</v>
      </c>
      <c r="H32" s="3"/>
    </row>
    <row r="33" spans="1:8" x14ac:dyDescent="0.3">
      <c r="A33" s="3" t="s">
        <v>2923</v>
      </c>
      <c r="B33" s="11">
        <v>2715951</v>
      </c>
      <c r="C33" s="9" t="s">
        <v>2924</v>
      </c>
      <c r="D33" s="14">
        <v>41106</v>
      </c>
      <c r="E33" s="3" t="s">
        <v>2350</v>
      </c>
      <c r="F33" s="3" t="s">
        <v>50</v>
      </c>
      <c r="G33" s="3" t="s">
        <v>32</v>
      </c>
      <c r="H33" s="3"/>
    </row>
    <row r="34" spans="1:8" x14ac:dyDescent="0.3">
      <c r="A34" s="3" t="s">
        <v>2925</v>
      </c>
      <c r="B34" s="11">
        <v>2696625</v>
      </c>
      <c r="C34" s="9" t="s">
        <v>2926</v>
      </c>
      <c r="D34" s="14">
        <v>41050</v>
      </c>
      <c r="E34" s="3" t="s">
        <v>2350</v>
      </c>
      <c r="F34" s="3" t="s">
        <v>56</v>
      </c>
      <c r="G34" s="3" t="s">
        <v>32</v>
      </c>
      <c r="H34" s="3"/>
    </row>
    <row r="35" spans="1:8" x14ac:dyDescent="0.3">
      <c r="A35" s="3" t="s">
        <v>2927</v>
      </c>
      <c r="B35" s="11">
        <v>2673382</v>
      </c>
      <c r="C35" s="9" t="s">
        <v>2928</v>
      </c>
      <c r="D35" s="14">
        <v>40987</v>
      </c>
      <c r="E35" s="3" t="s">
        <v>2350</v>
      </c>
      <c r="F35" s="3" t="s">
        <v>59</v>
      </c>
      <c r="G35" s="3" t="s">
        <v>32</v>
      </c>
      <c r="H35" s="3"/>
    </row>
    <row r="36" spans="1:8" x14ac:dyDescent="0.3">
      <c r="A36" s="3" t="s">
        <v>2929</v>
      </c>
      <c r="B36" s="11">
        <v>2648096</v>
      </c>
      <c r="C36" s="9" t="s">
        <v>2930</v>
      </c>
      <c r="D36" s="14">
        <v>40924</v>
      </c>
      <c r="E36" s="3" t="s">
        <v>2350</v>
      </c>
      <c r="F36" s="3" t="s">
        <v>65</v>
      </c>
      <c r="G36" s="3" t="s">
        <v>32</v>
      </c>
      <c r="H36" s="3"/>
    </row>
    <row r="37" spans="1:8" x14ac:dyDescent="0.3">
      <c r="A37" s="3" t="s">
        <v>2931</v>
      </c>
      <c r="B37" s="11">
        <v>2617148</v>
      </c>
      <c r="C37" s="9" t="s">
        <v>2932</v>
      </c>
      <c r="D37" s="14">
        <v>40868</v>
      </c>
      <c r="E37" s="3" t="s">
        <v>2350</v>
      </c>
      <c r="F37" s="3" t="s">
        <v>68</v>
      </c>
      <c r="G37" s="3" t="s">
        <v>32</v>
      </c>
      <c r="H37" s="3"/>
    </row>
    <row r="38" spans="1:8" x14ac:dyDescent="0.3">
      <c r="A38" s="3" t="s">
        <v>2933</v>
      </c>
      <c r="B38" s="11">
        <v>2582285</v>
      </c>
      <c r="C38" s="9" t="s">
        <v>2934</v>
      </c>
      <c r="D38" s="14">
        <v>40805</v>
      </c>
      <c r="E38" s="3" t="s">
        <v>2350</v>
      </c>
      <c r="F38" s="3" t="s">
        <v>71</v>
      </c>
      <c r="G38" s="3" t="s">
        <v>32</v>
      </c>
      <c r="H38" s="3"/>
    </row>
    <row r="39" spans="1:8" x14ac:dyDescent="0.3">
      <c r="A39" s="3" t="s">
        <v>2935</v>
      </c>
      <c r="B39" s="11">
        <v>2555408</v>
      </c>
      <c r="C39" s="9" t="s">
        <v>2936</v>
      </c>
      <c r="D39" s="14">
        <v>40742</v>
      </c>
      <c r="E39" s="3" t="s">
        <v>2350</v>
      </c>
      <c r="F39" s="3" t="s">
        <v>74</v>
      </c>
      <c r="G39" s="3" t="s">
        <v>32</v>
      </c>
      <c r="H39" s="3"/>
    </row>
    <row r="40" spans="1:8" x14ac:dyDescent="0.3">
      <c r="A40" s="3" t="s">
        <v>2937</v>
      </c>
      <c r="B40" s="11">
        <v>2494094</v>
      </c>
      <c r="C40" s="9" t="s">
        <v>2938</v>
      </c>
      <c r="D40" s="14">
        <v>40708</v>
      </c>
      <c r="E40" s="3" t="s">
        <v>2350</v>
      </c>
      <c r="F40" s="3" t="s">
        <v>2840</v>
      </c>
      <c r="G40" s="3" t="s">
        <v>2428</v>
      </c>
      <c r="H40" s="3"/>
    </row>
    <row r="41" spans="1:8" x14ac:dyDescent="0.3">
      <c r="A41" s="3" t="s">
        <v>2939</v>
      </c>
      <c r="B41" s="11">
        <v>2527180</v>
      </c>
      <c r="C41" s="9" t="s">
        <v>2940</v>
      </c>
      <c r="D41" s="14">
        <v>40679</v>
      </c>
      <c r="E41" s="3" t="s">
        <v>2350</v>
      </c>
      <c r="F41" s="3" t="s">
        <v>77</v>
      </c>
      <c r="G41" s="3" t="s">
        <v>32</v>
      </c>
      <c r="H41" s="3"/>
    </row>
    <row r="42" spans="1:8" x14ac:dyDescent="0.3">
      <c r="A42" s="3" t="s">
        <v>2941</v>
      </c>
      <c r="B42" s="11">
        <v>2498535</v>
      </c>
      <c r="C42" s="9" t="s">
        <v>2942</v>
      </c>
      <c r="D42" s="14">
        <v>40619</v>
      </c>
      <c r="E42" s="3" t="s">
        <v>2350</v>
      </c>
      <c r="F42" s="3" t="s">
        <v>80</v>
      </c>
      <c r="G42" s="3" t="s">
        <v>32</v>
      </c>
      <c r="H42" s="3"/>
    </row>
    <row r="43" spans="1:8" x14ac:dyDescent="0.3">
      <c r="A43" s="3" t="s">
        <v>2943</v>
      </c>
      <c r="B43" s="11">
        <v>2467239</v>
      </c>
      <c r="C43" s="9" t="s">
        <v>2944</v>
      </c>
      <c r="D43" s="14">
        <v>40560</v>
      </c>
      <c r="E43" s="3" t="s">
        <v>2350</v>
      </c>
      <c r="F43" s="3" t="s">
        <v>83</v>
      </c>
      <c r="G43" s="3" t="s">
        <v>32</v>
      </c>
      <c r="H43" s="3"/>
    </row>
    <row r="44" spans="1:8" x14ac:dyDescent="0.3">
      <c r="A44" s="3" t="s">
        <v>2945</v>
      </c>
      <c r="B44" s="11">
        <v>2289254</v>
      </c>
      <c r="C44" s="9" t="s">
        <v>2946</v>
      </c>
      <c r="D44" s="14">
        <v>40497</v>
      </c>
      <c r="E44" s="3" t="s">
        <v>2350</v>
      </c>
      <c r="F44" s="3" t="s">
        <v>86</v>
      </c>
      <c r="G44" s="3" t="s">
        <v>32</v>
      </c>
      <c r="H44" s="3"/>
    </row>
    <row r="45" spans="1:8" x14ac:dyDescent="0.3">
      <c r="A45" s="3" t="s">
        <v>2947</v>
      </c>
      <c r="B45" s="11">
        <v>2716434</v>
      </c>
      <c r="C45" s="9" t="s">
        <v>2948</v>
      </c>
      <c r="D45" s="14">
        <v>41191</v>
      </c>
      <c r="E45" s="3" t="s">
        <v>2350</v>
      </c>
      <c r="F45" s="3" t="s">
        <v>2736</v>
      </c>
      <c r="G45" s="3" t="s">
        <v>2522</v>
      </c>
      <c r="H45" s="3"/>
    </row>
    <row r="46" spans="1:8" x14ac:dyDescent="0.3">
      <c r="A46" s="3" t="s">
        <v>2949</v>
      </c>
      <c r="B46" s="11">
        <v>2494089</v>
      </c>
      <c r="C46" s="9" t="s">
        <v>2950</v>
      </c>
      <c r="D46" s="14">
        <v>40708</v>
      </c>
      <c r="E46" s="3" t="s">
        <v>2350</v>
      </c>
      <c r="F46" s="3" t="s">
        <v>2840</v>
      </c>
      <c r="G46" s="3" t="s">
        <v>2522</v>
      </c>
      <c r="H46" s="3"/>
    </row>
    <row r="47" spans="1:8" x14ac:dyDescent="0.3">
      <c r="A47" s="3" t="s">
        <v>2951</v>
      </c>
      <c r="B47" s="11">
        <v>2285068</v>
      </c>
      <c r="C47" s="9" t="s">
        <v>2952</v>
      </c>
      <c r="D47" s="14">
        <v>40450</v>
      </c>
      <c r="E47" s="3" t="s">
        <v>2350</v>
      </c>
      <c r="F47" s="3" t="s">
        <v>30</v>
      </c>
      <c r="G47" s="3" t="s">
        <v>2356</v>
      </c>
      <c r="H47" s="3"/>
    </row>
    <row r="48" spans="1:8" x14ac:dyDescent="0.3">
      <c r="A48" s="3" t="s">
        <v>2953</v>
      </c>
      <c r="B48" s="11">
        <v>2582282</v>
      </c>
      <c r="C48" s="9" t="s">
        <v>2954</v>
      </c>
      <c r="D48" s="14">
        <v>40805</v>
      </c>
      <c r="E48" s="3" t="s">
        <v>2376</v>
      </c>
      <c r="F48" s="3" t="s">
        <v>522</v>
      </c>
      <c r="G48" s="3" t="s">
        <v>32</v>
      </c>
      <c r="H48" s="3"/>
    </row>
    <row r="49" spans="1:8" x14ac:dyDescent="0.3">
      <c r="A49" s="3" t="s">
        <v>2955</v>
      </c>
      <c r="B49" s="11">
        <v>2555406</v>
      </c>
      <c r="C49" s="9" t="s">
        <v>2956</v>
      </c>
      <c r="D49" s="14">
        <v>40742</v>
      </c>
      <c r="E49" s="3" t="s">
        <v>2376</v>
      </c>
      <c r="F49" s="3" t="s">
        <v>524</v>
      </c>
      <c r="G49" s="3" t="s">
        <v>32</v>
      </c>
      <c r="H49" s="3"/>
    </row>
    <row r="50" spans="1:8" x14ac:dyDescent="0.3">
      <c r="A50" s="3" t="s">
        <v>2957</v>
      </c>
      <c r="B50" s="11">
        <v>2494100</v>
      </c>
      <c r="C50" s="9" t="s">
        <v>2958</v>
      </c>
      <c r="D50" s="14">
        <v>40708</v>
      </c>
      <c r="E50" s="3" t="s">
        <v>2376</v>
      </c>
      <c r="F50" s="3" t="s">
        <v>2840</v>
      </c>
      <c r="G50" s="3" t="s">
        <v>2428</v>
      </c>
      <c r="H50" s="3"/>
    </row>
    <row r="51" spans="1:8" x14ac:dyDescent="0.3">
      <c r="A51" s="3" t="s">
        <v>2959</v>
      </c>
      <c r="B51" s="11">
        <v>2527187</v>
      </c>
      <c r="C51" s="9" t="s">
        <v>2960</v>
      </c>
      <c r="D51" s="14">
        <v>40679</v>
      </c>
      <c r="E51" s="3" t="s">
        <v>2376</v>
      </c>
      <c r="F51" s="3" t="s">
        <v>31</v>
      </c>
      <c r="G51" s="3" t="s">
        <v>32</v>
      </c>
      <c r="H51" s="3"/>
    </row>
    <row r="52" spans="1:8" x14ac:dyDescent="0.3">
      <c r="A52" s="3" t="s">
        <v>2961</v>
      </c>
      <c r="B52" s="11">
        <v>2497673</v>
      </c>
      <c r="C52" s="9" t="s">
        <v>2962</v>
      </c>
      <c r="D52" s="14">
        <v>40591</v>
      </c>
      <c r="E52" s="3" t="s">
        <v>2376</v>
      </c>
      <c r="F52" s="3" t="s">
        <v>41</v>
      </c>
      <c r="G52" s="3" t="s">
        <v>32</v>
      </c>
      <c r="H52" s="3"/>
    </row>
    <row r="53" spans="1:8" x14ac:dyDescent="0.3">
      <c r="A53" s="3" t="s">
        <v>2963</v>
      </c>
      <c r="B53" s="11">
        <v>2467236</v>
      </c>
      <c r="C53" s="9" t="s">
        <v>2964</v>
      </c>
      <c r="D53" s="14">
        <v>40560</v>
      </c>
      <c r="E53" s="3" t="s">
        <v>2376</v>
      </c>
      <c r="F53" s="3" t="s">
        <v>47</v>
      </c>
      <c r="G53" s="3" t="s">
        <v>32</v>
      </c>
      <c r="H53" s="3"/>
    </row>
    <row r="54" spans="1:8" x14ac:dyDescent="0.3">
      <c r="A54" s="3" t="s">
        <v>2965</v>
      </c>
      <c r="B54" s="11">
        <v>2413738</v>
      </c>
      <c r="C54" s="9" t="s">
        <v>2966</v>
      </c>
      <c r="D54" s="14">
        <v>40497</v>
      </c>
      <c r="E54" s="3" t="s">
        <v>2376</v>
      </c>
      <c r="F54" s="3" t="s">
        <v>50</v>
      </c>
      <c r="G54" s="3" t="s">
        <v>32</v>
      </c>
      <c r="H54" s="3"/>
    </row>
    <row r="55" spans="1:8" x14ac:dyDescent="0.3">
      <c r="A55" s="3" t="s">
        <v>2967</v>
      </c>
      <c r="B55" s="11">
        <v>2279604</v>
      </c>
      <c r="C55" s="9" t="s">
        <v>2968</v>
      </c>
      <c r="D55" s="14">
        <v>40441</v>
      </c>
      <c r="E55" s="3" t="s">
        <v>2376</v>
      </c>
      <c r="F55" s="3" t="s">
        <v>56</v>
      </c>
      <c r="G55" s="3" t="s">
        <v>32</v>
      </c>
      <c r="H55" s="3"/>
    </row>
    <row r="56" spans="1:8" x14ac:dyDescent="0.3">
      <c r="A56" s="3" t="s">
        <v>2969</v>
      </c>
      <c r="B56" s="11">
        <v>2083921</v>
      </c>
      <c r="C56" s="9" t="s">
        <v>2970</v>
      </c>
      <c r="D56" s="14">
        <v>40378</v>
      </c>
      <c r="E56" s="3" t="s">
        <v>2376</v>
      </c>
      <c r="F56" s="3" t="s">
        <v>59</v>
      </c>
      <c r="G56" s="3" t="s">
        <v>32</v>
      </c>
      <c r="H56" s="3"/>
    </row>
    <row r="57" spans="1:8" x14ac:dyDescent="0.3">
      <c r="A57" s="3" t="s">
        <v>2971</v>
      </c>
      <c r="B57" s="11">
        <v>981702</v>
      </c>
      <c r="C57" s="9" t="s">
        <v>2972</v>
      </c>
      <c r="D57" s="14">
        <v>40315</v>
      </c>
      <c r="E57" s="3" t="s">
        <v>2376</v>
      </c>
      <c r="F57" s="3" t="s">
        <v>65</v>
      </c>
      <c r="G57" s="3" t="s">
        <v>32</v>
      </c>
      <c r="H57" s="3"/>
    </row>
    <row r="58" spans="1:8" x14ac:dyDescent="0.3">
      <c r="A58" s="3" t="s">
        <v>2973</v>
      </c>
      <c r="B58" s="11">
        <v>979065</v>
      </c>
      <c r="C58" s="9" t="s">
        <v>2974</v>
      </c>
      <c r="D58" s="14">
        <v>40263</v>
      </c>
      <c r="E58" s="3" t="s">
        <v>2376</v>
      </c>
      <c r="F58" s="3" t="s">
        <v>68</v>
      </c>
      <c r="G58" s="3" t="s">
        <v>32</v>
      </c>
      <c r="H58" s="3"/>
    </row>
    <row r="59" spans="1:8" x14ac:dyDescent="0.3">
      <c r="A59" s="3" t="s">
        <v>2975</v>
      </c>
      <c r="B59" s="11">
        <v>977443</v>
      </c>
      <c r="C59" s="9" t="s">
        <v>2976</v>
      </c>
      <c r="D59" s="14">
        <v>40196</v>
      </c>
      <c r="E59" s="3" t="s">
        <v>2376</v>
      </c>
      <c r="F59" s="3" t="s">
        <v>71</v>
      </c>
      <c r="G59" s="3" t="s">
        <v>32</v>
      </c>
      <c r="H59" s="3"/>
    </row>
    <row r="60" spans="1:8" x14ac:dyDescent="0.3">
      <c r="A60" s="3" t="s">
        <v>2977</v>
      </c>
      <c r="B60" s="11">
        <v>975977</v>
      </c>
      <c r="C60" s="9" t="s">
        <v>2978</v>
      </c>
      <c r="D60" s="14">
        <v>40133</v>
      </c>
      <c r="E60" s="3" t="s">
        <v>2376</v>
      </c>
      <c r="F60" s="3" t="s">
        <v>74</v>
      </c>
      <c r="G60" s="3" t="s">
        <v>32</v>
      </c>
      <c r="H60" s="3"/>
    </row>
    <row r="61" spans="1:8" x14ac:dyDescent="0.3">
      <c r="A61" s="3" t="s">
        <v>2979</v>
      </c>
      <c r="B61" s="11">
        <v>973602</v>
      </c>
      <c r="C61" s="9" t="s">
        <v>2980</v>
      </c>
      <c r="D61" s="14">
        <v>40077</v>
      </c>
      <c r="E61" s="3" t="s">
        <v>2376</v>
      </c>
      <c r="F61" s="3" t="s">
        <v>77</v>
      </c>
      <c r="G61" s="3" t="s">
        <v>32</v>
      </c>
      <c r="H61" s="3"/>
    </row>
    <row r="62" spans="1:8" x14ac:dyDescent="0.3">
      <c r="A62" s="3" t="s">
        <v>2981</v>
      </c>
      <c r="B62" s="11">
        <v>971491</v>
      </c>
      <c r="C62" s="9" t="s">
        <v>2982</v>
      </c>
      <c r="D62" s="14">
        <v>40014</v>
      </c>
      <c r="E62" s="3" t="s">
        <v>2376</v>
      </c>
      <c r="F62" s="3" t="s">
        <v>80</v>
      </c>
      <c r="G62" s="3" t="s">
        <v>32</v>
      </c>
      <c r="H62" s="3"/>
    </row>
    <row r="63" spans="1:8" x14ac:dyDescent="0.3">
      <c r="A63" s="3" t="s">
        <v>2983</v>
      </c>
      <c r="B63" s="11">
        <v>970315</v>
      </c>
      <c r="C63" s="9" t="s">
        <v>2984</v>
      </c>
      <c r="D63" s="14">
        <v>39951</v>
      </c>
      <c r="E63" s="3" t="s">
        <v>2376</v>
      </c>
      <c r="F63" s="3" t="s">
        <v>83</v>
      </c>
      <c r="G63" s="3" t="s">
        <v>32</v>
      </c>
      <c r="H63" s="3"/>
    </row>
    <row r="64" spans="1:8" x14ac:dyDescent="0.3">
      <c r="A64" s="3" t="s">
        <v>2985</v>
      </c>
      <c r="B64" s="11">
        <v>969099</v>
      </c>
      <c r="C64" s="9" t="s">
        <v>2986</v>
      </c>
      <c r="D64" s="14">
        <v>39919</v>
      </c>
      <c r="E64" s="3" t="s">
        <v>2376</v>
      </c>
      <c r="F64" s="3" t="s">
        <v>86</v>
      </c>
      <c r="G64" s="3" t="s">
        <v>32</v>
      </c>
      <c r="H64" s="3"/>
    </row>
    <row r="65" spans="1:8" x14ac:dyDescent="0.3">
      <c r="A65" s="3" t="s">
        <v>2987</v>
      </c>
      <c r="B65" s="11">
        <v>2494096</v>
      </c>
      <c r="C65" s="9" t="s">
        <v>2988</v>
      </c>
      <c r="D65" s="14">
        <v>40708</v>
      </c>
      <c r="E65" s="3" t="s">
        <v>2376</v>
      </c>
      <c r="F65" s="3" t="s">
        <v>2840</v>
      </c>
      <c r="G65" s="3" t="s">
        <v>2989</v>
      </c>
      <c r="H65" s="3"/>
    </row>
    <row r="66" spans="1:8" x14ac:dyDescent="0.3">
      <c r="A66" s="3" t="s">
        <v>2990</v>
      </c>
      <c r="B66" s="11" t="s">
        <v>30</v>
      </c>
      <c r="D66" s="14"/>
      <c r="E66" s="3" t="s">
        <v>2376</v>
      </c>
      <c r="F66" s="3" t="s">
        <v>30</v>
      </c>
      <c r="G66" t="s">
        <v>2356</v>
      </c>
      <c r="H66" s="3"/>
    </row>
    <row r="67" spans="1:8" x14ac:dyDescent="0.3">
      <c r="A67" s="3" t="s">
        <v>2991</v>
      </c>
      <c r="B67" s="11">
        <v>979064</v>
      </c>
      <c r="C67" s="9" t="s">
        <v>2992</v>
      </c>
      <c r="D67" s="14">
        <v>40252</v>
      </c>
      <c r="E67" s="3" t="s">
        <v>89</v>
      </c>
      <c r="F67" s="3" t="s">
        <v>56</v>
      </c>
      <c r="G67" s="3" t="s">
        <v>32</v>
      </c>
      <c r="H67" s="3"/>
    </row>
    <row r="68" spans="1:8" x14ac:dyDescent="0.3">
      <c r="A68" s="3" t="s">
        <v>2993</v>
      </c>
      <c r="B68" s="11">
        <v>977444</v>
      </c>
      <c r="C68" s="9" t="s">
        <v>2994</v>
      </c>
      <c r="D68" s="14">
        <v>40196</v>
      </c>
      <c r="E68" s="3" t="s">
        <v>89</v>
      </c>
      <c r="F68" s="3" t="s">
        <v>59</v>
      </c>
      <c r="G68" s="3" t="s">
        <v>32</v>
      </c>
      <c r="H68" s="3"/>
    </row>
    <row r="69" spans="1:8" x14ac:dyDescent="0.3">
      <c r="A69" s="3" t="s">
        <v>2995</v>
      </c>
      <c r="B69" s="11">
        <v>975976</v>
      </c>
      <c r="C69" s="9" t="s">
        <v>2996</v>
      </c>
      <c r="D69" s="14">
        <v>40133</v>
      </c>
      <c r="E69" s="3" t="s">
        <v>89</v>
      </c>
      <c r="F69" s="3" t="s">
        <v>65</v>
      </c>
      <c r="G69" s="3" t="s">
        <v>32</v>
      </c>
      <c r="H69" s="3"/>
    </row>
    <row r="70" spans="1:8" x14ac:dyDescent="0.3">
      <c r="A70" s="3" t="s">
        <v>2997</v>
      </c>
      <c r="B70" s="11">
        <v>973601</v>
      </c>
      <c r="C70" s="9" t="s">
        <v>2998</v>
      </c>
      <c r="D70" s="14">
        <v>40077</v>
      </c>
      <c r="E70" s="3" t="s">
        <v>89</v>
      </c>
      <c r="F70" s="3" t="s">
        <v>68</v>
      </c>
      <c r="G70" s="3" t="s">
        <v>32</v>
      </c>
      <c r="H70" s="3"/>
    </row>
    <row r="71" spans="1:8" x14ac:dyDescent="0.3">
      <c r="A71" s="3" t="s">
        <v>2999</v>
      </c>
      <c r="B71" s="11">
        <v>971490</v>
      </c>
      <c r="C71" s="9" t="s">
        <v>3000</v>
      </c>
      <c r="D71" s="14">
        <v>40014</v>
      </c>
      <c r="E71" s="3" t="s">
        <v>89</v>
      </c>
      <c r="F71" s="3" t="s">
        <v>71</v>
      </c>
      <c r="G71" s="3" t="s">
        <v>32</v>
      </c>
      <c r="H71" s="3"/>
    </row>
    <row r="72" spans="1:8" x14ac:dyDescent="0.3">
      <c r="A72" s="3" t="s">
        <v>3001</v>
      </c>
      <c r="B72" s="11">
        <v>969531</v>
      </c>
      <c r="C72" s="9" t="s">
        <v>3002</v>
      </c>
      <c r="D72" s="14">
        <v>39951</v>
      </c>
      <c r="E72" s="3" t="s">
        <v>89</v>
      </c>
      <c r="F72" s="3" t="s">
        <v>74</v>
      </c>
      <c r="G72" s="3" t="s">
        <v>32</v>
      </c>
      <c r="H72" s="3"/>
    </row>
    <row r="73" spans="1:8" x14ac:dyDescent="0.3">
      <c r="A73" s="3" t="s">
        <v>3003</v>
      </c>
      <c r="B73" s="11">
        <v>963036</v>
      </c>
      <c r="C73" s="9" t="s">
        <v>3004</v>
      </c>
      <c r="D73" s="14">
        <v>39888</v>
      </c>
      <c r="E73" s="3" t="s">
        <v>89</v>
      </c>
      <c r="F73" s="3" t="s">
        <v>77</v>
      </c>
      <c r="G73" s="3" t="s">
        <v>32</v>
      </c>
      <c r="H73" s="3"/>
    </row>
    <row r="74" spans="1:8" x14ac:dyDescent="0.3">
      <c r="A74" s="3" t="s">
        <v>3005</v>
      </c>
      <c r="B74" s="11">
        <v>960484</v>
      </c>
      <c r="C74" s="9" t="s">
        <v>3006</v>
      </c>
      <c r="D74" s="14">
        <v>39832</v>
      </c>
      <c r="E74" s="3" t="s">
        <v>89</v>
      </c>
      <c r="F74" s="3" t="s">
        <v>80</v>
      </c>
      <c r="G74" s="3" t="s">
        <v>32</v>
      </c>
      <c r="H74" s="3"/>
    </row>
    <row r="75" spans="1:8" x14ac:dyDescent="0.3">
      <c r="A75" s="3" t="s">
        <v>3007</v>
      </c>
      <c r="B75" s="11">
        <v>958186</v>
      </c>
      <c r="C75" s="9" t="s">
        <v>3008</v>
      </c>
      <c r="D75" s="14">
        <v>39771</v>
      </c>
      <c r="E75" s="3" t="s">
        <v>89</v>
      </c>
      <c r="F75" s="3" t="s">
        <v>83</v>
      </c>
      <c r="G75" s="3" t="s">
        <v>32</v>
      </c>
      <c r="H75" s="3"/>
    </row>
    <row r="76" spans="1:8" x14ac:dyDescent="0.3">
      <c r="A76" s="3" t="s">
        <v>3009</v>
      </c>
      <c r="B76" s="11">
        <v>956717</v>
      </c>
      <c r="C76" s="9" t="s">
        <v>3010</v>
      </c>
      <c r="D76" s="14">
        <v>39713</v>
      </c>
      <c r="E76" s="3" t="s">
        <v>89</v>
      </c>
      <c r="F76" s="3" t="s">
        <v>86</v>
      </c>
      <c r="G76" s="3" t="s">
        <v>32</v>
      </c>
      <c r="H76" s="3"/>
    </row>
    <row r="77" spans="1:8" x14ac:dyDescent="0.3">
      <c r="A77" s="3" t="s">
        <v>3011</v>
      </c>
      <c r="B77" s="11" t="s">
        <v>30</v>
      </c>
      <c r="D77" s="14">
        <v>39666</v>
      </c>
      <c r="E77" s="3" t="s">
        <v>89</v>
      </c>
      <c r="F77" s="3" t="s">
        <v>30</v>
      </c>
      <c r="G77" s="3" t="s">
        <v>89</v>
      </c>
      <c r="H77" s="3"/>
    </row>
  </sheetData>
  <hyperlinks>
    <hyperlink ref="C9" r:id="rId1" xr:uid="{D7F28D0B-219E-4C90-AD23-32EF010376AF}"/>
    <hyperlink ref="C76" r:id="rId2" xr:uid="{F8C724DF-F7D1-4769-89E2-85D1770DA0A5}"/>
    <hyperlink ref="C75" r:id="rId3" xr:uid="{42979FEF-0E7F-446C-8289-FF01798FF17A}"/>
    <hyperlink ref="C74" r:id="rId4" xr:uid="{1151CC34-58DB-446E-83E7-A8CD590CF0D2}"/>
    <hyperlink ref="C73" r:id="rId5" xr:uid="{D52698B1-7E7B-439D-AD00-490EED2F8C48}"/>
    <hyperlink ref="C64" r:id="rId6" xr:uid="{D86E40DA-D9C8-49C4-94A4-58ACC0B10E88}"/>
    <hyperlink ref="C72" r:id="rId7" xr:uid="{12F75246-29C7-4F3A-B3CE-A21DEF8CFF40}"/>
    <hyperlink ref="C63" r:id="rId8" xr:uid="{F2C02D70-376F-4BF5-8D89-12DDD339EFAF}"/>
    <hyperlink ref="C71" r:id="rId9" xr:uid="{E9CE2F07-21E2-45DD-90E8-FB03F82EB44A}"/>
    <hyperlink ref="C62" r:id="rId10" xr:uid="{546E9423-0214-4AF9-B726-CEAAA6BAB59F}"/>
    <hyperlink ref="C70" r:id="rId11" xr:uid="{9789467C-4900-4594-B1FB-636855C92F58}"/>
    <hyperlink ref="C61" r:id="rId12" xr:uid="{61465995-903B-4CE5-A43E-1CE1D217EA09}"/>
    <hyperlink ref="C69" r:id="rId13" xr:uid="{43574B57-5830-48A3-870C-A921750D9043}"/>
    <hyperlink ref="C60" r:id="rId14" xr:uid="{D5239514-B444-48B7-BBE1-E3788D52DAC9}"/>
    <hyperlink ref="C68" r:id="rId15" xr:uid="{FC63E6E8-24C0-43F6-BA7E-D3930D09B006}"/>
    <hyperlink ref="C59" r:id="rId16" xr:uid="{35EADA50-39A2-423F-9677-EF98601996FC}"/>
    <hyperlink ref="C67" r:id="rId17" xr:uid="{526621B3-C13B-4E26-8610-DD1E80E36345}"/>
    <hyperlink ref="C58" r:id="rId18" xr:uid="{66DBA67C-E0E8-4E12-BEC5-D61026607F65}"/>
    <hyperlink ref="C57" r:id="rId19" xr:uid="{23996CA9-8854-43B8-AF5F-06BB900ACC9E}"/>
    <hyperlink ref="C56" r:id="rId20" xr:uid="{2C041855-01B9-4257-9B9D-F56654228B75}"/>
    <hyperlink ref="C55" r:id="rId21" xr:uid="{CBEE5650-B695-4376-8D2E-6E515B741DF2}"/>
    <hyperlink ref="C47" r:id="rId22" xr:uid="{9977B121-4AD7-4A2E-9F1E-EB71B824644A}"/>
    <hyperlink ref="C54" r:id="rId23" xr:uid="{A5DEE780-C195-450C-8BF0-8153CF09727A}"/>
    <hyperlink ref="C44" r:id="rId24" xr:uid="{025FAB6E-14F4-4F57-B4D4-72A127392652}"/>
    <hyperlink ref="C53" r:id="rId25" xr:uid="{14BC0887-D421-4E73-8ED4-587BAE8F423A}"/>
    <hyperlink ref="C43" r:id="rId26" xr:uid="{6955DA3E-E8E5-40C1-816D-32006C6EE6A5}"/>
    <hyperlink ref="C52" r:id="rId27" xr:uid="{64EB2EBA-7231-40A8-9393-726CE4A4B77E}"/>
    <hyperlink ref="C42" r:id="rId28" xr:uid="{035646AD-702D-44B9-AD92-E66AED16AB26}"/>
    <hyperlink ref="C51" r:id="rId29" xr:uid="{A82B0E0D-2FD5-41CF-B912-6211C294AB47}"/>
    <hyperlink ref="C41" r:id="rId30" xr:uid="{F8FF408B-484F-425C-AE31-AE28B713C48E}"/>
    <hyperlink ref="C65" r:id="rId31" xr:uid="{807650D0-D52E-449C-9E2F-890A0F2DD903}"/>
    <hyperlink ref="C50" r:id="rId32" xr:uid="{3EB3F07C-F72F-40E0-9E81-1F6AD07D7CA1}"/>
    <hyperlink ref="C46" r:id="rId33" xr:uid="{B4F25C9F-7173-4B84-9463-CE3E00950847}"/>
    <hyperlink ref="C40" r:id="rId34" xr:uid="{47642BA5-E1C8-4401-8D32-2406DFDEDEBD}"/>
    <hyperlink ref="C49" r:id="rId35" xr:uid="{2B55DF9B-2695-48C6-97C6-653EC335A26B}"/>
    <hyperlink ref="C39" r:id="rId36" xr:uid="{20F1C301-06AE-42C7-BD89-E94958764874}"/>
    <hyperlink ref="C48" r:id="rId37" xr:uid="{8B80CD13-3C43-4BAF-8D6A-5A53A0C8F426}"/>
    <hyperlink ref="C38" r:id="rId38" xr:uid="{E1743BA2-F3CA-4F45-B334-8D987CE5EAC8}"/>
    <hyperlink ref="C31" r:id="rId39" xr:uid="{13FE4755-2A74-4F89-B6CD-573468986038}"/>
    <hyperlink ref="C27" r:id="rId40" xr:uid="{993DEC11-B708-498C-A0BE-4D529C9EF6E1}"/>
    <hyperlink ref="C37" r:id="rId41" xr:uid="{D3AD2CD6-59AB-4275-A832-F057C9338F05}"/>
    <hyperlink ref="C26" r:id="rId42" xr:uid="{B1AF58BA-886E-4BC1-A198-AF4D447E9576}"/>
    <hyperlink ref="C36" r:id="rId43" xr:uid="{00AA7C00-288E-4C4E-943D-920106F399E6}"/>
    <hyperlink ref="C25" r:id="rId44" xr:uid="{C5388137-9283-41EC-8933-BDE86855D252}"/>
    <hyperlink ref="C35" r:id="rId45" xr:uid="{7AC9FD8D-E8BB-4E3E-B5DF-E433FB929212}"/>
    <hyperlink ref="C24" r:id="rId46" xr:uid="{1BA44BA9-B0D3-4775-9E0A-BE8EC3BD5EBB}"/>
    <hyperlink ref="C34" r:id="rId47" xr:uid="{AF7D9199-F515-43F8-BC73-060B3F1D1364}"/>
    <hyperlink ref="C23" r:id="rId48" xr:uid="{57210340-940B-424C-BC0E-42840093C536}"/>
    <hyperlink ref="C33" r:id="rId49" xr:uid="{C31FFE69-E949-4558-80FA-9F4698F8108E}"/>
    <hyperlink ref="C22" r:id="rId50" xr:uid="{915BD89A-0F2D-424F-B6E2-BC27E17ACEAD}"/>
    <hyperlink ref="C21" r:id="rId51" xr:uid="{365FB858-29CB-4CF4-9CD6-5928489744DC}"/>
    <hyperlink ref="C45" r:id="rId52" xr:uid="{EB2C94D2-8863-41FB-B520-AD5DF3043FB5}"/>
    <hyperlink ref="C32" r:id="rId53" xr:uid="{A3E1294D-34DB-4FFB-A088-5D513C3168A9}"/>
    <hyperlink ref="C30" r:id="rId54" xr:uid="{2DFDB3F0-FD12-4359-815C-309C9084E3D5}"/>
    <hyperlink ref="C20" r:id="rId55" xr:uid="{63BD28DB-9660-4EFD-B2BE-BFE3BD7C1483}"/>
    <hyperlink ref="C19" r:id="rId56" xr:uid="{4D7BCBFD-25B5-4710-B6B9-AE7D4A444125}"/>
    <hyperlink ref="C18" r:id="rId57" xr:uid="{24CDBD9C-D0C1-4DCD-823E-03F1059FC4BF}"/>
    <hyperlink ref="C17" r:id="rId58" xr:uid="{B5E8BD05-A72F-42E5-9BDE-ABCCA8DB7FDB}"/>
    <hyperlink ref="C16" r:id="rId59" xr:uid="{76165BF5-4715-4EAD-917C-710C8C3E6EB9}"/>
    <hyperlink ref="C15" r:id="rId60" xr:uid="{AAE4E1AD-A15A-47F3-8D0C-CFE16B34262D}"/>
    <hyperlink ref="C14" r:id="rId61" xr:uid="{39EFDFD4-8F36-4D01-9432-A69AFCB0CCD3}"/>
    <hyperlink ref="C13" r:id="rId62" xr:uid="{F30628D5-F56A-4155-BD4F-5372EFB835CA}"/>
    <hyperlink ref="C12" r:id="rId63" xr:uid="{CC935B15-8B61-483C-8DA2-D5240D03D4BC}"/>
    <hyperlink ref="C11" r:id="rId64" xr:uid="{9BF60F0C-846F-40F0-94AD-E4492F07EB98}"/>
    <hyperlink ref="C10" r:id="rId65" xr:uid="{06F232BC-27CF-4588-B0D5-E431F718EF72}"/>
    <hyperlink ref="C29" r:id="rId66" xr:uid="{B67D19B5-C796-49AA-8B63-F1920B2752E9}"/>
    <hyperlink ref="C6" r:id="rId67" xr:uid="{C7C076DE-A94A-4B52-88F2-790A067FB2C4}"/>
    <hyperlink ref="C28" r:id="rId68" xr:uid="{FAE5FB29-7C55-4C74-B6B2-3375400AC8AF}"/>
    <hyperlink ref="C7" r:id="rId69" xr:uid="{326CE2C6-13FA-4BE4-A982-D97691D653AA}"/>
    <hyperlink ref="C5" r:id="rId70" xr:uid="{61D9C19B-428C-4513-A753-4A3F48EBDA86}"/>
    <hyperlink ref="C4" r:id="rId71" xr:uid="{925CCF13-92F8-43DF-B227-5BEF77F3B861}"/>
    <hyperlink ref="C3" r:id="rId72" xr:uid="{13EBA152-3FA0-42BD-9A67-27F606B1B3D1}"/>
    <hyperlink ref="C2" r:id="rId73" xr:uid="{4083D94A-7A1B-45DE-9949-489DF0970ADC}"/>
  </hyperlinks>
  <pageMargins left="0.7" right="0.7" top="0.75" bottom="0.75" header="0.3" footer="0.3"/>
  <customProperties>
    <customPr name="EpmWorksheetKeyString_GUID" r:id="rId74"/>
  </customProperties>
  <tableParts count="1">
    <tablePart r:id="rId75"/>
  </tablePart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95206B-5448-4570-9012-93D8663C7E52}">
  <sheetPr>
    <tabColor rgb="FF00B050"/>
  </sheetPr>
  <dimension ref="A1:H58"/>
  <sheetViews>
    <sheetView workbookViewId="0">
      <pane ySplit="1" topLeftCell="A2" activePane="bottomLeft" state="frozen"/>
      <selection pane="bottomLeft"/>
    </sheetView>
  </sheetViews>
  <sheetFormatPr defaultRowHeight="14.4" x14ac:dyDescent="0.3"/>
  <cols>
    <col min="1" max="1" width="15.109375" customWidth="1"/>
    <col min="2" max="2" width="13.44140625" customWidth="1"/>
    <col min="3" max="3" width="40.109375" customWidth="1"/>
    <col min="4" max="4" width="15" customWidth="1"/>
    <col min="5" max="5" width="21.88671875" customWidth="1"/>
    <col min="6" max="6" width="35.33203125" customWidth="1"/>
    <col min="7" max="7" width="19.5546875" customWidth="1"/>
    <col min="8" max="8" width="30.44140625" customWidth="1"/>
  </cols>
  <sheetData>
    <row r="1" spans="1:8" ht="15" customHeight="1" x14ac:dyDescent="0.3">
      <c r="A1" s="78" t="s">
        <v>20</v>
      </c>
      <c r="B1" s="79" t="s">
        <v>21</v>
      </c>
      <c r="C1" s="79" t="s">
        <v>22</v>
      </c>
      <c r="D1" s="80" t="s">
        <v>23</v>
      </c>
      <c r="E1" s="80" t="s">
        <v>24</v>
      </c>
      <c r="F1" s="79" t="s">
        <v>25</v>
      </c>
      <c r="G1" s="79" t="s">
        <v>26</v>
      </c>
      <c r="H1" s="81" t="s">
        <v>27</v>
      </c>
    </row>
    <row r="2" spans="1:8" x14ac:dyDescent="0.3">
      <c r="A2" s="53" t="s">
        <v>3012</v>
      </c>
      <c r="B2" s="48">
        <v>2716427</v>
      </c>
      <c r="C2" s="55" t="s">
        <v>3013</v>
      </c>
      <c r="D2" s="50">
        <v>41191</v>
      </c>
      <c r="E2" s="53" t="s">
        <v>2600</v>
      </c>
      <c r="F2" s="53" t="s">
        <v>2736</v>
      </c>
      <c r="G2" s="53" t="s">
        <v>3014</v>
      </c>
      <c r="H2" s="53"/>
    </row>
    <row r="3" spans="1:8" x14ac:dyDescent="0.3">
      <c r="A3" s="3" t="s">
        <v>3015</v>
      </c>
      <c r="B3" s="11">
        <v>2716429</v>
      </c>
      <c r="C3" s="10" t="s">
        <v>3016</v>
      </c>
      <c r="D3" s="14">
        <v>41191</v>
      </c>
      <c r="E3" s="3" t="s">
        <v>2600</v>
      </c>
      <c r="F3" s="3" t="s">
        <v>2736</v>
      </c>
      <c r="G3" s="3" t="s">
        <v>3014</v>
      </c>
      <c r="H3" s="3"/>
    </row>
    <row r="4" spans="1:8" x14ac:dyDescent="0.3">
      <c r="A4" s="3" t="s">
        <v>3017</v>
      </c>
      <c r="B4" s="11">
        <v>2494123</v>
      </c>
      <c r="C4" s="10" t="s">
        <v>3018</v>
      </c>
      <c r="D4" s="14">
        <v>40708</v>
      </c>
      <c r="E4" s="3" t="s">
        <v>2600</v>
      </c>
      <c r="F4" s="3" t="s">
        <v>2840</v>
      </c>
      <c r="G4" s="3" t="s">
        <v>3014</v>
      </c>
      <c r="H4" s="3"/>
    </row>
    <row r="5" spans="1:8" x14ac:dyDescent="0.3">
      <c r="A5" s="3" t="s">
        <v>3019</v>
      </c>
      <c r="B5" s="11">
        <v>2494120</v>
      </c>
      <c r="C5" s="10" t="s">
        <v>3020</v>
      </c>
      <c r="D5" s="14">
        <v>40708</v>
      </c>
      <c r="E5" s="3" t="s">
        <v>2600</v>
      </c>
      <c r="F5" s="3" t="s">
        <v>2840</v>
      </c>
      <c r="G5" s="3" t="s">
        <v>3014</v>
      </c>
      <c r="H5" s="3"/>
    </row>
    <row r="6" spans="1:8" x14ac:dyDescent="0.3">
      <c r="A6" s="3" t="s">
        <v>3021</v>
      </c>
      <c r="B6" s="11">
        <v>2494112</v>
      </c>
      <c r="C6" s="10" t="s">
        <v>3022</v>
      </c>
      <c r="D6" s="14">
        <v>40708</v>
      </c>
      <c r="E6" s="3" t="s">
        <v>2335</v>
      </c>
      <c r="F6" s="3" t="s">
        <v>2840</v>
      </c>
      <c r="G6" s="3" t="s">
        <v>3014</v>
      </c>
      <c r="H6" s="3"/>
    </row>
    <row r="7" spans="1:8" x14ac:dyDescent="0.3">
      <c r="A7" s="3" t="s">
        <v>3023</v>
      </c>
      <c r="B7" s="11">
        <v>2494113</v>
      </c>
      <c r="C7" s="10" t="s">
        <v>3024</v>
      </c>
      <c r="D7" s="14">
        <v>40708</v>
      </c>
      <c r="E7" s="3" t="s">
        <v>2335</v>
      </c>
      <c r="F7" s="3" t="s">
        <v>2840</v>
      </c>
      <c r="G7" s="3" t="s">
        <v>3014</v>
      </c>
      <c r="H7" s="3"/>
    </row>
    <row r="8" spans="1:8" x14ac:dyDescent="0.3">
      <c r="A8" s="3" t="s">
        <v>3025</v>
      </c>
      <c r="B8" s="11">
        <v>2507769</v>
      </c>
      <c r="C8" s="10" t="s">
        <v>3026</v>
      </c>
      <c r="D8" s="14">
        <v>40624</v>
      </c>
      <c r="E8" s="3" t="s">
        <v>2600</v>
      </c>
      <c r="F8" s="3" t="s">
        <v>80</v>
      </c>
      <c r="G8" s="3" t="s">
        <v>32</v>
      </c>
      <c r="H8" s="3"/>
    </row>
    <row r="9" spans="1:8" x14ac:dyDescent="0.3">
      <c r="A9" s="3" t="s">
        <v>3027</v>
      </c>
      <c r="B9" s="11">
        <v>2507766</v>
      </c>
      <c r="C9" s="10" t="s">
        <v>3028</v>
      </c>
      <c r="D9" s="14">
        <v>40624</v>
      </c>
      <c r="E9" s="3" t="s">
        <v>2335</v>
      </c>
      <c r="F9" s="3" t="s">
        <v>524</v>
      </c>
      <c r="G9" s="3" t="s">
        <v>32</v>
      </c>
      <c r="H9" s="3"/>
    </row>
    <row r="10" spans="1:8" x14ac:dyDescent="0.3">
      <c r="A10" s="3" t="s">
        <v>3029</v>
      </c>
      <c r="B10" s="11">
        <v>2489375</v>
      </c>
      <c r="C10" s="10" t="s">
        <v>3030</v>
      </c>
      <c r="D10" s="14">
        <v>40595</v>
      </c>
      <c r="E10" s="3" t="s">
        <v>2335</v>
      </c>
      <c r="F10" s="3" t="s">
        <v>31</v>
      </c>
      <c r="G10" s="3" t="s">
        <v>32</v>
      </c>
      <c r="H10" s="3"/>
    </row>
    <row r="11" spans="1:8" x14ac:dyDescent="0.3">
      <c r="A11" s="3" t="s">
        <v>3031</v>
      </c>
      <c r="B11" s="11">
        <v>2464079</v>
      </c>
      <c r="C11" s="10" t="s">
        <v>3032</v>
      </c>
      <c r="D11" s="14">
        <v>40535</v>
      </c>
      <c r="E11" s="3" t="s">
        <v>2600</v>
      </c>
      <c r="F11" s="3" t="s">
        <v>86</v>
      </c>
      <c r="G11" s="3" t="s">
        <v>32</v>
      </c>
      <c r="H11" s="3"/>
    </row>
    <row r="12" spans="1:8" x14ac:dyDescent="0.3">
      <c r="A12" s="3" t="s">
        <v>3033</v>
      </c>
      <c r="B12" s="11">
        <v>2438344</v>
      </c>
      <c r="C12" s="10" t="s">
        <v>3034</v>
      </c>
      <c r="D12" s="14">
        <v>40532</v>
      </c>
      <c r="E12" s="3" t="s">
        <v>2335</v>
      </c>
      <c r="F12" s="3" t="s">
        <v>41</v>
      </c>
      <c r="G12" s="3" t="s">
        <v>32</v>
      </c>
      <c r="H12" s="3"/>
    </row>
    <row r="13" spans="1:8" x14ac:dyDescent="0.3">
      <c r="A13" s="3" t="s">
        <v>3035</v>
      </c>
      <c r="B13" s="11">
        <v>2463332</v>
      </c>
      <c r="C13" s="10" t="s">
        <v>3036</v>
      </c>
      <c r="D13" s="14">
        <v>40528</v>
      </c>
      <c r="E13" s="3" t="s">
        <v>2600</v>
      </c>
      <c r="F13" s="3" t="s">
        <v>30</v>
      </c>
      <c r="G13" s="3" t="s">
        <v>2356</v>
      </c>
      <c r="H13" s="3"/>
    </row>
    <row r="14" spans="1:8" x14ac:dyDescent="0.3">
      <c r="A14" s="3" t="s">
        <v>3037</v>
      </c>
      <c r="B14" s="11">
        <v>2345449</v>
      </c>
      <c r="C14" s="10" t="s">
        <v>3038</v>
      </c>
      <c r="D14" s="14">
        <v>40469</v>
      </c>
      <c r="E14" s="3" t="s">
        <v>2335</v>
      </c>
      <c r="F14" s="3" t="s">
        <v>47</v>
      </c>
      <c r="G14" s="3" t="s">
        <v>32</v>
      </c>
      <c r="H14" s="3"/>
    </row>
    <row r="15" spans="1:8" x14ac:dyDescent="0.3">
      <c r="A15" s="3" t="s">
        <v>3039</v>
      </c>
      <c r="B15" s="11">
        <v>2258854</v>
      </c>
      <c r="C15" s="10" t="s">
        <v>3040</v>
      </c>
      <c r="D15" s="14">
        <v>40406</v>
      </c>
      <c r="E15" s="3" t="s">
        <v>2335</v>
      </c>
      <c r="F15" s="3" t="s">
        <v>50</v>
      </c>
      <c r="G15" s="3" t="s">
        <v>32</v>
      </c>
      <c r="H15" s="3"/>
    </row>
    <row r="16" spans="1:8" x14ac:dyDescent="0.3">
      <c r="A16" s="3" t="s">
        <v>3041</v>
      </c>
      <c r="B16" s="11">
        <v>983329</v>
      </c>
      <c r="C16" s="10" t="s">
        <v>3042</v>
      </c>
      <c r="D16" s="14">
        <v>40350</v>
      </c>
      <c r="E16" s="3" t="s">
        <v>2335</v>
      </c>
      <c r="F16" s="3" t="s">
        <v>56</v>
      </c>
      <c r="G16" s="3" t="s">
        <v>32</v>
      </c>
      <c r="H16" s="3"/>
    </row>
    <row r="17" spans="1:8" x14ac:dyDescent="0.3">
      <c r="A17" s="3" t="s">
        <v>3043</v>
      </c>
      <c r="B17" s="11">
        <v>980176</v>
      </c>
      <c r="C17" s="10" t="s">
        <v>3044</v>
      </c>
      <c r="D17" s="14">
        <v>40287</v>
      </c>
      <c r="E17" s="3" t="s">
        <v>2335</v>
      </c>
      <c r="F17" s="3" t="s">
        <v>59</v>
      </c>
      <c r="G17" s="3" t="s">
        <v>32</v>
      </c>
      <c r="H17" s="3"/>
    </row>
    <row r="18" spans="1:8" x14ac:dyDescent="0.3">
      <c r="A18" s="3" t="s">
        <v>3045</v>
      </c>
      <c r="B18" s="11">
        <v>2489409</v>
      </c>
      <c r="C18" s="10" t="s">
        <v>3046</v>
      </c>
      <c r="D18" s="14">
        <v>40230</v>
      </c>
      <c r="E18" s="3" t="s">
        <v>2600</v>
      </c>
      <c r="F18" s="3" t="s">
        <v>83</v>
      </c>
      <c r="G18" s="3" t="s">
        <v>32</v>
      </c>
      <c r="H18" s="3"/>
    </row>
    <row r="19" spans="1:8" x14ac:dyDescent="0.3">
      <c r="A19" s="3" t="s">
        <v>3047</v>
      </c>
      <c r="B19" s="11">
        <v>978915</v>
      </c>
      <c r="C19" s="10" t="s">
        <v>3048</v>
      </c>
      <c r="D19" s="14">
        <v>40225</v>
      </c>
      <c r="E19" s="3" t="s">
        <v>2335</v>
      </c>
      <c r="F19" s="3" t="s">
        <v>65</v>
      </c>
      <c r="G19" s="3" t="s">
        <v>32</v>
      </c>
      <c r="H19" s="3"/>
    </row>
    <row r="20" spans="1:8" x14ac:dyDescent="0.3">
      <c r="A20" s="3" t="s">
        <v>3049</v>
      </c>
      <c r="B20" s="11">
        <v>976951</v>
      </c>
      <c r="C20" s="10" t="s">
        <v>3050</v>
      </c>
      <c r="D20" s="14">
        <v>40168</v>
      </c>
      <c r="E20" s="3" t="s">
        <v>2335</v>
      </c>
      <c r="F20" s="3" t="s">
        <v>68</v>
      </c>
      <c r="G20" s="3" t="s">
        <v>32</v>
      </c>
      <c r="H20" s="3"/>
    </row>
    <row r="21" spans="1:8" x14ac:dyDescent="0.3">
      <c r="A21" s="3" t="s">
        <v>3051</v>
      </c>
      <c r="B21" s="11">
        <v>976952</v>
      </c>
      <c r="C21" s="10" t="s">
        <v>3052</v>
      </c>
      <c r="D21" s="14">
        <v>40168</v>
      </c>
      <c r="E21" s="3" t="s">
        <v>2350</v>
      </c>
      <c r="F21" s="3" t="s">
        <v>517</v>
      </c>
      <c r="G21" s="3" t="s">
        <v>32</v>
      </c>
      <c r="H21" s="3"/>
    </row>
    <row r="22" spans="1:8" x14ac:dyDescent="0.3">
      <c r="A22" s="3" t="s">
        <v>3053</v>
      </c>
      <c r="B22" s="11">
        <v>974648</v>
      </c>
      <c r="C22" s="10" t="s">
        <v>3054</v>
      </c>
      <c r="D22" s="14">
        <v>40105</v>
      </c>
      <c r="E22" s="3" t="s">
        <v>2335</v>
      </c>
      <c r="F22" s="3" t="s">
        <v>71</v>
      </c>
      <c r="G22" s="3" t="s">
        <v>32</v>
      </c>
      <c r="H22" s="3"/>
    </row>
    <row r="23" spans="1:8" x14ac:dyDescent="0.3">
      <c r="A23" s="3" t="s">
        <v>3055</v>
      </c>
      <c r="B23" s="11">
        <v>974647</v>
      </c>
      <c r="C23" s="10" t="s">
        <v>3056</v>
      </c>
      <c r="D23" s="14">
        <v>40105</v>
      </c>
      <c r="E23" s="3" t="s">
        <v>2350</v>
      </c>
      <c r="F23" s="3" t="s">
        <v>522</v>
      </c>
      <c r="G23" s="3" t="s">
        <v>32</v>
      </c>
      <c r="H23" s="3"/>
    </row>
    <row r="24" spans="1:8" x14ac:dyDescent="0.3">
      <c r="A24" s="3" t="s">
        <v>3057</v>
      </c>
      <c r="B24" s="11">
        <v>970894</v>
      </c>
      <c r="C24" s="10" t="s">
        <v>3058</v>
      </c>
      <c r="D24" s="14">
        <v>40099</v>
      </c>
      <c r="E24" s="3" t="s">
        <v>2335</v>
      </c>
      <c r="F24" s="3" t="s">
        <v>3059</v>
      </c>
      <c r="G24" s="3" t="s">
        <v>3014</v>
      </c>
      <c r="H24" s="3"/>
    </row>
    <row r="25" spans="1:8" x14ac:dyDescent="0.3">
      <c r="A25" s="3" t="s">
        <v>3060</v>
      </c>
      <c r="B25" s="11">
        <v>970892</v>
      </c>
      <c r="C25" s="10" t="s">
        <v>3061</v>
      </c>
      <c r="D25" s="14">
        <v>40099</v>
      </c>
      <c r="E25" s="3" t="s">
        <v>2335</v>
      </c>
      <c r="F25" s="3" t="s">
        <v>3059</v>
      </c>
      <c r="G25" s="3" t="s">
        <v>3014</v>
      </c>
      <c r="H25" s="3"/>
    </row>
    <row r="26" spans="1:8" x14ac:dyDescent="0.3">
      <c r="A26" s="3" t="s">
        <v>3062</v>
      </c>
      <c r="B26" s="11">
        <v>970896</v>
      </c>
      <c r="C26" s="10" t="s">
        <v>3063</v>
      </c>
      <c r="D26" s="14">
        <v>40099</v>
      </c>
      <c r="E26" s="3" t="s">
        <v>2350</v>
      </c>
      <c r="F26" s="3" t="s">
        <v>3059</v>
      </c>
      <c r="G26" s="3" t="s">
        <v>3014</v>
      </c>
      <c r="H26" s="3"/>
    </row>
    <row r="27" spans="1:8" x14ac:dyDescent="0.3">
      <c r="A27" s="3" t="s">
        <v>3064</v>
      </c>
      <c r="B27" s="11">
        <v>970895</v>
      </c>
      <c r="C27" s="10" t="s">
        <v>3065</v>
      </c>
      <c r="D27" s="14">
        <v>40099</v>
      </c>
      <c r="E27" s="3" t="s">
        <v>2350</v>
      </c>
      <c r="F27" s="3" t="s">
        <v>3059</v>
      </c>
      <c r="G27" s="3" t="s">
        <v>2989</v>
      </c>
      <c r="H27" s="3"/>
    </row>
    <row r="28" spans="1:8" x14ac:dyDescent="0.3">
      <c r="A28" s="3" t="s">
        <v>3066</v>
      </c>
      <c r="B28" s="11">
        <v>972511</v>
      </c>
      <c r="C28" s="10" t="s">
        <v>3067</v>
      </c>
      <c r="D28" s="14">
        <v>40042</v>
      </c>
      <c r="E28" s="3" t="s">
        <v>2335</v>
      </c>
      <c r="F28" s="3" t="s">
        <v>74</v>
      </c>
      <c r="G28" s="3" t="s">
        <v>32</v>
      </c>
      <c r="H28" s="3"/>
    </row>
    <row r="29" spans="1:8" x14ac:dyDescent="0.3">
      <c r="A29" s="3" t="s">
        <v>3068</v>
      </c>
      <c r="B29" s="11">
        <v>972510</v>
      </c>
      <c r="C29" s="10" t="s">
        <v>3069</v>
      </c>
      <c r="D29" s="14">
        <v>40042</v>
      </c>
      <c r="E29" s="3" t="s">
        <v>2350</v>
      </c>
      <c r="F29" s="3" t="s">
        <v>524</v>
      </c>
      <c r="G29" s="3" t="s">
        <v>32</v>
      </c>
      <c r="H29" s="3"/>
    </row>
    <row r="30" spans="1:8" x14ac:dyDescent="0.3">
      <c r="A30" s="3" t="s">
        <v>3070</v>
      </c>
      <c r="B30" s="11">
        <v>970279</v>
      </c>
      <c r="C30" s="10" t="s">
        <v>3071</v>
      </c>
      <c r="D30" s="14">
        <v>39979</v>
      </c>
      <c r="E30" s="3" t="s">
        <v>2335</v>
      </c>
      <c r="F30" s="3" t="s">
        <v>77</v>
      </c>
      <c r="G30" s="3" t="s">
        <v>32</v>
      </c>
      <c r="H30" s="3"/>
    </row>
    <row r="31" spans="1:8" x14ac:dyDescent="0.3">
      <c r="A31" s="3" t="s">
        <v>3072</v>
      </c>
      <c r="B31" s="11">
        <v>970278</v>
      </c>
      <c r="C31" s="10" t="s">
        <v>3073</v>
      </c>
      <c r="D31" s="14">
        <v>39979</v>
      </c>
      <c r="E31" s="3" t="s">
        <v>2350</v>
      </c>
      <c r="F31" s="3" t="s">
        <v>31</v>
      </c>
      <c r="G31" s="3" t="s">
        <v>32</v>
      </c>
      <c r="H31" s="3"/>
    </row>
    <row r="32" spans="1:8" x14ac:dyDescent="0.3">
      <c r="A32" s="3" t="s">
        <v>3074</v>
      </c>
      <c r="B32" s="11">
        <v>967909</v>
      </c>
      <c r="C32" s="10" t="s">
        <v>3075</v>
      </c>
      <c r="D32" s="14">
        <v>39923</v>
      </c>
      <c r="E32" s="3" t="s">
        <v>2335</v>
      </c>
      <c r="F32" s="3" t="s">
        <v>80</v>
      </c>
      <c r="G32" s="3" t="s">
        <v>32</v>
      </c>
      <c r="H32" s="3"/>
    </row>
    <row r="33" spans="1:8" x14ac:dyDescent="0.3">
      <c r="A33" s="3" t="s">
        <v>3076</v>
      </c>
      <c r="B33" s="11">
        <v>967908</v>
      </c>
      <c r="C33" s="10" t="s">
        <v>3077</v>
      </c>
      <c r="D33" s="14">
        <v>39923</v>
      </c>
      <c r="E33" s="3" t="s">
        <v>2350</v>
      </c>
      <c r="F33" s="3" t="s">
        <v>41</v>
      </c>
      <c r="G33" s="3" t="s">
        <v>32</v>
      </c>
      <c r="H33" s="3"/>
    </row>
    <row r="34" spans="1:8" x14ac:dyDescent="0.3">
      <c r="A34" s="3" t="s">
        <v>3078</v>
      </c>
      <c r="B34" s="11">
        <v>961930</v>
      </c>
      <c r="C34" s="10" t="s">
        <v>3079</v>
      </c>
      <c r="D34" s="14">
        <v>39860</v>
      </c>
      <c r="E34" s="3" t="s">
        <v>2335</v>
      </c>
      <c r="F34" s="3" t="s">
        <v>83</v>
      </c>
      <c r="G34" s="3" t="s">
        <v>32</v>
      </c>
      <c r="H34" s="3"/>
    </row>
    <row r="35" spans="1:8" x14ac:dyDescent="0.3">
      <c r="A35" s="3" t="s">
        <v>3080</v>
      </c>
      <c r="B35" s="11">
        <v>960485</v>
      </c>
      <c r="C35" s="10" t="s">
        <v>3081</v>
      </c>
      <c r="D35" s="14">
        <v>39860</v>
      </c>
      <c r="E35" s="3" t="s">
        <v>2350</v>
      </c>
      <c r="F35" s="3" t="s">
        <v>47</v>
      </c>
      <c r="G35" s="3" t="s">
        <v>32</v>
      </c>
      <c r="H35" s="3"/>
    </row>
    <row r="36" spans="1:8" x14ac:dyDescent="0.3">
      <c r="A36" s="3" t="s">
        <v>3082</v>
      </c>
      <c r="B36" s="11">
        <v>960090</v>
      </c>
      <c r="C36" s="10" t="s">
        <v>3083</v>
      </c>
      <c r="D36" s="14">
        <v>39854</v>
      </c>
      <c r="E36" s="3" t="s">
        <v>2350</v>
      </c>
      <c r="F36" s="3" t="s">
        <v>3084</v>
      </c>
      <c r="G36" s="3" t="s">
        <v>3014</v>
      </c>
      <c r="H36" s="3"/>
    </row>
    <row r="37" spans="1:8" x14ac:dyDescent="0.3">
      <c r="A37" s="3" t="s">
        <v>3085</v>
      </c>
      <c r="B37" s="11">
        <v>960089</v>
      </c>
      <c r="C37" s="10" t="s">
        <v>3086</v>
      </c>
      <c r="D37" s="14">
        <v>39854</v>
      </c>
      <c r="E37" s="3" t="s">
        <v>89</v>
      </c>
      <c r="F37" s="3" t="s">
        <v>3084</v>
      </c>
      <c r="G37" s="3" t="s">
        <v>2989</v>
      </c>
      <c r="H37" s="3"/>
    </row>
    <row r="38" spans="1:8" x14ac:dyDescent="0.3">
      <c r="A38" s="3" t="s">
        <v>3087</v>
      </c>
      <c r="B38" s="11">
        <v>959195</v>
      </c>
      <c r="C38" s="10" t="s">
        <v>3088</v>
      </c>
      <c r="D38" s="14">
        <v>39801</v>
      </c>
      <c r="E38" s="3" t="s">
        <v>2335</v>
      </c>
      <c r="F38" s="3" t="s">
        <v>86</v>
      </c>
      <c r="G38" s="3" t="s">
        <v>32</v>
      </c>
      <c r="H38" s="3"/>
    </row>
    <row r="39" spans="1:8" x14ac:dyDescent="0.3">
      <c r="A39" s="3" t="s">
        <v>3089</v>
      </c>
      <c r="B39" s="11">
        <v>955706</v>
      </c>
      <c r="C39" s="10" t="s">
        <v>3090</v>
      </c>
      <c r="D39" s="14">
        <v>39797</v>
      </c>
      <c r="E39" s="3" t="s">
        <v>2335</v>
      </c>
      <c r="F39" s="3" t="s">
        <v>30</v>
      </c>
      <c r="G39" s="3"/>
      <c r="H39" s="3"/>
    </row>
    <row r="40" spans="1:8" x14ac:dyDescent="0.3">
      <c r="A40" s="3" t="s">
        <v>3091</v>
      </c>
      <c r="B40" s="11">
        <v>958735</v>
      </c>
      <c r="C40" s="10" t="s">
        <v>3092</v>
      </c>
      <c r="D40" s="14">
        <v>39797</v>
      </c>
      <c r="E40" s="3" t="s">
        <v>2350</v>
      </c>
      <c r="F40" s="3" t="s">
        <v>50</v>
      </c>
      <c r="G40" s="3" t="s">
        <v>32</v>
      </c>
      <c r="H40" s="3"/>
    </row>
    <row r="41" spans="1:8" x14ac:dyDescent="0.3">
      <c r="A41" s="3" t="s">
        <v>3093</v>
      </c>
      <c r="B41" s="11">
        <v>956854</v>
      </c>
      <c r="C41" s="10" t="s">
        <v>3094</v>
      </c>
      <c r="D41" s="14">
        <v>39742</v>
      </c>
      <c r="E41" s="3" t="s">
        <v>2350</v>
      </c>
      <c r="F41" s="3" t="s">
        <v>56</v>
      </c>
      <c r="G41" s="3" t="s">
        <v>32</v>
      </c>
      <c r="H41" s="3"/>
    </row>
    <row r="42" spans="1:8" x14ac:dyDescent="0.3">
      <c r="A42" s="3" t="s">
        <v>3095</v>
      </c>
      <c r="B42" s="11">
        <v>954607</v>
      </c>
      <c r="C42" s="10" t="s">
        <v>3096</v>
      </c>
      <c r="D42" s="14">
        <v>39700</v>
      </c>
      <c r="E42" s="3" t="s">
        <v>2350</v>
      </c>
      <c r="F42" s="3" t="s">
        <v>3097</v>
      </c>
      <c r="G42" s="3" t="s">
        <v>3098</v>
      </c>
      <c r="H42" s="3"/>
    </row>
    <row r="43" spans="1:8" x14ac:dyDescent="0.3">
      <c r="A43" s="3" t="s">
        <v>3099</v>
      </c>
      <c r="B43" s="11">
        <v>954606</v>
      </c>
      <c r="C43" s="10" t="s">
        <v>3100</v>
      </c>
      <c r="D43" s="14">
        <v>39700</v>
      </c>
      <c r="E43" s="3" t="s">
        <v>2350</v>
      </c>
      <c r="F43" s="3" t="s">
        <v>3097</v>
      </c>
      <c r="G43" s="3" t="s">
        <v>2989</v>
      </c>
      <c r="H43" s="3"/>
    </row>
    <row r="44" spans="1:8" x14ac:dyDescent="0.3">
      <c r="A44" s="3" t="s">
        <v>3095</v>
      </c>
      <c r="B44" s="11">
        <v>953752</v>
      </c>
      <c r="C44" s="10" t="s">
        <v>3101</v>
      </c>
      <c r="D44" s="14">
        <v>39678</v>
      </c>
      <c r="E44" s="3" t="s">
        <v>2350</v>
      </c>
      <c r="F44" s="3" t="s">
        <v>59</v>
      </c>
      <c r="G44" s="3" t="s">
        <v>32</v>
      </c>
      <c r="H44" s="3"/>
    </row>
    <row r="45" spans="1:8" x14ac:dyDescent="0.3">
      <c r="A45" s="3" t="s">
        <v>3102</v>
      </c>
      <c r="B45" s="11">
        <v>948108</v>
      </c>
      <c r="C45" s="10" t="s">
        <v>3103</v>
      </c>
      <c r="D45" s="14">
        <v>39637</v>
      </c>
      <c r="E45" s="3" t="s">
        <v>2350</v>
      </c>
      <c r="F45" s="3" t="s">
        <v>3104</v>
      </c>
      <c r="G45" s="3" t="s">
        <v>3014</v>
      </c>
      <c r="H45" s="3"/>
    </row>
    <row r="46" spans="1:8" x14ac:dyDescent="0.3">
      <c r="A46" s="3" t="s">
        <v>3105</v>
      </c>
      <c r="B46" s="11">
        <v>948109</v>
      </c>
      <c r="C46" s="10" t="s">
        <v>3106</v>
      </c>
      <c r="D46" s="14">
        <v>39637</v>
      </c>
      <c r="E46" s="3" t="s">
        <v>2350</v>
      </c>
      <c r="F46" s="3" t="s">
        <v>3104</v>
      </c>
      <c r="G46" s="3" t="s">
        <v>2989</v>
      </c>
      <c r="H46" s="3"/>
    </row>
    <row r="47" spans="1:8" x14ac:dyDescent="0.3">
      <c r="A47" s="3" t="s">
        <v>3107</v>
      </c>
      <c r="B47" s="11">
        <v>951217</v>
      </c>
      <c r="C47" s="10" t="s">
        <v>3108</v>
      </c>
      <c r="D47" s="14">
        <v>39615</v>
      </c>
      <c r="E47" s="3" t="s">
        <v>2350</v>
      </c>
      <c r="F47" s="3" t="s">
        <v>65</v>
      </c>
      <c r="G47" s="3" t="s">
        <v>32</v>
      </c>
      <c r="H47" s="3"/>
    </row>
    <row r="48" spans="1:8" x14ac:dyDescent="0.3">
      <c r="A48" s="3" t="s">
        <v>3109</v>
      </c>
      <c r="B48" s="11">
        <v>949095</v>
      </c>
      <c r="C48" s="10" t="s">
        <v>3110</v>
      </c>
      <c r="D48" s="14">
        <v>39552</v>
      </c>
      <c r="E48" s="3" t="s">
        <v>2350</v>
      </c>
      <c r="F48" s="3" t="s">
        <v>68</v>
      </c>
      <c r="G48" s="3" t="s">
        <v>32</v>
      </c>
      <c r="H48" s="3"/>
    </row>
    <row r="49" spans="1:8" x14ac:dyDescent="0.3">
      <c r="A49" s="3" t="s">
        <v>3111</v>
      </c>
      <c r="B49" s="11">
        <v>946608</v>
      </c>
      <c r="C49" s="10" t="s">
        <v>3112</v>
      </c>
      <c r="D49" s="14">
        <v>39496</v>
      </c>
      <c r="E49" s="3" t="s">
        <v>2350</v>
      </c>
      <c r="F49" s="3" t="s">
        <v>71</v>
      </c>
      <c r="G49" s="3" t="s">
        <v>32</v>
      </c>
      <c r="H49" s="3"/>
    </row>
    <row r="50" spans="1:8" x14ac:dyDescent="0.3">
      <c r="A50" s="3" t="s">
        <v>3113</v>
      </c>
      <c r="B50" s="11">
        <v>943656</v>
      </c>
      <c r="C50" s="10" t="s">
        <v>3114</v>
      </c>
      <c r="D50" s="14">
        <v>39433</v>
      </c>
      <c r="E50" s="3" t="s">
        <v>2350</v>
      </c>
      <c r="F50" s="3" t="s">
        <v>74</v>
      </c>
      <c r="G50" s="3" t="s">
        <v>32</v>
      </c>
      <c r="H50" s="3"/>
    </row>
    <row r="51" spans="1:8" x14ac:dyDescent="0.3">
      <c r="A51" s="3" t="s">
        <v>3115</v>
      </c>
      <c r="B51" s="11">
        <v>941450</v>
      </c>
      <c r="C51" s="10" t="s">
        <v>3116</v>
      </c>
      <c r="D51" s="14">
        <v>39370</v>
      </c>
      <c r="E51" s="3" t="s">
        <v>2350</v>
      </c>
      <c r="F51" s="3" t="s">
        <v>77</v>
      </c>
      <c r="G51" s="3" t="s">
        <v>32</v>
      </c>
      <c r="H51" s="3"/>
    </row>
    <row r="52" spans="1:8" x14ac:dyDescent="0.3">
      <c r="A52" s="3" t="s">
        <v>3117</v>
      </c>
      <c r="B52" s="11">
        <v>939537</v>
      </c>
      <c r="C52" s="10" t="s">
        <v>3118</v>
      </c>
      <c r="D52" s="14">
        <v>39314</v>
      </c>
      <c r="E52" s="3" t="s">
        <v>2350</v>
      </c>
      <c r="F52" s="3" t="s">
        <v>80</v>
      </c>
      <c r="G52" s="3" t="s">
        <v>32</v>
      </c>
      <c r="H52" s="3"/>
    </row>
    <row r="53" spans="1:8" x14ac:dyDescent="0.3">
      <c r="A53" s="3" t="s">
        <v>3119</v>
      </c>
      <c r="B53" s="11">
        <v>936305</v>
      </c>
      <c r="C53" s="10" t="s">
        <v>3120</v>
      </c>
      <c r="D53" s="14">
        <v>39251</v>
      </c>
      <c r="E53" s="3" t="s">
        <v>2350</v>
      </c>
      <c r="F53" s="3" t="s">
        <v>83</v>
      </c>
      <c r="G53" s="3" t="s">
        <v>32</v>
      </c>
      <c r="H53" s="3"/>
    </row>
    <row r="54" spans="1:8" x14ac:dyDescent="0.3">
      <c r="A54" s="3" t="s">
        <v>3121</v>
      </c>
      <c r="B54" s="11">
        <v>933097</v>
      </c>
      <c r="C54" s="10" t="s">
        <v>3122</v>
      </c>
      <c r="D54" s="14">
        <v>39217</v>
      </c>
      <c r="E54" s="3" t="s">
        <v>2350</v>
      </c>
      <c r="F54" s="3" t="s">
        <v>3123</v>
      </c>
      <c r="G54" s="3" t="s">
        <v>3123</v>
      </c>
      <c r="H54" s="3"/>
    </row>
    <row r="55" spans="1:8" x14ac:dyDescent="0.3">
      <c r="A55" s="3" t="s">
        <v>3124</v>
      </c>
      <c r="B55" s="11">
        <v>935356</v>
      </c>
      <c r="C55" s="10" t="s">
        <v>3125</v>
      </c>
      <c r="D55" s="14">
        <v>39188</v>
      </c>
      <c r="E55" s="3" t="s">
        <v>2350</v>
      </c>
      <c r="F55" s="3" t="s">
        <v>86</v>
      </c>
      <c r="G55" s="3" t="s">
        <v>32</v>
      </c>
      <c r="H55" s="3"/>
    </row>
    <row r="56" spans="1:8" x14ac:dyDescent="0.3">
      <c r="A56" s="3" t="s">
        <v>3126</v>
      </c>
      <c r="B56" s="11">
        <v>937137</v>
      </c>
      <c r="C56" s="10" t="s">
        <v>3127</v>
      </c>
      <c r="D56" s="14"/>
      <c r="E56" s="3" t="s">
        <v>2350</v>
      </c>
      <c r="F56" s="3" t="s">
        <v>30</v>
      </c>
      <c r="G56" s="3" t="s">
        <v>2356</v>
      </c>
      <c r="H56" s="3"/>
    </row>
    <row r="57" spans="1:8" x14ac:dyDescent="0.3">
      <c r="A57" s="3" t="s">
        <v>3128</v>
      </c>
      <c r="B57" s="11" t="s">
        <v>30</v>
      </c>
      <c r="C57" s="3"/>
      <c r="D57" s="14"/>
      <c r="E57" s="3" t="s">
        <v>2376</v>
      </c>
      <c r="F57" s="3" t="s">
        <v>30</v>
      </c>
      <c r="G57" s="3" t="s">
        <v>2356</v>
      </c>
      <c r="H57" s="3"/>
    </row>
    <row r="58" spans="1:8" x14ac:dyDescent="0.3">
      <c r="A58" s="3" t="s">
        <v>3129</v>
      </c>
      <c r="B58" s="11" t="s">
        <v>30</v>
      </c>
      <c r="C58" s="3"/>
      <c r="D58" s="14"/>
      <c r="E58" s="3" t="s">
        <v>89</v>
      </c>
      <c r="F58" s="3" t="s">
        <v>30</v>
      </c>
      <c r="G58" s="3" t="s">
        <v>89</v>
      </c>
      <c r="H58" s="3"/>
    </row>
  </sheetData>
  <phoneticPr fontId="9" type="noConversion"/>
  <hyperlinks>
    <hyperlink ref="C2" r:id="rId1" xr:uid="{99A08D3C-9BD1-4EE1-8C0C-4183391D1F94}"/>
    <hyperlink ref="C4" r:id="rId2" xr:uid="{74D527F0-231C-4B82-A848-F3BB76193C6E}"/>
    <hyperlink ref="C8" r:id="rId3" xr:uid="{173164E8-035E-422F-813C-51EBBC7FB0E1}"/>
    <hyperlink ref="C18" r:id="rId4" xr:uid="{F725DE16-5401-4BF9-8589-61251F8FD0AC}"/>
    <hyperlink ref="C11" r:id="rId5" xr:uid="{C5F93668-BAD0-455A-8935-570FEEFEE7C9}"/>
    <hyperlink ref="C3" r:id="rId6" xr:uid="{714B678C-21EA-4BA1-99F4-EEB4372C6593}"/>
    <hyperlink ref="C5" r:id="rId7" xr:uid="{BC84D2FA-3B1E-430F-94BB-85D55FBD3ECC}"/>
    <hyperlink ref="C6" r:id="rId8" xr:uid="{7BD4B51F-4670-4494-ACF5-283FB7D665B6}"/>
    <hyperlink ref="C9" r:id="rId9" xr:uid="{C7C36FFB-7204-4506-B74E-C90FE73A09EC}"/>
    <hyperlink ref="C10" r:id="rId10" xr:uid="{8EACBBC2-601C-4C4C-BF92-AF6AE3D876F4}"/>
    <hyperlink ref="C12" r:id="rId11" xr:uid="{5983F02C-C87B-45BD-B790-7E8DA03A914D}"/>
    <hyperlink ref="C14" r:id="rId12" xr:uid="{59DACB36-E8F1-4801-A016-11E57EAC14AF}"/>
    <hyperlink ref="C15" r:id="rId13" xr:uid="{DE795289-FBFC-42A2-BF48-EBAFB6EB9E17}"/>
    <hyperlink ref="C16" r:id="rId14" xr:uid="{960CF149-7810-4DD0-A7ED-1C2496DAD9B4}"/>
    <hyperlink ref="C17" r:id="rId15" xr:uid="{1144AE28-E0E3-4758-A786-98892FC1B3BB}"/>
    <hyperlink ref="C19" r:id="rId16" xr:uid="{2E0CE173-031B-4713-B77F-EABD1ADD8AA1}"/>
    <hyperlink ref="C20" r:id="rId17" xr:uid="{A932A9E6-A219-4E61-8C5A-26A2377C540B}"/>
    <hyperlink ref="C22" r:id="rId18" xr:uid="{2F39E70E-9F4D-420E-8483-B8DF7B0DBD28}"/>
    <hyperlink ref="C24" r:id="rId19" xr:uid="{07C159FF-9859-407D-BA78-36959B9DE7DA}"/>
    <hyperlink ref="C56" r:id="rId20" xr:uid="{B24CEE57-E579-4BD0-A7F9-0CEEE34F0CAE}"/>
    <hyperlink ref="C46" r:id="rId21" xr:uid="{FCB4E1B3-2A65-430F-BA4E-7EF9F9ADAE3B}"/>
    <hyperlink ref="C43" r:id="rId22" xr:uid="{EED8AFA9-583E-4845-8AE1-42E999220931}"/>
    <hyperlink ref="C37" r:id="rId23" xr:uid="{E2AB0195-6B9E-46F8-A17C-57065A6B9469}"/>
    <hyperlink ref="C27" r:id="rId24" xr:uid="{589619DB-F0E5-4DD7-A28D-47A62ACA6637}"/>
    <hyperlink ref="C54" r:id="rId25" xr:uid="{8090EB55-427D-4672-B5CA-514753AF9469}"/>
    <hyperlink ref="C55" r:id="rId26" xr:uid="{B56C5A9A-4C36-46F6-8CE7-7010032AB2F7}"/>
    <hyperlink ref="C53" r:id="rId27" xr:uid="{89393CB2-7D14-44B4-B7EE-FFD548C393C9}"/>
    <hyperlink ref="C52" r:id="rId28" xr:uid="{5404E6E0-DA35-49DF-9223-005F780F03A7}"/>
    <hyperlink ref="C51" r:id="rId29" xr:uid="{3A361EC5-3E12-4BD5-B799-14688E6261D2}"/>
    <hyperlink ref="C50" r:id="rId30" xr:uid="{B4277BFC-9189-4E2D-9794-7A39CC5942C5}"/>
    <hyperlink ref="C28" r:id="rId31" xr:uid="{54DB8B41-DDAB-4E41-9C2D-2BE222FFF97E}"/>
    <hyperlink ref="C30" r:id="rId32" xr:uid="{57723670-262C-4826-B358-4D7EA225727B}"/>
    <hyperlink ref="C32" r:id="rId33" xr:uid="{DA3EE579-8419-4848-AB61-2FEB6551427A}"/>
    <hyperlink ref="C34" r:id="rId34" xr:uid="{7028C25A-DE71-4C75-8792-E0279D9062F4}"/>
    <hyperlink ref="C38" r:id="rId35" xr:uid="{91137673-1D49-4153-B846-5B9C2992A47D}"/>
    <hyperlink ref="C7" r:id="rId36" xr:uid="{395375E8-FA05-4C3B-912B-79DD831D2259}"/>
    <hyperlink ref="C25" r:id="rId37" xr:uid="{010A5027-57CF-4E93-928B-B589D0C5F399}"/>
    <hyperlink ref="C39" r:id="rId38" xr:uid="{8B7EA112-24B9-4253-9720-75F47D489237}"/>
    <hyperlink ref="C21" r:id="rId39" xr:uid="{24D542E9-DB17-40EE-B501-07EEFB9AB466}"/>
    <hyperlink ref="C23" r:id="rId40" xr:uid="{7C196FEB-99EF-4380-8045-76BB7C2BD7BF}"/>
    <hyperlink ref="C26" r:id="rId41" xr:uid="{B02107C7-89D2-40D4-AB6D-9D0BC6ED6BD8}"/>
    <hyperlink ref="C29" r:id="rId42" xr:uid="{86C5E50D-FC62-4018-BEA6-40E598452A41}"/>
    <hyperlink ref="C31" r:id="rId43" xr:uid="{BF9294B5-971D-482B-8F78-C5785A5187F4}"/>
    <hyperlink ref="C33" r:id="rId44" xr:uid="{58C2FD74-8A50-4521-8B00-867860A69949}"/>
    <hyperlink ref="C35" r:id="rId45" xr:uid="{2949A2F7-7185-4282-BC2A-B869E4251ECD}"/>
    <hyperlink ref="C36" r:id="rId46" xr:uid="{A29840F7-1698-48DE-A207-DFBD20B3BEAF}"/>
    <hyperlink ref="C40" r:id="rId47" xr:uid="{88AF5F4D-6160-478C-A96C-790E2081918F}"/>
    <hyperlink ref="C41" r:id="rId48" xr:uid="{0D919B05-9CD3-45D2-85DD-6E9FF27C3F7A}"/>
    <hyperlink ref="C42" r:id="rId49" xr:uid="{FC383B3F-A6EF-424A-8A09-6941706F9C63}"/>
    <hyperlink ref="C44" r:id="rId50" xr:uid="{8748DA26-FB23-4131-AD52-38A030F4A6D9}"/>
    <hyperlink ref="C47" r:id="rId51" xr:uid="{3969A059-B7BC-4F07-8762-5FA4B98FAC86}"/>
    <hyperlink ref="C48" r:id="rId52" xr:uid="{B8AB5C5B-1FEC-4A7D-BE8D-D80DF689E933}"/>
    <hyperlink ref="C45" r:id="rId53" xr:uid="{04921DD4-1E67-4889-90E7-893AFD6DCC53}"/>
    <hyperlink ref="C49" r:id="rId54" xr:uid="{28AC76F8-2EC2-4BA8-89BA-A3349B708C82}"/>
    <hyperlink ref="C13" r:id="rId55" xr:uid="{D25C1A26-5959-4CD9-B33C-374DED8F55FA}"/>
  </hyperlinks>
  <pageMargins left="0.7" right="0.7" top="0.75" bottom="0.75" header="0.3" footer="0.3"/>
  <customProperties>
    <customPr name="EpmWorksheetKeyString_GUID" r:id="rId56"/>
  </customProperties>
  <tableParts count="1">
    <tablePart r:id="rId57"/>
  </tablePart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BDECF1-4C80-443F-B93E-175ACD5D8B75}">
  <sheetPr>
    <tabColor theme="0" tint="-0.14999847407452621"/>
  </sheetPr>
  <dimension ref="A1:A11"/>
  <sheetViews>
    <sheetView workbookViewId="0"/>
  </sheetViews>
  <sheetFormatPr defaultRowHeight="14.4" x14ac:dyDescent="0.3"/>
  <cols>
    <col min="1" max="1" width="28.5546875" bestFit="1" customWidth="1"/>
  </cols>
  <sheetData>
    <row r="1" spans="1:1" x14ac:dyDescent="0.3">
      <c r="A1" s="33" t="s">
        <v>180</v>
      </c>
    </row>
    <row r="2" spans="1:1" x14ac:dyDescent="0.3">
      <c r="A2" s="33" t="s">
        <v>455</v>
      </c>
    </row>
    <row r="3" spans="1:1" x14ac:dyDescent="0.3">
      <c r="A3" s="33" t="s">
        <v>380</v>
      </c>
    </row>
    <row r="4" spans="1:1" x14ac:dyDescent="0.3">
      <c r="A4" s="33" t="s">
        <v>178</v>
      </c>
    </row>
    <row r="5" spans="1:1" x14ac:dyDescent="0.3">
      <c r="A5" s="33" t="s">
        <v>1240</v>
      </c>
    </row>
    <row r="6" spans="1:1" x14ac:dyDescent="0.3">
      <c r="A6" s="33" t="s">
        <v>639</v>
      </c>
    </row>
    <row r="7" spans="1:1" x14ac:dyDescent="0.3">
      <c r="A7" s="33" t="s">
        <v>211</v>
      </c>
    </row>
    <row r="8" spans="1:1" x14ac:dyDescent="0.3">
      <c r="A8" s="33" t="s">
        <v>107</v>
      </c>
    </row>
    <row r="9" spans="1:1" x14ac:dyDescent="0.3">
      <c r="A9" s="33" t="s">
        <v>697</v>
      </c>
    </row>
    <row r="10" spans="1:1" x14ac:dyDescent="0.3">
      <c r="A10" s="33" t="s">
        <v>100</v>
      </c>
    </row>
    <row r="11" spans="1:1" x14ac:dyDescent="0.3">
      <c r="A11" s="33" t="s">
        <v>217</v>
      </c>
    </row>
  </sheetData>
  <pageMargins left="0.7" right="0.7" top="0.75" bottom="0.75" header="0.3" footer="0.3"/>
  <pageSetup orientation="portrait" r:id="rId1"/>
  <customProperties>
    <customPr name="EpmWorksheetKeyString_GUID" r:id="rId2"/>
  </customPropertie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A287D2-1FDE-4A8A-8912-C29478BB3D85}">
  <sheetPr>
    <tabColor theme="0" tint="-0.14999847407452621"/>
  </sheetPr>
  <dimension ref="A1:A57"/>
  <sheetViews>
    <sheetView workbookViewId="0">
      <selection activeCell="N22" sqref="N22"/>
    </sheetView>
  </sheetViews>
  <sheetFormatPr defaultRowHeight="14.4" x14ac:dyDescent="0.3"/>
  <cols>
    <col min="1" max="1" width="36.109375" bestFit="1" customWidth="1"/>
  </cols>
  <sheetData>
    <row r="1" spans="1:1" x14ac:dyDescent="0.3">
      <c r="A1" s="33" t="s">
        <v>180</v>
      </c>
    </row>
    <row r="2" spans="1:1" x14ac:dyDescent="0.3">
      <c r="A2" s="33" t="s">
        <v>123</v>
      </c>
    </row>
    <row r="3" spans="1:1" x14ac:dyDescent="0.3">
      <c r="A3" s="33" t="s">
        <v>775</v>
      </c>
    </row>
    <row r="4" spans="1:1" x14ac:dyDescent="0.3">
      <c r="A4" s="33" t="s">
        <v>214</v>
      </c>
    </row>
    <row r="5" spans="1:1" x14ac:dyDescent="0.3">
      <c r="A5" s="33" t="s">
        <v>118</v>
      </c>
    </row>
    <row r="6" spans="1:1" x14ac:dyDescent="0.3">
      <c r="A6" s="33" t="s">
        <v>456</v>
      </c>
    </row>
    <row r="7" spans="1:1" x14ac:dyDescent="0.3">
      <c r="A7" s="33" t="s">
        <v>449</v>
      </c>
    </row>
    <row r="8" spans="1:1" x14ac:dyDescent="0.3">
      <c r="A8" s="33" t="s">
        <v>770</v>
      </c>
    </row>
    <row r="9" spans="1:1" x14ac:dyDescent="0.3">
      <c r="A9" s="33" t="s">
        <v>163</v>
      </c>
    </row>
    <row r="10" spans="1:1" x14ac:dyDescent="0.3">
      <c r="A10" s="33" t="s">
        <v>218</v>
      </c>
    </row>
    <row r="11" spans="1:1" x14ac:dyDescent="0.3">
      <c r="A11" s="33" t="s">
        <v>699</v>
      </c>
    </row>
    <row r="12" spans="1:1" x14ac:dyDescent="0.3">
      <c r="A12" s="33" t="s">
        <v>996</v>
      </c>
    </row>
    <row r="13" spans="1:1" x14ac:dyDescent="0.3">
      <c r="A13" s="33" t="s">
        <v>125</v>
      </c>
    </row>
    <row r="14" spans="1:1" x14ac:dyDescent="0.3">
      <c r="A14" s="33" t="s">
        <v>332</v>
      </c>
    </row>
    <row r="15" spans="1:1" x14ac:dyDescent="0.3">
      <c r="A15" s="33" t="s">
        <v>101</v>
      </c>
    </row>
    <row r="16" spans="1:1" x14ac:dyDescent="0.3">
      <c r="A16" s="33" t="s">
        <v>233</v>
      </c>
    </row>
    <row r="17" spans="1:1" x14ac:dyDescent="0.3">
      <c r="A17" s="33" t="s">
        <v>380</v>
      </c>
    </row>
    <row r="18" spans="1:1" x14ac:dyDescent="0.3">
      <c r="A18" s="33" t="s">
        <v>116</v>
      </c>
    </row>
    <row r="19" spans="1:1" x14ac:dyDescent="0.3">
      <c r="A19" s="33" t="s">
        <v>884</v>
      </c>
    </row>
    <row r="20" spans="1:1" x14ac:dyDescent="0.3">
      <c r="A20" s="33" t="s">
        <v>108</v>
      </c>
    </row>
    <row r="21" spans="1:1" x14ac:dyDescent="0.3">
      <c r="A21" s="33" t="s">
        <v>178</v>
      </c>
    </row>
    <row r="22" spans="1:1" x14ac:dyDescent="0.3">
      <c r="A22" s="33" t="s">
        <v>139</v>
      </c>
    </row>
    <row r="23" spans="1:1" x14ac:dyDescent="0.3">
      <c r="A23" s="33" t="s">
        <v>161</v>
      </c>
    </row>
    <row r="24" spans="1:1" x14ac:dyDescent="0.3">
      <c r="A24" s="33" t="s">
        <v>276</v>
      </c>
    </row>
    <row r="25" spans="1:1" x14ac:dyDescent="0.3">
      <c r="A25" s="33" t="s">
        <v>579</v>
      </c>
    </row>
    <row r="26" spans="1:1" x14ac:dyDescent="0.3">
      <c r="A26" s="33" t="s">
        <v>110</v>
      </c>
    </row>
    <row r="27" spans="1:1" x14ac:dyDescent="0.3">
      <c r="A27" s="33" t="s">
        <v>777</v>
      </c>
    </row>
    <row r="28" spans="1:1" x14ac:dyDescent="0.3">
      <c r="A28" s="33" t="s">
        <v>127</v>
      </c>
    </row>
    <row r="29" spans="1:1" x14ac:dyDescent="0.3">
      <c r="A29" s="33" t="s">
        <v>113</v>
      </c>
    </row>
    <row r="30" spans="1:1" x14ac:dyDescent="0.3">
      <c r="A30" s="33" t="s">
        <v>269</v>
      </c>
    </row>
    <row r="31" spans="1:1" x14ac:dyDescent="0.3">
      <c r="A31" s="33" t="s">
        <v>120</v>
      </c>
    </row>
    <row r="32" spans="1:1" x14ac:dyDescent="0.3">
      <c r="A32" s="33" t="s">
        <v>264</v>
      </c>
    </row>
    <row r="33" spans="1:1" x14ac:dyDescent="0.3">
      <c r="A33" s="33" t="s">
        <v>1016</v>
      </c>
    </row>
    <row r="34" spans="1:1" x14ac:dyDescent="0.3">
      <c r="A34" s="33" t="s">
        <v>148</v>
      </c>
    </row>
    <row r="35" spans="1:1" x14ac:dyDescent="0.3">
      <c r="A35" s="33" t="s">
        <v>137</v>
      </c>
    </row>
    <row r="36" spans="1:1" x14ac:dyDescent="0.3">
      <c r="A36" s="33" t="s">
        <v>689</v>
      </c>
    </row>
    <row r="37" spans="1:1" x14ac:dyDescent="0.3">
      <c r="A37" s="33" t="s">
        <v>794</v>
      </c>
    </row>
    <row r="38" spans="1:1" x14ac:dyDescent="0.3">
      <c r="A38" s="33" t="s">
        <v>782</v>
      </c>
    </row>
    <row r="39" spans="1:1" x14ac:dyDescent="0.3">
      <c r="A39" s="33" t="s">
        <v>193</v>
      </c>
    </row>
    <row r="40" spans="1:1" x14ac:dyDescent="0.3">
      <c r="A40" s="33" t="s">
        <v>1152</v>
      </c>
    </row>
    <row r="41" spans="1:1" x14ac:dyDescent="0.3">
      <c r="A41" s="33" t="s">
        <v>687</v>
      </c>
    </row>
    <row r="42" spans="1:1" x14ac:dyDescent="0.3">
      <c r="A42" s="33" t="s">
        <v>211</v>
      </c>
    </row>
    <row r="43" spans="1:1" x14ac:dyDescent="0.3">
      <c r="A43" s="33" t="s">
        <v>100</v>
      </c>
    </row>
    <row r="44" spans="1:1" x14ac:dyDescent="0.3">
      <c r="A44" s="33" t="s">
        <v>145</v>
      </c>
    </row>
    <row r="45" spans="1:1" x14ac:dyDescent="0.3">
      <c r="A45" s="33" t="s">
        <v>640</v>
      </c>
    </row>
    <row r="46" spans="1:1" x14ac:dyDescent="0.3">
      <c r="A46" s="33" t="s">
        <v>199</v>
      </c>
    </row>
    <row r="47" spans="1:1" x14ac:dyDescent="0.3">
      <c r="A47" s="33" t="s">
        <v>748</v>
      </c>
    </row>
    <row r="48" spans="1:1" x14ac:dyDescent="0.3">
      <c r="A48" s="33" t="s">
        <v>153</v>
      </c>
    </row>
    <row r="49" spans="1:1" x14ac:dyDescent="0.3">
      <c r="A49" s="33" t="s">
        <v>130</v>
      </c>
    </row>
    <row r="50" spans="1:1" x14ac:dyDescent="0.3">
      <c r="A50" s="33" t="s">
        <v>744</v>
      </c>
    </row>
    <row r="51" spans="1:1" x14ac:dyDescent="0.3">
      <c r="A51" s="33" t="s">
        <v>159</v>
      </c>
    </row>
    <row r="52" spans="1:1" x14ac:dyDescent="0.3">
      <c r="A52" s="33" t="s">
        <v>945</v>
      </c>
    </row>
    <row r="53" spans="1:1" x14ac:dyDescent="0.3">
      <c r="A53" s="33" t="s">
        <v>1009</v>
      </c>
    </row>
    <row r="54" spans="1:1" x14ac:dyDescent="0.3">
      <c r="A54" s="33" t="s">
        <v>992</v>
      </c>
    </row>
    <row r="55" spans="1:1" x14ac:dyDescent="0.3">
      <c r="A55" s="33" t="s">
        <v>165</v>
      </c>
    </row>
    <row r="56" spans="1:1" x14ac:dyDescent="0.3">
      <c r="A56" s="33" t="s">
        <v>818</v>
      </c>
    </row>
    <row r="57" spans="1:1" x14ac:dyDescent="0.3">
      <c r="A57" s="33" t="s">
        <v>725</v>
      </c>
    </row>
  </sheetData>
  <pageMargins left="0.7" right="0.7" top="0.75" bottom="0.75" header="0.3" footer="0.3"/>
  <customProperties>
    <customPr name="EpmWorksheetKeyString_GUID" r:id="rId1"/>
  </customPropertie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D7F620-A11D-4560-8829-28153A47E192}">
  <sheetPr>
    <tabColor rgb="FF00B050"/>
  </sheetPr>
  <dimension ref="A1:H25"/>
  <sheetViews>
    <sheetView workbookViewId="0"/>
  </sheetViews>
  <sheetFormatPr defaultRowHeight="14.4" x14ac:dyDescent="0.3"/>
  <cols>
    <col min="1" max="1" width="20.6640625" customWidth="1"/>
    <col min="2" max="2" width="12.6640625" customWidth="1"/>
    <col min="3" max="3" width="108.88671875" customWidth="1"/>
    <col min="4" max="4" width="18.44140625" customWidth="1"/>
    <col min="5" max="5" width="21" customWidth="1"/>
    <col min="6" max="6" width="34.109375" customWidth="1"/>
    <col min="7" max="7" width="21.44140625" customWidth="1"/>
    <col min="8" max="8" width="22.88671875" customWidth="1"/>
  </cols>
  <sheetData>
    <row r="1" spans="1:8" ht="16.5" customHeight="1" x14ac:dyDescent="0.3">
      <c r="A1" s="62" t="s">
        <v>20</v>
      </c>
      <c r="B1" s="62" t="s">
        <v>21</v>
      </c>
      <c r="C1" s="62" t="s">
        <v>22</v>
      </c>
      <c r="D1" s="62" t="s">
        <v>23</v>
      </c>
      <c r="E1" s="62" t="s">
        <v>24</v>
      </c>
      <c r="F1" s="62" t="s">
        <v>25</v>
      </c>
      <c r="G1" s="62" t="s">
        <v>26</v>
      </c>
      <c r="H1" s="62" t="s">
        <v>27</v>
      </c>
    </row>
    <row r="2" spans="1:8" ht="16.5" customHeight="1" x14ac:dyDescent="0.3">
      <c r="A2" t="s">
        <v>28</v>
      </c>
      <c r="B2" s="11">
        <v>5038325</v>
      </c>
      <c r="C2" s="42" t="s">
        <v>29</v>
      </c>
      <c r="D2" s="14">
        <v>45496</v>
      </c>
      <c r="E2" t="s">
        <v>30</v>
      </c>
      <c r="F2" t="s">
        <v>31</v>
      </c>
      <c r="G2" s="3" t="s">
        <v>32</v>
      </c>
    </row>
    <row r="3" spans="1:8" ht="16.5" customHeight="1" x14ac:dyDescent="0.3">
      <c r="A3" t="s">
        <v>33</v>
      </c>
      <c r="B3" s="11">
        <v>5040939</v>
      </c>
      <c r="C3" s="40" t="str">
        <f>HYPERLINK("https://support.microsoft.com/kb/"&amp;B3)</f>
        <v>https://support.microsoft.com/kb/5040939</v>
      </c>
      <c r="D3" s="14">
        <v>45482</v>
      </c>
      <c r="E3" t="s">
        <v>30</v>
      </c>
      <c r="F3" t="s">
        <v>34</v>
      </c>
      <c r="G3" s="13" t="s">
        <v>35</v>
      </c>
    </row>
    <row r="4" spans="1:8" ht="16.5" customHeight="1" x14ac:dyDescent="0.3">
      <c r="A4" t="s">
        <v>36</v>
      </c>
      <c r="B4" s="11">
        <v>5040936</v>
      </c>
      <c r="C4" s="40" t="str">
        <f>HYPERLINK("https://support.microsoft.com/kb/"&amp;B4)</f>
        <v>https://support.microsoft.com/kb/5040936</v>
      </c>
      <c r="D4" s="14">
        <v>45482</v>
      </c>
      <c r="E4" t="s">
        <v>30</v>
      </c>
      <c r="F4" s="3" t="s">
        <v>37</v>
      </c>
      <c r="G4" s="13" t="s">
        <v>38</v>
      </c>
    </row>
    <row r="5" spans="1:8" ht="16.5" customHeight="1" x14ac:dyDescent="0.3">
      <c r="A5" t="s">
        <v>39</v>
      </c>
      <c r="B5" s="11">
        <v>5036432</v>
      </c>
      <c r="C5" s="40" t="s">
        <v>40</v>
      </c>
      <c r="D5" s="14">
        <v>45428</v>
      </c>
      <c r="E5" t="s">
        <v>30</v>
      </c>
      <c r="F5" t="s">
        <v>41</v>
      </c>
      <c r="G5" s="3" t="s">
        <v>32</v>
      </c>
    </row>
    <row r="6" spans="1:8" ht="16.5" customHeight="1" x14ac:dyDescent="0.3">
      <c r="A6" t="s">
        <v>42</v>
      </c>
      <c r="B6" s="11">
        <v>5036343</v>
      </c>
      <c r="C6" s="40" t="str">
        <f>HYPERLINK("https://support.microsoft.com/kb/"&amp;B6)</f>
        <v>https://support.microsoft.com/kb/5036343</v>
      </c>
      <c r="D6" s="14">
        <v>45391</v>
      </c>
      <c r="E6" t="s">
        <v>30</v>
      </c>
      <c r="F6" t="s">
        <v>43</v>
      </c>
      <c r="G6" s="13" t="s">
        <v>35</v>
      </c>
    </row>
    <row r="7" spans="1:8" ht="16.5" customHeight="1" x14ac:dyDescent="0.3">
      <c r="A7" t="s">
        <v>44</v>
      </c>
      <c r="B7" s="11">
        <v>5035432</v>
      </c>
      <c r="C7" s="40" t="str">
        <f>HYPERLINK("https://support.microsoft.com/kb/"&amp;B7)</f>
        <v>https://support.microsoft.com/kb/5035432</v>
      </c>
      <c r="D7" s="14">
        <v>45391</v>
      </c>
      <c r="E7" t="s">
        <v>30</v>
      </c>
      <c r="F7" s="3" t="s">
        <v>37</v>
      </c>
      <c r="G7" s="13" t="s">
        <v>38</v>
      </c>
    </row>
    <row r="8" spans="1:8" ht="16.5" customHeight="1" x14ac:dyDescent="0.3">
      <c r="A8" t="s">
        <v>45</v>
      </c>
      <c r="B8" s="11">
        <v>5033663</v>
      </c>
      <c r="C8" s="40" t="s">
        <v>46</v>
      </c>
      <c r="D8" s="14">
        <v>45365</v>
      </c>
      <c r="E8" t="s">
        <v>30</v>
      </c>
      <c r="F8" t="s">
        <v>47</v>
      </c>
      <c r="G8" s="3" t="s">
        <v>32</v>
      </c>
    </row>
    <row r="9" spans="1:8" ht="16.5" customHeight="1" x14ac:dyDescent="0.3">
      <c r="A9" t="s">
        <v>48</v>
      </c>
      <c r="B9" s="11">
        <v>5032679</v>
      </c>
      <c r="C9" s="40" t="s">
        <v>49</v>
      </c>
      <c r="D9" s="14">
        <v>45302</v>
      </c>
      <c r="E9" t="s">
        <v>30</v>
      </c>
      <c r="F9" t="s">
        <v>50</v>
      </c>
      <c r="G9" s="3" t="s">
        <v>32</v>
      </c>
    </row>
    <row r="10" spans="1:8" ht="16.5" customHeight="1" x14ac:dyDescent="0.3">
      <c r="A10" t="s">
        <v>51</v>
      </c>
      <c r="B10" s="11">
        <v>5033592</v>
      </c>
      <c r="C10" s="40" t="str">
        <f>HYPERLINK("https://support.microsoft.com/kb/"&amp;B10)</f>
        <v>https://support.microsoft.com/kb/5033592</v>
      </c>
      <c r="D10" s="14">
        <v>45300</v>
      </c>
      <c r="E10" t="s">
        <v>30</v>
      </c>
      <c r="F10" t="s">
        <v>52</v>
      </c>
      <c r="G10" s="13" t="s">
        <v>35</v>
      </c>
    </row>
    <row r="11" spans="1:8" ht="16.5" customHeight="1" x14ac:dyDescent="0.3">
      <c r="A11" t="s">
        <v>53</v>
      </c>
      <c r="B11" s="11">
        <v>5032968</v>
      </c>
      <c r="C11" s="40" t="str">
        <f>HYPERLINK("https://support.microsoft.com/kb/"&amp;B11)</f>
        <v>https://support.microsoft.com/kb/5032968</v>
      </c>
      <c r="D11" s="14">
        <v>45300</v>
      </c>
      <c r="E11" t="s">
        <v>30</v>
      </c>
      <c r="F11" s="3" t="s">
        <v>37</v>
      </c>
      <c r="G11" s="13" t="s">
        <v>38</v>
      </c>
    </row>
    <row r="12" spans="1:8" ht="16.5" customHeight="1" x14ac:dyDescent="0.3">
      <c r="A12" t="s">
        <v>54</v>
      </c>
      <c r="B12" s="11">
        <v>5031778</v>
      </c>
      <c r="C12" s="40" t="s">
        <v>55</v>
      </c>
      <c r="D12" s="14">
        <v>45246</v>
      </c>
      <c r="E12" t="s">
        <v>30</v>
      </c>
      <c r="F12" t="s">
        <v>56</v>
      </c>
      <c r="G12" s="3" t="s">
        <v>32</v>
      </c>
    </row>
    <row r="13" spans="1:8" ht="16.5" customHeight="1" x14ac:dyDescent="0.3">
      <c r="A13" t="s">
        <v>57</v>
      </c>
      <c r="B13" s="11">
        <v>5030731</v>
      </c>
      <c r="C13" s="40" t="s">
        <v>58</v>
      </c>
      <c r="D13" s="14">
        <v>45211</v>
      </c>
      <c r="E13" t="s">
        <v>30</v>
      </c>
      <c r="F13" t="s">
        <v>59</v>
      </c>
      <c r="G13" s="3" t="s">
        <v>32</v>
      </c>
    </row>
    <row r="14" spans="1:8" ht="16.5" customHeight="1" x14ac:dyDescent="0.3">
      <c r="A14" t="s">
        <v>60</v>
      </c>
      <c r="B14" s="11">
        <v>5029503</v>
      </c>
      <c r="C14" s="40" t="str">
        <f>HYPERLINK("https://support.microsoft.com/kb/"&amp;B14)</f>
        <v>https://support.microsoft.com/kb/5029503</v>
      </c>
      <c r="D14" s="14">
        <v>45209</v>
      </c>
      <c r="E14" t="s">
        <v>30</v>
      </c>
      <c r="F14" t="s">
        <v>61</v>
      </c>
      <c r="G14" s="13" t="s">
        <v>35</v>
      </c>
    </row>
    <row r="15" spans="1:8" ht="16.5" customHeight="1" x14ac:dyDescent="0.3">
      <c r="A15" t="s">
        <v>62</v>
      </c>
      <c r="B15" s="11">
        <v>5029379</v>
      </c>
      <c r="C15" s="40" t="str">
        <f>HYPERLINK("https://support.microsoft.com/kb/"&amp;B15)</f>
        <v>https://support.microsoft.com/kb/5029379</v>
      </c>
      <c r="D15" s="14">
        <v>45209</v>
      </c>
      <c r="E15" t="s">
        <v>30</v>
      </c>
      <c r="F15" s="3" t="s">
        <v>37</v>
      </c>
      <c r="G15" s="13" t="s">
        <v>38</v>
      </c>
    </row>
    <row r="16" spans="1:8" ht="16.5" customHeight="1" x14ac:dyDescent="0.3">
      <c r="A16" t="s">
        <v>63</v>
      </c>
      <c r="B16" s="11">
        <v>5029666</v>
      </c>
      <c r="C16" s="40" t="s">
        <v>64</v>
      </c>
      <c r="D16" s="14">
        <v>45183</v>
      </c>
      <c r="E16" t="s">
        <v>30</v>
      </c>
      <c r="F16" t="s">
        <v>65</v>
      </c>
      <c r="G16" s="3" t="s">
        <v>32</v>
      </c>
    </row>
    <row r="17" spans="1:8" ht="16.5" customHeight="1" x14ac:dyDescent="0.3">
      <c r="A17" t="s">
        <v>66</v>
      </c>
      <c r="B17" s="11">
        <v>5028743</v>
      </c>
      <c r="C17" s="40" t="s">
        <v>67</v>
      </c>
      <c r="D17" s="14">
        <v>45148</v>
      </c>
      <c r="E17" t="s">
        <v>30</v>
      </c>
      <c r="F17" t="s">
        <v>68</v>
      </c>
      <c r="G17" s="3" t="s">
        <v>32</v>
      </c>
    </row>
    <row r="18" spans="1:8" ht="16.5" customHeight="1" x14ac:dyDescent="0.3">
      <c r="A18" s="3" t="s">
        <v>69</v>
      </c>
      <c r="B18" s="11">
        <v>5027505</v>
      </c>
      <c r="C18" s="9" t="s">
        <v>70</v>
      </c>
      <c r="D18" s="14">
        <v>45120</v>
      </c>
      <c r="E18" t="s">
        <v>30</v>
      </c>
      <c r="F18" t="s">
        <v>71</v>
      </c>
      <c r="G18" s="3" t="s">
        <v>32</v>
      </c>
      <c r="H18" s="2"/>
    </row>
    <row r="19" spans="1:8" x14ac:dyDescent="0.3">
      <c r="A19" t="s">
        <v>72</v>
      </c>
      <c r="B19" s="6">
        <v>5026806</v>
      </c>
      <c r="C19" s="9" t="s">
        <v>73</v>
      </c>
      <c r="D19" s="35">
        <v>45092</v>
      </c>
      <c r="E19" t="s">
        <v>30</v>
      </c>
      <c r="F19" t="s">
        <v>74</v>
      </c>
      <c r="G19" s="3" t="s">
        <v>32</v>
      </c>
    </row>
    <row r="20" spans="1:8" ht="16.5" customHeight="1" x14ac:dyDescent="0.3">
      <c r="A20" t="s">
        <v>75</v>
      </c>
      <c r="B20" s="6">
        <v>5026717</v>
      </c>
      <c r="C20" s="41" t="s">
        <v>76</v>
      </c>
      <c r="D20" s="35">
        <v>45057</v>
      </c>
      <c r="E20" t="s">
        <v>30</v>
      </c>
      <c r="F20" t="s">
        <v>77</v>
      </c>
      <c r="G20" s="3" t="s">
        <v>32</v>
      </c>
    </row>
    <row r="21" spans="1:8" ht="16.5" customHeight="1" x14ac:dyDescent="0.3">
      <c r="A21" t="s">
        <v>78</v>
      </c>
      <c r="B21" s="6">
        <v>5024396</v>
      </c>
      <c r="C21" s="40" t="s">
        <v>79</v>
      </c>
      <c r="D21" s="35">
        <v>45029</v>
      </c>
      <c r="E21" t="s">
        <v>30</v>
      </c>
      <c r="F21" t="s">
        <v>80</v>
      </c>
      <c r="G21" s="3" t="s">
        <v>32</v>
      </c>
    </row>
    <row r="22" spans="1:8" ht="16.5" customHeight="1" x14ac:dyDescent="0.3">
      <c r="A22" t="s">
        <v>81</v>
      </c>
      <c r="B22" s="6">
        <v>5023127</v>
      </c>
      <c r="C22" s="40" t="s">
        <v>82</v>
      </c>
      <c r="D22" s="35">
        <v>45000</v>
      </c>
      <c r="E22" t="s">
        <v>30</v>
      </c>
      <c r="F22" t="s">
        <v>83</v>
      </c>
      <c r="G22" s="3" t="s">
        <v>32</v>
      </c>
    </row>
    <row r="23" spans="1:8" ht="16.5" customHeight="1" x14ac:dyDescent="0.3">
      <c r="A23" t="s">
        <v>84</v>
      </c>
      <c r="B23" s="6">
        <v>5022375</v>
      </c>
      <c r="C23" s="9" t="s">
        <v>85</v>
      </c>
      <c r="D23" s="35">
        <v>44973</v>
      </c>
      <c r="E23" t="s">
        <v>30</v>
      </c>
      <c r="F23" s="3" t="s">
        <v>86</v>
      </c>
      <c r="G23" s="3" t="s">
        <v>32</v>
      </c>
      <c r="H23" s="2"/>
    </row>
    <row r="24" spans="1:8" ht="16.5" customHeight="1" x14ac:dyDescent="0.3">
      <c r="A24" t="s">
        <v>87</v>
      </c>
      <c r="B24" s="6">
        <v>5021522</v>
      </c>
      <c r="C24" s="9" t="str">
        <f t="shared" ref="C24" si="0">HYPERLINK("https://support.microsoft.com/kb/"&amp;B24)</f>
        <v>https://support.microsoft.com/kb/5021522</v>
      </c>
      <c r="D24" s="35">
        <v>44971</v>
      </c>
      <c r="E24" t="s">
        <v>30</v>
      </c>
      <c r="F24" s="3" t="s">
        <v>37</v>
      </c>
      <c r="G24" s="13" t="s">
        <v>38</v>
      </c>
    </row>
    <row r="25" spans="1:8" x14ac:dyDescent="0.3">
      <c r="A25" t="s">
        <v>88</v>
      </c>
      <c r="B25" t="s">
        <v>30</v>
      </c>
      <c r="C25" s="9"/>
      <c r="D25" s="35">
        <v>44881</v>
      </c>
      <c r="E25" t="s">
        <v>89</v>
      </c>
      <c r="F25" t="s">
        <v>30</v>
      </c>
      <c r="G25" t="s">
        <v>89</v>
      </c>
    </row>
  </sheetData>
  <hyperlinks>
    <hyperlink ref="C23" r:id="rId1" xr:uid="{03A9CBEB-63B5-46CA-A750-7F2DC3A07842}"/>
    <hyperlink ref="C22" r:id="rId2" xr:uid="{39259BBE-6B37-4097-842B-6C6961B11B49}"/>
    <hyperlink ref="C21" r:id="rId3" xr:uid="{778C2FEB-C7B4-48AE-89F1-F400E85DD709}"/>
    <hyperlink ref="C20" r:id="rId4" xr:uid="{73B564CE-FF81-4645-BCD8-3ACF5E4845A4}"/>
    <hyperlink ref="C19" r:id="rId5" xr:uid="{8752DC73-F299-4B68-933A-2836F87BB0E6}"/>
    <hyperlink ref="C18" r:id="rId6" xr:uid="{4490EFF3-1C8A-4EA7-84EC-9ED1DA47CAB0}"/>
    <hyperlink ref="C17" r:id="rId7" xr:uid="{2A725E40-EEB7-4736-863E-0FF732497B3D}"/>
    <hyperlink ref="C16" r:id="rId8" xr:uid="{A121B038-1088-4F93-93BA-1835EC17872A}"/>
    <hyperlink ref="C13" r:id="rId9" xr:uid="{6508B793-6810-4E78-9C1B-017BD7431C0F}"/>
    <hyperlink ref="C12" r:id="rId10" xr:uid="{2F9F2A47-2367-440B-B94F-935ACF9141BC}"/>
    <hyperlink ref="C9" r:id="rId11" xr:uid="{43C04AC2-2A98-4903-B2EF-D672067F91DB}"/>
    <hyperlink ref="C8" r:id="rId12" xr:uid="{BBCD2EF3-7008-4186-836A-DBA2A58F7451}"/>
    <hyperlink ref="C5" r:id="rId13" xr:uid="{81CBDD2C-08B1-4563-8090-E49CC2609C45}"/>
    <hyperlink ref="C2" r:id="rId14" xr:uid="{D66034D2-7D45-40E5-963A-F09572EEFE2C}"/>
  </hyperlinks>
  <pageMargins left="0.7" right="0.7" top="0.75" bottom="0.75" header="0.3" footer="0.3"/>
  <pageSetup orientation="portrait" horizontalDpi="300" verticalDpi="300" r:id="rId15"/>
  <customProperties>
    <customPr name="EpmWorksheetKeyString_GUID" r:id="rId16"/>
  </customProperties>
  <ignoredErrors>
    <ignoredError sqref="C16:C23 C12:C13 C9 C8 C5" calculatedColumn="1"/>
  </ignoredErrors>
  <tableParts count="1">
    <tablePart r:id="rId17"/>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48AC57-DBBC-4BDF-89F2-51F8BCFCC54F}">
  <sheetPr>
    <tabColor theme="2"/>
  </sheetPr>
  <dimension ref="A1:O3439"/>
  <sheetViews>
    <sheetView topLeftCell="C1" workbookViewId="0">
      <pane ySplit="1" topLeftCell="A2" activePane="bottomLeft" state="frozen"/>
      <selection pane="bottomLeft" activeCell="C1" sqref="C1"/>
    </sheetView>
  </sheetViews>
  <sheetFormatPr defaultRowHeight="16.5" customHeight="1" x14ac:dyDescent="0.3"/>
  <cols>
    <col min="1" max="1" width="16.6640625" customWidth="1"/>
    <col min="2" max="2" width="11.6640625" customWidth="1"/>
    <col min="3" max="3" width="85.5546875" customWidth="1"/>
    <col min="4" max="4" width="55.88671875" customWidth="1"/>
    <col min="5" max="6" width="23.6640625" customWidth="1"/>
    <col min="7" max="7" width="17.88671875" customWidth="1"/>
    <col min="8" max="8" width="10.88671875" bestFit="1" customWidth="1"/>
    <col min="9" max="9" width="14" customWidth="1"/>
    <col min="10" max="10" width="11.6640625" customWidth="1"/>
    <col min="11" max="11" width="16.109375" customWidth="1"/>
    <col min="12" max="12" width="11.109375" customWidth="1"/>
    <col min="15" max="15" width="12.33203125" style="6" customWidth="1"/>
    <col min="21" max="21" width="13.6640625" customWidth="1"/>
  </cols>
  <sheetData>
    <row r="1" spans="1:12" ht="16.5" customHeight="1" x14ac:dyDescent="0.3">
      <c r="A1" s="12" t="s">
        <v>90</v>
      </c>
      <c r="B1" s="12" t="s">
        <v>91</v>
      </c>
      <c r="C1" s="12" t="s">
        <v>22</v>
      </c>
      <c r="D1" s="2" t="s">
        <v>92</v>
      </c>
      <c r="E1" s="2" t="s">
        <v>93</v>
      </c>
      <c r="F1" s="2" t="s">
        <v>94</v>
      </c>
      <c r="G1" s="2" t="s">
        <v>95</v>
      </c>
      <c r="H1" s="12" t="s">
        <v>0</v>
      </c>
      <c r="I1" s="2" t="s">
        <v>96</v>
      </c>
      <c r="J1" s="2" t="s">
        <v>97</v>
      </c>
      <c r="K1" s="2" t="s">
        <v>23</v>
      </c>
      <c r="L1" s="2" t="s">
        <v>98</v>
      </c>
    </row>
    <row r="2" spans="1:12" ht="16.5" customHeight="1" x14ac:dyDescent="0.3">
      <c r="A2" s="11">
        <v>2897811</v>
      </c>
      <c r="B2" s="11">
        <v>5038325</v>
      </c>
      <c r="C2" s="42" t="s">
        <v>29</v>
      </c>
      <c r="D2" t="s">
        <v>99</v>
      </c>
      <c r="E2" t="s">
        <v>100</v>
      </c>
      <c r="F2" t="s">
        <v>101</v>
      </c>
      <c r="G2" t="s">
        <v>102</v>
      </c>
      <c r="H2" s="3">
        <v>2022</v>
      </c>
      <c r="I2" s="3" t="s">
        <v>103</v>
      </c>
      <c r="J2" s="3" t="s">
        <v>31</v>
      </c>
      <c r="K2" s="14">
        <v>45496</v>
      </c>
      <c r="L2" t="s">
        <v>28</v>
      </c>
    </row>
    <row r="3" spans="1:12" ht="16.5" customHeight="1" x14ac:dyDescent="0.3">
      <c r="A3" s="11">
        <v>3088149</v>
      </c>
      <c r="B3" s="11">
        <v>5038325</v>
      </c>
      <c r="C3" s="42" t="s">
        <v>29</v>
      </c>
      <c r="D3" t="s">
        <v>104</v>
      </c>
      <c r="E3" t="s">
        <v>100</v>
      </c>
      <c r="F3" t="s">
        <v>101</v>
      </c>
      <c r="G3" s="3" t="s">
        <v>105</v>
      </c>
      <c r="H3" s="3">
        <v>2022</v>
      </c>
      <c r="I3" s="3" t="s">
        <v>103</v>
      </c>
      <c r="J3" s="3" t="s">
        <v>31</v>
      </c>
      <c r="K3" s="14">
        <v>45496</v>
      </c>
      <c r="L3" t="s">
        <v>28</v>
      </c>
    </row>
    <row r="4" spans="1:12" ht="16.5" customHeight="1" x14ac:dyDescent="0.3">
      <c r="A4" s="11">
        <v>3110961</v>
      </c>
      <c r="B4" s="11">
        <v>5038325</v>
      </c>
      <c r="C4" s="42" t="s">
        <v>29</v>
      </c>
      <c r="D4" t="s">
        <v>106</v>
      </c>
      <c r="E4" t="s">
        <v>107</v>
      </c>
      <c r="F4" t="s">
        <v>108</v>
      </c>
      <c r="G4" t="s">
        <v>102</v>
      </c>
      <c r="H4" s="3">
        <v>2022</v>
      </c>
      <c r="I4" s="3" t="s">
        <v>103</v>
      </c>
      <c r="J4" s="3" t="s">
        <v>31</v>
      </c>
      <c r="K4" s="14">
        <v>45496</v>
      </c>
      <c r="L4" t="s">
        <v>28</v>
      </c>
    </row>
    <row r="5" spans="1:12" ht="16.5" customHeight="1" x14ac:dyDescent="0.3">
      <c r="A5" s="11">
        <v>3155852</v>
      </c>
      <c r="B5" s="11">
        <v>5038325</v>
      </c>
      <c r="C5" s="42" t="s">
        <v>29</v>
      </c>
      <c r="D5" t="s">
        <v>109</v>
      </c>
      <c r="E5" t="s">
        <v>100</v>
      </c>
      <c r="F5" t="s">
        <v>110</v>
      </c>
      <c r="G5" s="3" t="s">
        <v>105</v>
      </c>
      <c r="H5" s="3">
        <v>2022</v>
      </c>
      <c r="I5" s="3" t="s">
        <v>103</v>
      </c>
      <c r="J5" s="3" t="s">
        <v>31</v>
      </c>
      <c r="K5" s="14">
        <v>45496</v>
      </c>
      <c r="L5" t="s">
        <v>28</v>
      </c>
    </row>
    <row r="6" spans="1:12" ht="16.5" customHeight="1" x14ac:dyDescent="0.3">
      <c r="A6" s="11">
        <v>3157066</v>
      </c>
      <c r="B6" s="11">
        <v>5038325</v>
      </c>
      <c r="C6" s="42" t="s">
        <v>29</v>
      </c>
      <c r="D6" t="s">
        <v>111</v>
      </c>
      <c r="E6" t="s">
        <v>100</v>
      </c>
      <c r="F6" t="s">
        <v>101</v>
      </c>
      <c r="G6" t="s">
        <v>102</v>
      </c>
      <c r="H6" s="3">
        <v>2022</v>
      </c>
      <c r="I6" s="3" t="s">
        <v>103</v>
      </c>
      <c r="J6" s="3" t="s">
        <v>31</v>
      </c>
      <c r="K6" s="14">
        <v>45496</v>
      </c>
      <c r="L6" t="s">
        <v>28</v>
      </c>
    </row>
    <row r="7" spans="1:12" ht="16.5" customHeight="1" x14ac:dyDescent="0.3">
      <c r="A7" s="11">
        <v>3157452</v>
      </c>
      <c r="B7" s="11">
        <v>5038325</v>
      </c>
      <c r="C7" s="42" t="s">
        <v>29</v>
      </c>
      <c r="D7" t="s">
        <v>112</v>
      </c>
      <c r="E7" t="s">
        <v>100</v>
      </c>
      <c r="F7" t="s">
        <v>113</v>
      </c>
      <c r="G7" s="3" t="s">
        <v>105</v>
      </c>
      <c r="H7" s="3">
        <v>2022</v>
      </c>
      <c r="I7" s="3" t="s">
        <v>103</v>
      </c>
      <c r="J7" s="3" t="s">
        <v>31</v>
      </c>
      <c r="K7" s="14">
        <v>45496</v>
      </c>
      <c r="L7" t="s">
        <v>28</v>
      </c>
    </row>
    <row r="8" spans="1:12" ht="16.5" customHeight="1" x14ac:dyDescent="0.3">
      <c r="A8" s="11">
        <v>3207515</v>
      </c>
      <c r="B8" s="11">
        <v>5042369</v>
      </c>
      <c r="C8" s="42" t="s">
        <v>114</v>
      </c>
      <c r="D8" t="s">
        <v>115</v>
      </c>
      <c r="E8" t="s">
        <v>100</v>
      </c>
      <c r="F8" t="s">
        <v>116</v>
      </c>
      <c r="G8" t="s">
        <v>116</v>
      </c>
      <c r="H8" s="3">
        <v>2022</v>
      </c>
      <c r="I8" s="3" t="s">
        <v>103</v>
      </c>
      <c r="J8" s="3" t="s">
        <v>31</v>
      </c>
      <c r="K8" s="14">
        <v>45496</v>
      </c>
      <c r="L8" t="s">
        <v>28</v>
      </c>
    </row>
    <row r="9" spans="1:12" ht="16.5" customHeight="1" x14ac:dyDescent="0.3">
      <c r="A9" s="11">
        <v>3217208</v>
      </c>
      <c r="B9" s="11">
        <v>5038325</v>
      </c>
      <c r="C9" s="42" t="s">
        <v>29</v>
      </c>
      <c r="D9" s="3" t="s">
        <v>117</v>
      </c>
      <c r="E9" s="3" t="s">
        <v>107</v>
      </c>
      <c r="F9" s="3" t="s">
        <v>118</v>
      </c>
      <c r="G9" t="s">
        <v>116</v>
      </c>
      <c r="H9" s="3">
        <v>2022</v>
      </c>
      <c r="I9" s="3" t="s">
        <v>103</v>
      </c>
      <c r="J9" s="3" t="s">
        <v>31</v>
      </c>
      <c r="K9" s="14">
        <v>45496</v>
      </c>
      <c r="L9" t="s">
        <v>28</v>
      </c>
    </row>
    <row r="10" spans="1:12" ht="16.5" customHeight="1" x14ac:dyDescent="0.3">
      <c r="A10" s="11">
        <v>3222639</v>
      </c>
      <c r="B10" s="11">
        <v>5038325</v>
      </c>
      <c r="C10" s="42" t="s">
        <v>29</v>
      </c>
      <c r="D10" t="s">
        <v>119</v>
      </c>
      <c r="E10" t="s">
        <v>100</v>
      </c>
      <c r="F10" t="s">
        <v>120</v>
      </c>
      <c r="G10" s="3" t="s">
        <v>105</v>
      </c>
      <c r="H10" s="3">
        <v>2022</v>
      </c>
      <c r="I10" s="3" t="s">
        <v>103</v>
      </c>
      <c r="J10" s="3" t="s">
        <v>31</v>
      </c>
      <c r="K10" s="14">
        <v>45496</v>
      </c>
      <c r="L10" t="s">
        <v>28</v>
      </c>
    </row>
    <row r="11" spans="1:12" ht="16.5" customHeight="1" x14ac:dyDescent="0.3">
      <c r="A11" s="11">
        <v>3236328</v>
      </c>
      <c r="B11" s="11">
        <v>5038325</v>
      </c>
      <c r="C11" s="42" t="s">
        <v>29</v>
      </c>
      <c r="D11" t="s">
        <v>121</v>
      </c>
      <c r="E11" t="s">
        <v>100</v>
      </c>
      <c r="F11" t="s">
        <v>113</v>
      </c>
      <c r="G11" s="3" t="s">
        <v>105</v>
      </c>
      <c r="H11" s="3">
        <v>2022</v>
      </c>
      <c r="I11" s="3" t="s">
        <v>103</v>
      </c>
      <c r="J11" s="3" t="s">
        <v>31</v>
      </c>
      <c r="K11" s="14">
        <v>45496</v>
      </c>
      <c r="L11" t="s">
        <v>28</v>
      </c>
    </row>
    <row r="12" spans="1:12" ht="16.5" customHeight="1" x14ac:dyDescent="0.3">
      <c r="A12" s="11">
        <v>3278705</v>
      </c>
      <c r="B12" s="11">
        <v>5038325</v>
      </c>
      <c r="C12" s="42" t="s">
        <v>29</v>
      </c>
      <c r="D12" t="s">
        <v>122</v>
      </c>
      <c r="E12" t="s">
        <v>100</v>
      </c>
      <c r="F12" t="s">
        <v>123</v>
      </c>
      <c r="G12" t="s">
        <v>102</v>
      </c>
      <c r="H12" s="3">
        <v>2022</v>
      </c>
      <c r="I12" s="3" t="s">
        <v>103</v>
      </c>
      <c r="J12" s="3" t="s">
        <v>31</v>
      </c>
      <c r="K12" s="14">
        <v>45496</v>
      </c>
      <c r="L12" t="s">
        <v>28</v>
      </c>
    </row>
    <row r="13" spans="1:12" ht="16.5" customHeight="1" x14ac:dyDescent="0.3">
      <c r="A13" s="11">
        <v>3285752</v>
      </c>
      <c r="B13" s="11">
        <v>5038325</v>
      </c>
      <c r="C13" s="42" t="s">
        <v>29</v>
      </c>
      <c r="D13" t="s">
        <v>124</v>
      </c>
      <c r="E13" t="s">
        <v>100</v>
      </c>
      <c r="F13" t="s">
        <v>125</v>
      </c>
      <c r="G13" t="s">
        <v>102</v>
      </c>
      <c r="H13" s="3">
        <v>2022</v>
      </c>
      <c r="I13" s="3" t="s">
        <v>103</v>
      </c>
      <c r="J13" s="3" t="s">
        <v>31</v>
      </c>
      <c r="K13" s="14">
        <v>45496</v>
      </c>
      <c r="L13" t="s">
        <v>28</v>
      </c>
    </row>
    <row r="14" spans="1:12" ht="16.5" customHeight="1" x14ac:dyDescent="0.3">
      <c r="A14" s="11">
        <v>3308723</v>
      </c>
      <c r="B14" s="11">
        <v>5038325</v>
      </c>
      <c r="C14" s="42" t="s">
        <v>29</v>
      </c>
      <c r="D14" t="s">
        <v>126</v>
      </c>
      <c r="E14" t="s">
        <v>100</v>
      </c>
      <c r="F14" t="s">
        <v>127</v>
      </c>
      <c r="G14" s="3" t="s">
        <v>105</v>
      </c>
      <c r="H14" s="3">
        <v>2022</v>
      </c>
      <c r="I14" s="3" t="s">
        <v>103</v>
      </c>
      <c r="J14" s="3" t="s">
        <v>31</v>
      </c>
      <c r="K14" s="14">
        <v>45496</v>
      </c>
      <c r="L14" t="s">
        <v>28</v>
      </c>
    </row>
    <row r="15" spans="1:12" ht="16.5" customHeight="1" x14ac:dyDescent="0.3">
      <c r="A15" s="11">
        <v>3299178</v>
      </c>
      <c r="B15" s="11">
        <v>5040939</v>
      </c>
      <c r="C15" s="42" t="s">
        <v>128</v>
      </c>
      <c r="D15" s="3" t="s">
        <v>129</v>
      </c>
      <c r="E15" s="3" t="s">
        <v>100</v>
      </c>
      <c r="F15" s="3" t="s">
        <v>130</v>
      </c>
      <c r="G15" s="3" t="s">
        <v>102</v>
      </c>
      <c r="H15" s="3">
        <v>2022</v>
      </c>
      <c r="I15" s="3" t="s">
        <v>103</v>
      </c>
      <c r="J15" s="3" t="s">
        <v>34</v>
      </c>
      <c r="K15" s="14">
        <v>45482</v>
      </c>
      <c r="L15" s="3" t="s">
        <v>33</v>
      </c>
    </row>
    <row r="16" spans="1:12" ht="16.5" customHeight="1" x14ac:dyDescent="0.3">
      <c r="A16" s="11">
        <v>3294516</v>
      </c>
      <c r="B16" s="11">
        <v>5040936</v>
      </c>
      <c r="C16" s="42" t="s">
        <v>131</v>
      </c>
      <c r="D16" s="3" t="s">
        <v>129</v>
      </c>
      <c r="E16" s="3" t="s">
        <v>100</v>
      </c>
      <c r="F16" s="3" t="s">
        <v>130</v>
      </c>
      <c r="G16" s="3" t="s">
        <v>102</v>
      </c>
      <c r="H16" s="3">
        <v>2022</v>
      </c>
      <c r="I16" s="3" t="s">
        <v>89</v>
      </c>
      <c r="J16" s="3" t="s">
        <v>37</v>
      </c>
      <c r="K16" s="14">
        <v>45482</v>
      </c>
      <c r="L16" s="3" t="s">
        <v>36</v>
      </c>
    </row>
    <row r="17" spans="1:12" ht="16.5" customHeight="1" x14ac:dyDescent="0.3">
      <c r="A17" s="11">
        <v>2810754</v>
      </c>
      <c r="B17" s="11">
        <v>4034376</v>
      </c>
      <c r="C17" s="42" t="s">
        <v>132</v>
      </c>
      <c r="D17" s="3" t="s">
        <v>133</v>
      </c>
      <c r="E17" s="3" t="s">
        <v>100</v>
      </c>
      <c r="F17" s="3" t="s">
        <v>120</v>
      </c>
      <c r="G17" s="3" t="s">
        <v>105</v>
      </c>
      <c r="H17" s="3">
        <v>2022</v>
      </c>
      <c r="I17" s="3" t="s">
        <v>103</v>
      </c>
      <c r="J17" s="3" t="s">
        <v>41</v>
      </c>
      <c r="K17" s="14">
        <v>45428</v>
      </c>
      <c r="L17" s="3" t="s">
        <v>39</v>
      </c>
    </row>
    <row r="18" spans="1:12" ht="16.5" customHeight="1" x14ac:dyDescent="0.3">
      <c r="A18" s="11">
        <v>2916501</v>
      </c>
      <c r="B18" s="11">
        <v>5036432</v>
      </c>
      <c r="C18" s="42" t="s">
        <v>40</v>
      </c>
      <c r="D18" s="3" t="s">
        <v>134</v>
      </c>
      <c r="E18" s="3" t="s">
        <v>100</v>
      </c>
      <c r="F18" s="3" t="s">
        <v>127</v>
      </c>
      <c r="G18" s="3" t="s">
        <v>105</v>
      </c>
      <c r="H18" s="3">
        <v>2022</v>
      </c>
      <c r="I18" s="3" t="s">
        <v>103</v>
      </c>
      <c r="J18" s="3" t="s">
        <v>41</v>
      </c>
      <c r="K18" s="14">
        <v>45428</v>
      </c>
      <c r="L18" s="3" t="s">
        <v>39</v>
      </c>
    </row>
    <row r="19" spans="1:12" ht="16.5" customHeight="1" x14ac:dyDescent="0.3">
      <c r="A19" s="11">
        <v>2973934</v>
      </c>
      <c r="B19" s="11">
        <v>5036432</v>
      </c>
      <c r="C19" s="42" t="s">
        <v>40</v>
      </c>
      <c r="D19" s="3" t="s">
        <v>135</v>
      </c>
      <c r="E19" s="3" t="s">
        <v>100</v>
      </c>
      <c r="F19" s="3" t="s">
        <v>127</v>
      </c>
      <c r="G19" s="3" t="s">
        <v>105</v>
      </c>
      <c r="H19" s="3">
        <v>2022</v>
      </c>
      <c r="I19" s="3" t="s">
        <v>103</v>
      </c>
      <c r="J19" s="3" t="s">
        <v>41</v>
      </c>
      <c r="K19" s="14">
        <v>45428</v>
      </c>
      <c r="L19" s="3" t="s">
        <v>39</v>
      </c>
    </row>
    <row r="20" spans="1:12" ht="16.5" customHeight="1" x14ac:dyDescent="0.3">
      <c r="A20" s="11">
        <v>2979492</v>
      </c>
      <c r="B20" s="11">
        <v>5036432</v>
      </c>
      <c r="C20" s="42" t="s">
        <v>40</v>
      </c>
      <c r="D20" s="3" t="s">
        <v>136</v>
      </c>
      <c r="E20" s="3" t="s">
        <v>100</v>
      </c>
      <c r="F20" s="3" t="s">
        <v>137</v>
      </c>
      <c r="G20" s="3" t="s">
        <v>105</v>
      </c>
      <c r="H20" s="3">
        <v>2022</v>
      </c>
      <c r="I20" s="3" t="s">
        <v>103</v>
      </c>
      <c r="J20" s="3" t="s">
        <v>41</v>
      </c>
      <c r="K20" s="14">
        <v>45428</v>
      </c>
      <c r="L20" s="3" t="s">
        <v>39</v>
      </c>
    </row>
    <row r="21" spans="1:12" ht="16.5" customHeight="1" x14ac:dyDescent="0.3">
      <c r="A21" s="11">
        <v>2984871</v>
      </c>
      <c r="B21" s="11">
        <v>5036432</v>
      </c>
      <c r="C21" s="42" t="s">
        <v>40</v>
      </c>
      <c r="D21" s="3" t="s">
        <v>138</v>
      </c>
      <c r="E21" s="3" t="s">
        <v>100</v>
      </c>
      <c r="F21" s="3" t="s">
        <v>139</v>
      </c>
      <c r="G21" s="3" t="s">
        <v>105</v>
      </c>
      <c r="H21" s="3">
        <v>2022</v>
      </c>
      <c r="I21" s="3" t="s">
        <v>103</v>
      </c>
      <c r="J21" s="3" t="s">
        <v>41</v>
      </c>
      <c r="K21" s="14">
        <v>45428</v>
      </c>
      <c r="L21" s="3" t="s">
        <v>39</v>
      </c>
    </row>
    <row r="22" spans="1:12" ht="16.5" customHeight="1" x14ac:dyDescent="0.3">
      <c r="A22" s="11">
        <v>2998350</v>
      </c>
      <c r="B22" s="11">
        <v>5036432</v>
      </c>
      <c r="C22" s="42" t="s">
        <v>40</v>
      </c>
      <c r="D22" s="3" t="s">
        <v>140</v>
      </c>
      <c r="E22" s="3" t="s">
        <v>100</v>
      </c>
      <c r="F22" s="3" t="s">
        <v>101</v>
      </c>
      <c r="G22" s="3" t="s">
        <v>105</v>
      </c>
      <c r="H22" s="3">
        <v>2022</v>
      </c>
      <c r="I22" s="3" t="s">
        <v>103</v>
      </c>
      <c r="J22" s="3" t="s">
        <v>41</v>
      </c>
      <c r="K22" s="14">
        <v>45428</v>
      </c>
      <c r="L22" s="3" t="s">
        <v>39</v>
      </c>
    </row>
    <row r="23" spans="1:12" ht="16.5" customHeight="1" x14ac:dyDescent="0.3">
      <c r="A23" s="11">
        <v>3003456</v>
      </c>
      <c r="B23" s="11">
        <v>5036432</v>
      </c>
      <c r="C23" s="42" t="s">
        <v>40</v>
      </c>
      <c r="D23" s="3" t="s">
        <v>141</v>
      </c>
      <c r="E23" s="3" t="s">
        <v>100</v>
      </c>
      <c r="F23" s="3" t="s">
        <v>120</v>
      </c>
      <c r="G23" s="3" t="s">
        <v>105</v>
      </c>
      <c r="H23" s="3">
        <v>2022</v>
      </c>
      <c r="I23" s="3" t="s">
        <v>103</v>
      </c>
      <c r="J23" s="3" t="s">
        <v>41</v>
      </c>
      <c r="K23" s="14">
        <v>45428</v>
      </c>
      <c r="L23" s="3" t="s">
        <v>39</v>
      </c>
    </row>
    <row r="24" spans="1:12" ht="16.5" customHeight="1" x14ac:dyDescent="0.3">
      <c r="A24" s="11">
        <v>3015714</v>
      </c>
      <c r="B24" s="11">
        <v>5036432</v>
      </c>
      <c r="C24" s="42" t="s">
        <v>40</v>
      </c>
      <c r="D24" s="3" t="s">
        <v>142</v>
      </c>
      <c r="E24" s="3" t="s">
        <v>100</v>
      </c>
      <c r="F24" s="3" t="s">
        <v>120</v>
      </c>
      <c r="G24" s="3" t="s">
        <v>105</v>
      </c>
      <c r="H24" s="3">
        <v>2022</v>
      </c>
      <c r="I24" s="3" t="s">
        <v>103</v>
      </c>
      <c r="J24" s="3" t="s">
        <v>41</v>
      </c>
      <c r="K24" s="14">
        <v>45428</v>
      </c>
      <c r="L24" s="3" t="s">
        <v>39</v>
      </c>
    </row>
    <row r="25" spans="1:12" ht="16.5" customHeight="1" x14ac:dyDescent="0.3">
      <c r="A25" s="11">
        <v>3025790</v>
      </c>
      <c r="B25" s="11">
        <v>5036432</v>
      </c>
      <c r="C25" s="42" t="s">
        <v>40</v>
      </c>
      <c r="D25" s="3" t="s">
        <v>143</v>
      </c>
      <c r="E25" s="3" t="s">
        <v>100</v>
      </c>
      <c r="F25" s="3" t="s">
        <v>101</v>
      </c>
      <c r="G25" s="3" t="s">
        <v>105</v>
      </c>
      <c r="H25" s="3">
        <v>2022</v>
      </c>
      <c r="I25" s="3" t="s">
        <v>103</v>
      </c>
      <c r="J25" s="3" t="s">
        <v>41</v>
      </c>
      <c r="K25" s="14">
        <v>45428</v>
      </c>
      <c r="L25" s="3" t="s">
        <v>39</v>
      </c>
    </row>
    <row r="26" spans="1:12" ht="16.5" customHeight="1" x14ac:dyDescent="0.3">
      <c r="A26" s="11">
        <v>3033535</v>
      </c>
      <c r="B26" s="11">
        <v>5036432</v>
      </c>
      <c r="C26" s="42" t="s">
        <v>40</v>
      </c>
      <c r="D26" s="3" t="s">
        <v>144</v>
      </c>
      <c r="E26" s="3" t="s">
        <v>100</v>
      </c>
      <c r="F26" s="3" t="s">
        <v>145</v>
      </c>
      <c r="G26" s="3" t="s">
        <v>105</v>
      </c>
      <c r="H26" s="3">
        <v>2022</v>
      </c>
      <c r="I26" s="3" t="s">
        <v>103</v>
      </c>
      <c r="J26" s="3" t="s">
        <v>41</v>
      </c>
      <c r="K26" s="14">
        <v>45428</v>
      </c>
      <c r="L26" s="3" t="s">
        <v>39</v>
      </c>
    </row>
    <row r="27" spans="1:12" ht="16.5" customHeight="1" x14ac:dyDescent="0.3">
      <c r="A27" s="11">
        <v>3033974</v>
      </c>
      <c r="B27" s="11">
        <v>5036432</v>
      </c>
      <c r="C27" s="42" t="s">
        <v>40</v>
      </c>
      <c r="D27" s="3" t="s">
        <v>146</v>
      </c>
      <c r="E27" s="3" t="s">
        <v>100</v>
      </c>
      <c r="F27" s="3" t="s">
        <v>120</v>
      </c>
      <c r="G27" s="3" t="s">
        <v>105</v>
      </c>
      <c r="H27" s="3">
        <v>2022</v>
      </c>
      <c r="I27" s="3" t="s">
        <v>103</v>
      </c>
      <c r="J27" s="3" t="s">
        <v>41</v>
      </c>
      <c r="K27" s="14">
        <v>45428</v>
      </c>
      <c r="L27" s="3" t="s">
        <v>39</v>
      </c>
    </row>
    <row r="28" spans="1:12" ht="16.5" customHeight="1" x14ac:dyDescent="0.3">
      <c r="A28" s="11">
        <v>3071580</v>
      </c>
      <c r="B28" s="11">
        <v>5036432</v>
      </c>
      <c r="C28" s="42" t="s">
        <v>40</v>
      </c>
      <c r="D28" s="3" t="s">
        <v>147</v>
      </c>
      <c r="E28" s="3" t="s">
        <v>100</v>
      </c>
      <c r="F28" s="3" t="s">
        <v>148</v>
      </c>
      <c r="G28" s="3" t="s">
        <v>105</v>
      </c>
      <c r="H28" s="3">
        <v>2022</v>
      </c>
      <c r="I28" s="3" t="s">
        <v>103</v>
      </c>
      <c r="J28" s="3" t="s">
        <v>41</v>
      </c>
      <c r="K28" s="14">
        <v>45428</v>
      </c>
      <c r="L28" s="3" t="s">
        <v>39</v>
      </c>
    </row>
    <row r="29" spans="1:12" ht="16.5" customHeight="1" x14ac:dyDescent="0.3">
      <c r="A29" s="11">
        <v>3084239</v>
      </c>
      <c r="B29" s="11">
        <v>5036432</v>
      </c>
      <c r="C29" s="42" t="s">
        <v>40</v>
      </c>
      <c r="D29" s="3" t="s">
        <v>149</v>
      </c>
      <c r="E29" s="3" t="s">
        <v>100</v>
      </c>
      <c r="F29" s="3" t="s">
        <v>139</v>
      </c>
      <c r="G29" s="3" t="s">
        <v>105</v>
      </c>
      <c r="H29" s="3">
        <v>2022</v>
      </c>
      <c r="I29" s="3" t="s">
        <v>103</v>
      </c>
      <c r="J29" s="3" t="s">
        <v>41</v>
      </c>
      <c r="K29" s="14">
        <v>45428</v>
      </c>
      <c r="L29" s="3" t="s">
        <v>39</v>
      </c>
    </row>
    <row r="30" spans="1:12" ht="16.5" customHeight="1" x14ac:dyDescent="0.3">
      <c r="A30" s="11">
        <v>3102467</v>
      </c>
      <c r="B30" s="11">
        <v>5036432</v>
      </c>
      <c r="C30" s="42" t="s">
        <v>40</v>
      </c>
      <c r="D30" s="3" t="s">
        <v>150</v>
      </c>
      <c r="E30" s="3" t="s">
        <v>100</v>
      </c>
      <c r="F30" s="3" t="s">
        <v>113</v>
      </c>
      <c r="G30" s="3" t="s">
        <v>105</v>
      </c>
      <c r="H30" s="3">
        <v>2022</v>
      </c>
      <c r="I30" s="3" t="s">
        <v>103</v>
      </c>
      <c r="J30" s="3" t="s">
        <v>41</v>
      </c>
      <c r="K30" s="14">
        <v>45428</v>
      </c>
      <c r="L30" s="3" t="s">
        <v>39</v>
      </c>
    </row>
    <row r="31" spans="1:12" ht="16.5" customHeight="1" x14ac:dyDescent="0.3">
      <c r="A31" s="11">
        <v>3144736</v>
      </c>
      <c r="B31" s="11">
        <v>5036432</v>
      </c>
      <c r="C31" s="42" t="s">
        <v>40</v>
      </c>
      <c r="D31" s="3" t="s">
        <v>151</v>
      </c>
      <c r="E31" s="3" t="s">
        <v>100</v>
      </c>
      <c r="F31" s="3" t="s">
        <v>120</v>
      </c>
      <c r="G31" s="3" t="s">
        <v>102</v>
      </c>
      <c r="H31" s="3">
        <v>2022</v>
      </c>
      <c r="I31" s="3" t="s">
        <v>103</v>
      </c>
      <c r="J31" s="3" t="s">
        <v>41</v>
      </c>
      <c r="K31" s="14">
        <v>45428</v>
      </c>
      <c r="L31" s="3" t="s">
        <v>39</v>
      </c>
    </row>
    <row r="32" spans="1:12" ht="16.5" customHeight="1" x14ac:dyDescent="0.3">
      <c r="A32" s="11">
        <v>2153698</v>
      </c>
      <c r="B32" s="11">
        <v>5033663</v>
      </c>
      <c r="C32" s="42" t="s">
        <v>46</v>
      </c>
      <c r="D32" s="3" t="s">
        <v>152</v>
      </c>
      <c r="E32" s="3" t="s">
        <v>100</v>
      </c>
      <c r="F32" s="3" t="s">
        <v>153</v>
      </c>
      <c r="G32" s="3" t="s">
        <v>105</v>
      </c>
      <c r="H32" s="3">
        <v>2022</v>
      </c>
      <c r="I32" s="3" t="s">
        <v>103</v>
      </c>
      <c r="J32" s="3" t="s">
        <v>47</v>
      </c>
      <c r="K32" s="14">
        <v>45365</v>
      </c>
      <c r="L32" t="s">
        <v>45</v>
      </c>
    </row>
    <row r="33" spans="1:12" ht="16.5" customHeight="1" x14ac:dyDescent="0.3">
      <c r="A33" s="11">
        <v>2347023</v>
      </c>
      <c r="B33" s="11">
        <v>5033663</v>
      </c>
      <c r="C33" s="42" t="s">
        <v>46</v>
      </c>
      <c r="D33" s="3" t="s">
        <v>154</v>
      </c>
      <c r="E33" s="3" t="s">
        <v>100</v>
      </c>
      <c r="F33" s="3" t="s">
        <v>101</v>
      </c>
      <c r="G33" s="3" t="s">
        <v>105</v>
      </c>
      <c r="H33" s="3">
        <v>2022</v>
      </c>
      <c r="I33" s="3" t="s">
        <v>103</v>
      </c>
      <c r="J33" s="3" t="s">
        <v>47</v>
      </c>
      <c r="K33" s="14">
        <v>45365</v>
      </c>
      <c r="L33" t="s">
        <v>45</v>
      </c>
    </row>
    <row r="34" spans="1:12" ht="16.5" customHeight="1" x14ac:dyDescent="0.3">
      <c r="A34" s="11">
        <v>2612953</v>
      </c>
      <c r="B34" s="11">
        <v>5033663</v>
      </c>
      <c r="C34" s="42" t="s">
        <v>46</v>
      </c>
      <c r="D34" s="3" t="s">
        <v>155</v>
      </c>
      <c r="E34" s="3" t="s">
        <v>100</v>
      </c>
      <c r="F34" s="3" t="s">
        <v>120</v>
      </c>
      <c r="G34" s="3" t="s">
        <v>105</v>
      </c>
      <c r="H34" s="3">
        <v>2022</v>
      </c>
      <c r="I34" s="3" t="s">
        <v>103</v>
      </c>
      <c r="J34" s="3" t="s">
        <v>47</v>
      </c>
      <c r="K34" s="14">
        <v>45365</v>
      </c>
      <c r="L34" t="s">
        <v>45</v>
      </c>
    </row>
    <row r="35" spans="1:12" ht="16.5" customHeight="1" x14ac:dyDescent="0.3">
      <c r="A35" s="11">
        <v>2693175</v>
      </c>
      <c r="B35" s="11">
        <v>5033663</v>
      </c>
      <c r="C35" s="42" t="s">
        <v>46</v>
      </c>
      <c r="D35" s="3" t="s">
        <v>156</v>
      </c>
      <c r="E35" s="3" t="s">
        <v>100</v>
      </c>
      <c r="F35" s="3" t="s">
        <v>120</v>
      </c>
      <c r="G35" s="3" t="s">
        <v>105</v>
      </c>
      <c r="H35" s="3">
        <v>2022</v>
      </c>
      <c r="I35" s="3" t="s">
        <v>103</v>
      </c>
      <c r="J35" s="3" t="s">
        <v>47</v>
      </c>
      <c r="K35" s="14">
        <v>45365</v>
      </c>
      <c r="L35" t="s">
        <v>45</v>
      </c>
    </row>
    <row r="36" spans="1:12" ht="16.5" customHeight="1" x14ac:dyDescent="0.3">
      <c r="A36" s="11">
        <v>2695507</v>
      </c>
      <c r="B36" s="11">
        <v>5033663</v>
      </c>
      <c r="C36" s="42" t="s">
        <v>46</v>
      </c>
      <c r="D36" s="3" t="s">
        <v>157</v>
      </c>
      <c r="E36" s="3" t="s">
        <v>100</v>
      </c>
      <c r="F36" s="3" t="s">
        <v>113</v>
      </c>
      <c r="G36" s="3" t="s">
        <v>105</v>
      </c>
      <c r="H36" s="3">
        <v>2022</v>
      </c>
      <c r="I36" s="3" t="s">
        <v>103</v>
      </c>
      <c r="J36" s="3" t="s">
        <v>47</v>
      </c>
      <c r="K36" s="14">
        <v>45365</v>
      </c>
      <c r="L36" t="s">
        <v>45</v>
      </c>
    </row>
    <row r="37" spans="1:12" ht="16.5" customHeight="1" x14ac:dyDescent="0.3">
      <c r="A37" s="11">
        <v>2766481</v>
      </c>
      <c r="B37" s="11">
        <v>5033663</v>
      </c>
      <c r="C37" s="42" t="s">
        <v>46</v>
      </c>
      <c r="D37" s="3" t="s">
        <v>158</v>
      </c>
      <c r="E37" s="3" t="s">
        <v>100</v>
      </c>
      <c r="F37" s="3" t="s">
        <v>159</v>
      </c>
      <c r="G37" s="3" t="s">
        <v>105</v>
      </c>
      <c r="H37" s="3">
        <v>2022</v>
      </c>
      <c r="I37" s="3" t="s">
        <v>103</v>
      </c>
      <c r="J37" s="3" t="s">
        <v>47</v>
      </c>
      <c r="K37" s="14">
        <v>45365</v>
      </c>
      <c r="L37" t="s">
        <v>45</v>
      </c>
    </row>
    <row r="38" spans="1:12" ht="16.5" customHeight="1" x14ac:dyDescent="0.3">
      <c r="A38" s="11">
        <v>2768282</v>
      </c>
      <c r="B38" s="11">
        <v>5033663</v>
      </c>
      <c r="C38" s="42" t="s">
        <v>46</v>
      </c>
      <c r="D38" s="3" t="s">
        <v>160</v>
      </c>
      <c r="E38" s="3" t="s">
        <v>100</v>
      </c>
      <c r="F38" s="3" t="s">
        <v>161</v>
      </c>
      <c r="G38" s="3" t="s">
        <v>105</v>
      </c>
      <c r="H38" s="3">
        <v>2022</v>
      </c>
      <c r="I38" s="3" t="s">
        <v>103</v>
      </c>
      <c r="J38" s="3" t="s">
        <v>47</v>
      </c>
      <c r="K38" s="14">
        <v>45365</v>
      </c>
      <c r="L38" t="s">
        <v>45</v>
      </c>
    </row>
    <row r="39" spans="1:12" ht="16.5" customHeight="1" x14ac:dyDescent="0.3">
      <c r="A39" s="11">
        <v>2804318</v>
      </c>
      <c r="B39" s="11">
        <v>5033663</v>
      </c>
      <c r="C39" s="42" t="s">
        <v>46</v>
      </c>
      <c r="D39" s="3" t="s">
        <v>162</v>
      </c>
      <c r="E39" s="3" t="s">
        <v>100</v>
      </c>
      <c r="F39" s="3" t="s">
        <v>163</v>
      </c>
      <c r="G39" s="3" t="s">
        <v>105</v>
      </c>
      <c r="H39" s="3">
        <v>2022</v>
      </c>
      <c r="I39" s="3" t="s">
        <v>103</v>
      </c>
      <c r="J39" s="3" t="s">
        <v>47</v>
      </c>
      <c r="K39" s="14">
        <v>45365</v>
      </c>
      <c r="L39" t="s">
        <v>45</v>
      </c>
    </row>
    <row r="40" spans="1:12" ht="16.5" customHeight="1" x14ac:dyDescent="0.3">
      <c r="A40" s="11">
        <v>2820084</v>
      </c>
      <c r="B40" s="11">
        <v>5033663</v>
      </c>
      <c r="C40" s="42" t="s">
        <v>46</v>
      </c>
      <c r="D40" s="3" t="s">
        <v>164</v>
      </c>
      <c r="E40" s="3" t="s">
        <v>100</v>
      </c>
      <c r="F40" s="3" t="s">
        <v>165</v>
      </c>
      <c r="G40" s="3" t="s">
        <v>105</v>
      </c>
      <c r="H40" s="3">
        <v>2022</v>
      </c>
      <c r="I40" s="3" t="s">
        <v>103</v>
      </c>
      <c r="J40" s="3" t="s">
        <v>47</v>
      </c>
      <c r="K40" s="14">
        <v>45365</v>
      </c>
      <c r="L40" t="s">
        <v>45</v>
      </c>
    </row>
    <row r="41" spans="1:12" ht="16.5" customHeight="1" x14ac:dyDescent="0.3">
      <c r="A41" s="11">
        <v>2824982</v>
      </c>
      <c r="B41" s="11">
        <v>5033663</v>
      </c>
      <c r="C41" s="42" t="s">
        <v>46</v>
      </c>
      <c r="D41" s="3" t="s">
        <v>166</v>
      </c>
      <c r="E41" s="3" t="s">
        <v>100</v>
      </c>
      <c r="F41" s="3" t="s">
        <v>101</v>
      </c>
      <c r="G41" s="3" t="s">
        <v>102</v>
      </c>
      <c r="H41" s="3">
        <v>2022</v>
      </c>
      <c r="I41" s="3" t="s">
        <v>103</v>
      </c>
      <c r="J41" s="3" t="s">
        <v>47</v>
      </c>
      <c r="K41" s="14">
        <v>45365</v>
      </c>
      <c r="L41" t="s">
        <v>45</v>
      </c>
    </row>
    <row r="42" spans="1:12" ht="16.5" customHeight="1" x14ac:dyDescent="0.3">
      <c r="A42" s="11">
        <v>2830811</v>
      </c>
      <c r="B42" s="11">
        <v>5033663</v>
      </c>
      <c r="C42" s="42" t="s">
        <v>46</v>
      </c>
      <c r="D42" s="3" t="s">
        <v>167</v>
      </c>
      <c r="E42" s="3" t="s">
        <v>100</v>
      </c>
      <c r="F42" s="3" t="s">
        <v>145</v>
      </c>
      <c r="G42" s="3" t="s">
        <v>105</v>
      </c>
      <c r="H42" s="3">
        <v>2022</v>
      </c>
      <c r="I42" s="3" t="s">
        <v>103</v>
      </c>
      <c r="J42" s="3" t="s">
        <v>47</v>
      </c>
      <c r="K42" s="14">
        <v>45365</v>
      </c>
      <c r="L42" t="s">
        <v>45</v>
      </c>
    </row>
    <row r="43" spans="1:12" ht="16.5" customHeight="1" x14ac:dyDescent="0.3">
      <c r="A43" s="11">
        <v>2833605</v>
      </c>
      <c r="B43" s="11">
        <v>5033663</v>
      </c>
      <c r="C43" s="42" t="s">
        <v>46</v>
      </c>
      <c r="D43" s="3" t="s">
        <v>168</v>
      </c>
      <c r="E43" s="3" t="s">
        <v>100</v>
      </c>
      <c r="F43" s="3" t="s">
        <v>127</v>
      </c>
      <c r="G43" s="3" t="s">
        <v>105</v>
      </c>
      <c r="H43" s="3">
        <v>2022</v>
      </c>
      <c r="I43" s="3" t="s">
        <v>103</v>
      </c>
      <c r="J43" s="3" t="s">
        <v>47</v>
      </c>
      <c r="K43" s="14">
        <v>45365</v>
      </c>
      <c r="L43" t="s">
        <v>45</v>
      </c>
    </row>
    <row r="44" spans="1:12" ht="16.5" customHeight="1" x14ac:dyDescent="0.3">
      <c r="A44" s="11">
        <v>2834436</v>
      </c>
      <c r="B44" s="11">
        <v>5033663</v>
      </c>
      <c r="C44" s="42" t="s">
        <v>46</v>
      </c>
      <c r="D44" s="3" t="s">
        <v>169</v>
      </c>
      <c r="E44" s="3" t="s">
        <v>100</v>
      </c>
      <c r="F44" s="3" t="s">
        <v>101</v>
      </c>
      <c r="G44" s="3" t="s">
        <v>105</v>
      </c>
      <c r="H44" s="3">
        <v>2022</v>
      </c>
      <c r="I44" s="3" t="s">
        <v>103</v>
      </c>
      <c r="J44" s="3" t="s">
        <v>47</v>
      </c>
      <c r="K44" s="14">
        <v>45377</v>
      </c>
      <c r="L44" t="s">
        <v>45</v>
      </c>
    </row>
    <row r="45" spans="1:12" ht="16.5" customHeight="1" x14ac:dyDescent="0.3">
      <c r="A45" s="11">
        <v>2837848</v>
      </c>
      <c r="B45" s="11">
        <v>5033663</v>
      </c>
      <c r="C45" s="42" t="s">
        <v>46</v>
      </c>
      <c r="D45" s="3" t="s">
        <v>170</v>
      </c>
      <c r="E45" s="3" t="s">
        <v>100</v>
      </c>
      <c r="F45" s="3" t="s">
        <v>171</v>
      </c>
      <c r="G45" s="3" t="s">
        <v>105</v>
      </c>
      <c r="H45" s="3">
        <v>2022</v>
      </c>
      <c r="I45" s="3" t="s">
        <v>103</v>
      </c>
      <c r="J45" s="3" t="s">
        <v>47</v>
      </c>
      <c r="K45" s="14">
        <v>45365</v>
      </c>
      <c r="L45" t="s">
        <v>45</v>
      </c>
    </row>
    <row r="46" spans="1:12" ht="16.5" customHeight="1" x14ac:dyDescent="0.3">
      <c r="A46" s="11">
        <v>2845380</v>
      </c>
      <c r="B46" s="11">
        <v>5033663</v>
      </c>
      <c r="C46" s="42" t="s">
        <v>46</v>
      </c>
      <c r="D46" s="3" t="s">
        <v>172</v>
      </c>
      <c r="E46" s="3" t="s">
        <v>100</v>
      </c>
      <c r="F46" s="3" t="s">
        <v>116</v>
      </c>
      <c r="G46" s="3" t="s">
        <v>116</v>
      </c>
      <c r="H46" s="3">
        <v>2022</v>
      </c>
      <c r="I46" s="3" t="s">
        <v>103</v>
      </c>
      <c r="J46" s="3" t="s">
        <v>47</v>
      </c>
      <c r="K46" s="14">
        <v>45365</v>
      </c>
      <c r="L46" t="s">
        <v>45</v>
      </c>
    </row>
    <row r="47" spans="1:12" ht="16.5" customHeight="1" x14ac:dyDescent="0.3">
      <c r="A47" s="11">
        <v>2846022</v>
      </c>
      <c r="B47" s="11">
        <v>5033663</v>
      </c>
      <c r="C47" s="42" t="s">
        <v>46</v>
      </c>
      <c r="D47" s="3" t="s">
        <v>173</v>
      </c>
      <c r="E47" s="3" t="s">
        <v>100</v>
      </c>
      <c r="F47" s="3" t="s">
        <v>123</v>
      </c>
      <c r="G47" s="3" t="s">
        <v>102</v>
      </c>
      <c r="H47" s="3">
        <v>2022</v>
      </c>
      <c r="I47" s="3" t="s">
        <v>103</v>
      </c>
      <c r="J47" s="3" t="s">
        <v>47</v>
      </c>
      <c r="K47" s="14">
        <v>45365</v>
      </c>
      <c r="L47" t="s">
        <v>45</v>
      </c>
    </row>
    <row r="48" spans="1:12" ht="16.5" customHeight="1" x14ac:dyDescent="0.3">
      <c r="A48" s="11">
        <v>2850899</v>
      </c>
      <c r="B48" s="11">
        <v>5033663</v>
      </c>
      <c r="C48" s="42" t="s">
        <v>46</v>
      </c>
      <c r="D48" s="3" t="s">
        <v>174</v>
      </c>
      <c r="E48" s="3" t="s">
        <v>100</v>
      </c>
      <c r="F48" s="3" t="s">
        <v>127</v>
      </c>
      <c r="G48" s="3" t="s">
        <v>105</v>
      </c>
      <c r="H48" s="3">
        <v>2022</v>
      </c>
      <c r="I48" s="3" t="s">
        <v>103</v>
      </c>
      <c r="J48" s="3" t="s">
        <v>47</v>
      </c>
      <c r="K48" s="14">
        <v>45365</v>
      </c>
      <c r="L48" t="s">
        <v>45</v>
      </c>
    </row>
    <row r="49" spans="1:12" ht="16.5" customHeight="1" x14ac:dyDescent="0.3">
      <c r="A49" s="11">
        <v>2850915</v>
      </c>
      <c r="B49" s="11">
        <v>5033663</v>
      </c>
      <c r="C49" s="42" t="s">
        <v>46</v>
      </c>
      <c r="D49" s="3" t="s">
        <v>175</v>
      </c>
      <c r="E49" s="3" t="s">
        <v>100</v>
      </c>
      <c r="F49" s="3" t="s">
        <v>113</v>
      </c>
      <c r="G49" s="3" t="s">
        <v>105</v>
      </c>
      <c r="H49" s="3">
        <v>2022</v>
      </c>
      <c r="I49" s="3" t="s">
        <v>103</v>
      </c>
      <c r="J49" s="3" t="s">
        <v>47</v>
      </c>
      <c r="K49" s="14">
        <v>45365</v>
      </c>
      <c r="L49" t="s">
        <v>45</v>
      </c>
    </row>
    <row r="50" spans="1:12" ht="16.5" customHeight="1" x14ac:dyDescent="0.3">
      <c r="A50" s="11">
        <v>2850932</v>
      </c>
      <c r="B50" s="11">
        <v>5033663</v>
      </c>
      <c r="C50" s="42" t="s">
        <v>46</v>
      </c>
      <c r="D50" s="3" t="s">
        <v>176</v>
      </c>
      <c r="E50" s="3" t="s">
        <v>100</v>
      </c>
      <c r="F50" s="3" t="s">
        <v>113</v>
      </c>
      <c r="G50" s="3" t="s">
        <v>105</v>
      </c>
      <c r="H50" s="3">
        <v>2022</v>
      </c>
      <c r="I50" s="3" t="s">
        <v>103</v>
      </c>
      <c r="J50" s="3" t="s">
        <v>47</v>
      </c>
      <c r="K50" s="14">
        <v>45365</v>
      </c>
      <c r="L50" t="s">
        <v>45</v>
      </c>
    </row>
    <row r="51" spans="1:12" ht="16.5" customHeight="1" x14ac:dyDescent="0.3">
      <c r="A51" s="11">
        <v>2859818</v>
      </c>
      <c r="B51" s="11">
        <v>5033663</v>
      </c>
      <c r="C51" s="42" t="s">
        <v>46</v>
      </c>
      <c r="D51" s="3" t="s">
        <v>177</v>
      </c>
      <c r="E51" s="3" t="s">
        <v>178</v>
      </c>
      <c r="F51" s="3" t="s">
        <v>178</v>
      </c>
      <c r="G51" s="3" t="s">
        <v>102</v>
      </c>
      <c r="H51" s="3">
        <v>2022</v>
      </c>
      <c r="I51" s="3" t="s">
        <v>103</v>
      </c>
      <c r="J51" s="3" t="s">
        <v>47</v>
      </c>
      <c r="K51" s="14">
        <v>45365</v>
      </c>
      <c r="L51" t="s">
        <v>45</v>
      </c>
    </row>
    <row r="52" spans="1:12" ht="16.5" customHeight="1" x14ac:dyDescent="0.3">
      <c r="A52" s="11">
        <v>2860396</v>
      </c>
      <c r="B52" s="11">
        <v>5033663</v>
      </c>
      <c r="C52" s="42" t="s">
        <v>46</v>
      </c>
      <c r="D52" s="3" t="s">
        <v>179</v>
      </c>
      <c r="E52" s="3" t="s">
        <v>180</v>
      </c>
      <c r="F52" s="3" t="s">
        <v>180</v>
      </c>
      <c r="G52" s="3" t="s">
        <v>102</v>
      </c>
      <c r="H52" s="3">
        <v>2022</v>
      </c>
      <c r="I52" s="3" t="s">
        <v>103</v>
      </c>
      <c r="J52" s="3" t="s">
        <v>47</v>
      </c>
      <c r="K52" s="14">
        <v>45365</v>
      </c>
      <c r="L52" t="s">
        <v>45</v>
      </c>
    </row>
    <row r="53" spans="1:12" ht="16.5" customHeight="1" x14ac:dyDescent="0.3">
      <c r="A53" s="11">
        <v>2864330</v>
      </c>
      <c r="B53" s="11">
        <v>5033663</v>
      </c>
      <c r="C53" s="42" t="s">
        <v>46</v>
      </c>
      <c r="D53" s="3" t="s">
        <v>181</v>
      </c>
      <c r="E53" s="3" t="s">
        <v>100</v>
      </c>
      <c r="F53" s="3" t="s">
        <v>120</v>
      </c>
      <c r="G53" s="3" t="s">
        <v>102</v>
      </c>
      <c r="H53" s="3">
        <v>2022</v>
      </c>
      <c r="I53" s="3" t="s">
        <v>103</v>
      </c>
      <c r="J53" s="3" t="s">
        <v>47</v>
      </c>
      <c r="K53" s="14">
        <v>45365</v>
      </c>
      <c r="L53" t="s">
        <v>45</v>
      </c>
    </row>
    <row r="54" spans="1:12" ht="16.5" customHeight="1" x14ac:dyDescent="0.3">
      <c r="A54" s="11">
        <v>2864688</v>
      </c>
      <c r="B54" s="11">
        <v>5033663</v>
      </c>
      <c r="C54" s="42" t="s">
        <v>46</v>
      </c>
      <c r="D54" s="3" t="s">
        <v>182</v>
      </c>
      <c r="E54" s="3" t="s">
        <v>180</v>
      </c>
      <c r="F54" s="3" t="s">
        <v>180</v>
      </c>
      <c r="G54" s="3" t="s">
        <v>102</v>
      </c>
      <c r="H54" s="3">
        <v>2022</v>
      </c>
      <c r="I54" s="3" t="s">
        <v>103</v>
      </c>
      <c r="J54" s="3" t="s">
        <v>47</v>
      </c>
      <c r="K54" s="14">
        <v>45365</v>
      </c>
      <c r="L54" t="s">
        <v>45</v>
      </c>
    </row>
    <row r="55" spans="1:12" ht="16.5" customHeight="1" x14ac:dyDescent="0.3">
      <c r="A55" s="11">
        <v>2868247</v>
      </c>
      <c r="B55" s="11">
        <v>5033663</v>
      </c>
      <c r="C55" s="42" t="s">
        <v>46</v>
      </c>
      <c r="D55" s="3" t="s">
        <v>183</v>
      </c>
      <c r="E55" s="3" t="s">
        <v>178</v>
      </c>
      <c r="F55" s="3" t="s">
        <v>178</v>
      </c>
      <c r="G55" s="3" t="s">
        <v>102</v>
      </c>
      <c r="H55" s="3">
        <v>2022</v>
      </c>
      <c r="I55" s="3" t="s">
        <v>103</v>
      </c>
      <c r="J55" s="3" t="s">
        <v>47</v>
      </c>
      <c r="K55" s="14">
        <v>45365</v>
      </c>
      <c r="L55" t="s">
        <v>45</v>
      </c>
    </row>
    <row r="56" spans="1:12" ht="16.5" customHeight="1" x14ac:dyDescent="0.3">
      <c r="A56" s="11">
        <v>2870454</v>
      </c>
      <c r="B56" s="11">
        <v>5033663</v>
      </c>
      <c r="C56" s="42" t="s">
        <v>46</v>
      </c>
      <c r="D56" s="3" t="s">
        <v>184</v>
      </c>
      <c r="E56" s="3" t="s">
        <v>100</v>
      </c>
      <c r="F56" s="3" t="s">
        <v>120</v>
      </c>
      <c r="G56" s="3" t="s">
        <v>105</v>
      </c>
      <c r="H56" s="3">
        <v>2022</v>
      </c>
      <c r="I56" s="3" t="s">
        <v>103</v>
      </c>
      <c r="J56" s="3" t="s">
        <v>47</v>
      </c>
      <c r="K56" s="14">
        <v>45365</v>
      </c>
      <c r="L56" t="s">
        <v>45</v>
      </c>
    </row>
    <row r="57" spans="1:12" ht="16.5" customHeight="1" x14ac:dyDescent="0.3">
      <c r="A57" s="11">
        <v>2870518</v>
      </c>
      <c r="B57" s="11">
        <v>5033663</v>
      </c>
      <c r="C57" s="42" t="s">
        <v>46</v>
      </c>
      <c r="D57" s="3" t="s">
        <v>185</v>
      </c>
      <c r="E57" s="3" t="s">
        <v>100</v>
      </c>
      <c r="F57" s="3" t="s">
        <v>120</v>
      </c>
      <c r="G57" s="3" t="s">
        <v>105</v>
      </c>
      <c r="H57" s="3">
        <v>2022</v>
      </c>
      <c r="I57" s="3" t="s">
        <v>103</v>
      </c>
      <c r="J57" s="3" t="s">
        <v>47</v>
      </c>
      <c r="K57" s="14">
        <v>45365</v>
      </c>
      <c r="L57" t="s">
        <v>45</v>
      </c>
    </row>
    <row r="58" spans="1:12" ht="16.5" customHeight="1" x14ac:dyDescent="0.3">
      <c r="A58" s="11">
        <v>2870726</v>
      </c>
      <c r="B58" s="11">
        <v>5033663</v>
      </c>
      <c r="C58" s="42" t="s">
        <v>46</v>
      </c>
      <c r="D58" s="3" t="s">
        <v>186</v>
      </c>
      <c r="E58" s="3" t="s">
        <v>100</v>
      </c>
      <c r="F58" s="3" t="s">
        <v>171</v>
      </c>
      <c r="G58" s="3" t="s">
        <v>105</v>
      </c>
      <c r="H58" s="3">
        <v>2022</v>
      </c>
      <c r="I58" s="3" t="s">
        <v>103</v>
      </c>
      <c r="J58" s="3" t="s">
        <v>47</v>
      </c>
      <c r="K58" s="14">
        <v>45365</v>
      </c>
      <c r="L58" t="s">
        <v>45</v>
      </c>
    </row>
    <row r="59" spans="1:12" ht="16.5" customHeight="1" x14ac:dyDescent="0.3">
      <c r="A59" s="11">
        <v>2877337</v>
      </c>
      <c r="B59" s="11">
        <v>5033663</v>
      </c>
      <c r="C59" s="42" t="s">
        <v>46</v>
      </c>
      <c r="D59" s="3" t="s">
        <v>187</v>
      </c>
      <c r="E59" s="3" t="s">
        <v>100</v>
      </c>
      <c r="F59" s="3" t="s">
        <v>148</v>
      </c>
      <c r="G59" s="3" t="s">
        <v>102</v>
      </c>
      <c r="H59" s="3">
        <v>2022</v>
      </c>
      <c r="I59" s="3" t="s">
        <v>103</v>
      </c>
      <c r="J59" s="3" t="s">
        <v>47</v>
      </c>
      <c r="K59" s="14">
        <v>45365</v>
      </c>
      <c r="L59" t="s">
        <v>45</v>
      </c>
    </row>
    <row r="60" spans="1:12" ht="16.5" customHeight="1" x14ac:dyDescent="0.3">
      <c r="A60" s="11">
        <v>2888483</v>
      </c>
      <c r="B60" s="11">
        <v>5033663</v>
      </c>
      <c r="C60" s="42" t="s">
        <v>46</v>
      </c>
      <c r="D60" s="3" t="s">
        <v>188</v>
      </c>
      <c r="E60" s="3" t="s">
        <v>180</v>
      </c>
      <c r="F60" s="3" t="s">
        <v>180</v>
      </c>
      <c r="G60" s="3" t="s">
        <v>102</v>
      </c>
      <c r="H60" s="3">
        <v>2022</v>
      </c>
      <c r="I60" s="3" t="s">
        <v>103</v>
      </c>
      <c r="J60" s="3" t="s">
        <v>47</v>
      </c>
      <c r="K60" s="14">
        <v>45365</v>
      </c>
      <c r="L60" t="s">
        <v>45</v>
      </c>
    </row>
    <row r="61" spans="1:12" ht="16.5" customHeight="1" x14ac:dyDescent="0.3">
      <c r="A61" s="11">
        <v>2890724</v>
      </c>
      <c r="B61" s="11">
        <v>5033663</v>
      </c>
      <c r="C61" s="42" t="s">
        <v>46</v>
      </c>
      <c r="D61" s="3" t="s">
        <v>189</v>
      </c>
      <c r="E61" s="3" t="s">
        <v>100</v>
      </c>
      <c r="F61" s="3" t="s">
        <v>113</v>
      </c>
      <c r="G61" s="3" t="s">
        <v>105</v>
      </c>
      <c r="H61" s="3">
        <v>2022</v>
      </c>
      <c r="I61" s="3" t="s">
        <v>103</v>
      </c>
      <c r="J61" s="3" t="s">
        <v>47</v>
      </c>
      <c r="K61" s="14">
        <v>45365</v>
      </c>
      <c r="L61" t="s">
        <v>45</v>
      </c>
    </row>
    <row r="62" spans="1:12" ht="16.5" customHeight="1" x14ac:dyDescent="0.3">
      <c r="A62" s="11">
        <v>2893030</v>
      </c>
      <c r="B62" s="11">
        <v>5033663</v>
      </c>
      <c r="C62" s="42" t="s">
        <v>46</v>
      </c>
      <c r="D62" s="3" t="s">
        <v>190</v>
      </c>
      <c r="E62" s="3" t="s">
        <v>100</v>
      </c>
      <c r="F62" s="3" t="s">
        <v>101</v>
      </c>
      <c r="G62" s="3" t="s">
        <v>102</v>
      </c>
      <c r="H62" s="3">
        <v>2022</v>
      </c>
      <c r="I62" s="3" t="s">
        <v>103</v>
      </c>
      <c r="J62" s="3" t="s">
        <v>47</v>
      </c>
      <c r="K62" s="14">
        <v>45365</v>
      </c>
      <c r="L62" t="s">
        <v>45</v>
      </c>
    </row>
    <row r="63" spans="1:12" ht="16.5" customHeight="1" x14ac:dyDescent="0.3">
      <c r="A63" s="11">
        <v>2899892</v>
      </c>
      <c r="B63" s="11">
        <v>5033663</v>
      </c>
      <c r="C63" s="42" t="s">
        <v>46</v>
      </c>
      <c r="D63" s="3" t="s">
        <v>191</v>
      </c>
      <c r="E63" s="3" t="s">
        <v>100</v>
      </c>
      <c r="F63" s="3" t="s">
        <v>145</v>
      </c>
      <c r="G63" s="3" t="s">
        <v>102</v>
      </c>
      <c r="H63" s="3">
        <v>2022</v>
      </c>
      <c r="I63" s="3" t="s">
        <v>103</v>
      </c>
      <c r="J63" s="3" t="s">
        <v>47</v>
      </c>
      <c r="K63" s="14">
        <v>45365</v>
      </c>
      <c r="L63" t="s">
        <v>45</v>
      </c>
    </row>
    <row r="64" spans="1:12" ht="16.5" customHeight="1" x14ac:dyDescent="0.3">
      <c r="A64" s="11">
        <v>2907888</v>
      </c>
      <c r="B64" s="11">
        <v>5033663</v>
      </c>
      <c r="C64" s="42" t="s">
        <v>46</v>
      </c>
      <c r="D64" s="3" t="s">
        <v>192</v>
      </c>
      <c r="E64" s="3" t="s">
        <v>100</v>
      </c>
      <c r="F64" s="3" t="s">
        <v>193</v>
      </c>
      <c r="G64" s="3" t="s">
        <v>105</v>
      </c>
      <c r="H64" s="3">
        <v>2022</v>
      </c>
      <c r="I64" s="3" t="s">
        <v>103</v>
      </c>
      <c r="J64" s="3" t="s">
        <v>47</v>
      </c>
      <c r="K64" s="14">
        <v>45365</v>
      </c>
      <c r="L64" t="s">
        <v>45</v>
      </c>
    </row>
    <row r="65" spans="1:12" ht="16.5" customHeight="1" x14ac:dyDescent="0.3">
      <c r="A65" s="11">
        <v>2914479</v>
      </c>
      <c r="B65" s="11">
        <v>5033663</v>
      </c>
      <c r="C65" s="42" t="s">
        <v>46</v>
      </c>
      <c r="D65" s="3" t="s">
        <v>194</v>
      </c>
      <c r="E65" s="3" t="s">
        <v>100</v>
      </c>
      <c r="F65" s="3" t="s">
        <v>127</v>
      </c>
      <c r="G65" s="3" t="s">
        <v>105</v>
      </c>
      <c r="H65" s="3">
        <v>2022</v>
      </c>
      <c r="I65" s="3" t="s">
        <v>103</v>
      </c>
      <c r="J65" s="3" t="s">
        <v>47</v>
      </c>
      <c r="K65" s="14">
        <v>45365</v>
      </c>
      <c r="L65" t="s">
        <v>45</v>
      </c>
    </row>
    <row r="66" spans="1:12" ht="16.5" customHeight="1" x14ac:dyDescent="0.3">
      <c r="A66" s="11">
        <v>2916821</v>
      </c>
      <c r="B66" s="11">
        <v>5033663</v>
      </c>
      <c r="C66" s="42" t="s">
        <v>46</v>
      </c>
      <c r="D66" s="3" t="s">
        <v>195</v>
      </c>
      <c r="E66" s="3" t="s">
        <v>100</v>
      </c>
      <c r="F66" s="3" t="s">
        <v>113</v>
      </c>
      <c r="G66" s="3" t="s">
        <v>105</v>
      </c>
      <c r="H66" s="3">
        <v>2022</v>
      </c>
      <c r="I66" s="3" t="s">
        <v>103</v>
      </c>
      <c r="J66" s="3" t="s">
        <v>47</v>
      </c>
      <c r="K66" s="14">
        <v>45365</v>
      </c>
      <c r="L66" t="s">
        <v>45</v>
      </c>
    </row>
    <row r="67" spans="1:12" ht="16.5" customHeight="1" x14ac:dyDescent="0.3">
      <c r="A67" s="11">
        <v>2917001</v>
      </c>
      <c r="B67" s="11">
        <v>5033663</v>
      </c>
      <c r="C67" s="42" t="s">
        <v>46</v>
      </c>
      <c r="D67" s="3" t="s">
        <v>196</v>
      </c>
      <c r="E67" s="3" t="s">
        <v>100</v>
      </c>
      <c r="F67" s="3" t="s">
        <v>137</v>
      </c>
      <c r="G67" s="3" t="s">
        <v>105</v>
      </c>
      <c r="H67" s="3">
        <v>2022</v>
      </c>
      <c r="I67" s="3" t="s">
        <v>103</v>
      </c>
      <c r="J67" s="3" t="s">
        <v>47</v>
      </c>
      <c r="K67" s="14">
        <v>45365</v>
      </c>
      <c r="L67" t="s">
        <v>45</v>
      </c>
    </row>
    <row r="68" spans="1:12" ht="16.5" customHeight="1" x14ac:dyDescent="0.3">
      <c r="A68" s="11">
        <v>2920073</v>
      </c>
      <c r="B68" s="11">
        <v>5033663</v>
      </c>
      <c r="C68" s="42" t="s">
        <v>46</v>
      </c>
      <c r="D68" s="3" t="s">
        <v>197</v>
      </c>
      <c r="E68" s="3" t="s">
        <v>100</v>
      </c>
      <c r="F68" s="3" t="s">
        <v>116</v>
      </c>
      <c r="G68" s="3" t="s">
        <v>116</v>
      </c>
      <c r="H68" s="3">
        <v>2022</v>
      </c>
      <c r="I68" s="3" t="s">
        <v>103</v>
      </c>
      <c r="J68" s="3" t="s">
        <v>47</v>
      </c>
      <c r="K68" s="14">
        <v>45365</v>
      </c>
      <c r="L68" t="s">
        <v>45</v>
      </c>
    </row>
    <row r="69" spans="1:12" ht="16.5" customHeight="1" x14ac:dyDescent="0.3">
      <c r="A69" s="11">
        <v>2920697</v>
      </c>
      <c r="B69" s="11">
        <v>5033663</v>
      </c>
      <c r="C69" s="42" t="s">
        <v>46</v>
      </c>
      <c r="D69" s="3" t="s">
        <v>198</v>
      </c>
      <c r="E69" s="3" t="s">
        <v>107</v>
      </c>
      <c r="F69" s="3" t="s">
        <v>199</v>
      </c>
      <c r="G69" s="3" t="s">
        <v>102</v>
      </c>
      <c r="H69" s="3">
        <v>2022</v>
      </c>
      <c r="I69" s="3" t="s">
        <v>103</v>
      </c>
      <c r="J69" s="3" t="s">
        <v>47</v>
      </c>
      <c r="K69" s="14">
        <v>45365</v>
      </c>
      <c r="L69" t="s">
        <v>45</v>
      </c>
    </row>
    <row r="70" spans="1:12" ht="16.5" customHeight="1" x14ac:dyDescent="0.3">
      <c r="A70" s="11">
        <v>2923126</v>
      </c>
      <c r="B70" s="11">
        <v>5033663</v>
      </c>
      <c r="C70" s="42" t="s">
        <v>46</v>
      </c>
      <c r="D70" s="3" t="s">
        <v>200</v>
      </c>
      <c r="E70" s="3" t="s">
        <v>100</v>
      </c>
      <c r="F70" s="3" t="s">
        <v>101</v>
      </c>
      <c r="G70" s="3" t="s">
        <v>102</v>
      </c>
      <c r="H70" s="3">
        <v>2022</v>
      </c>
      <c r="I70" s="3" t="s">
        <v>103</v>
      </c>
      <c r="J70" s="3" t="s">
        <v>47</v>
      </c>
      <c r="K70" s="14">
        <v>45365</v>
      </c>
      <c r="L70" t="s">
        <v>45</v>
      </c>
    </row>
    <row r="71" spans="1:12" ht="16.5" customHeight="1" x14ac:dyDescent="0.3">
      <c r="A71" s="11">
        <v>2929215</v>
      </c>
      <c r="B71" s="11">
        <v>5033663</v>
      </c>
      <c r="C71" s="42" t="s">
        <v>46</v>
      </c>
      <c r="D71" s="3" t="s">
        <v>201</v>
      </c>
      <c r="E71" s="3" t="s">
        <v>100</v>
      </c>
      <c r="F71" s="3" t="s">
        <v>120</v>
      </c>
      <c r="G71" s="3" t="s">
        <v>105</v>
      </c>
      <c r="H71" s="3">
        <v>2022</v>
      </c>
      <c r="I71" s="3" t="s">
        <v>103</v>
      </c>
      <c r="J71" s="3" t="s">
        <v>47</v>
      </c>
      <c r="K71" s="14">
        <v>45365</v>
      </c>
      <c r="L71" t="s">
        <v>45</v>
      </c>
    </row>
    <row r="72" spans="1:12" ht="16.5" customHeight="1" x14ac:dyDescent="0.3">
      <c r="A72" s="11">
        <v>2956576</v>
      </c>
      <c r="B72" s="11">
        <v>5033663</v>
      </c>
      <c r="C72" s="42" t="s">
        <v>46</v>
      </c>
      <c r="D72" s="3" t="s">
        <v>202</v>
      </c>
      <c r="E72" s="3" t="s">
        <v>100</v>
      </c>
      <c r="F72" s="3" t="s">
        <v>148</v>
      </c>
      <c r="G72" s="3" t="s">
        <v>105</v>
      </c>
      <c r="H72" s="3">
        <v>2022</v>
      </c>
      <c r="I72" s="3" t="s">
        <v>103</v>
      </c>
      <c r="J72" s="3" t="s">
        <v>47</v>
      </c>
      <c r="K72" s="14">
        <v>45365</v>
      </c>
      <c r="L72" t="s">
        <v>45</v>
      </c>
    </row>
    <row r="73" spans="1:12" ht="16.5" customHeight="1" x14ac:dyDescent="0.3">
      <c r="A73" s="11">
        <v>2936186</v>
      </c>
      <c r="B73" s="11">
        <v>4538581</v>
      </c>
      <c r="C73" s="42" t="s">
        <v>203</v>
      </c>
      <c r="D73" s="3" t="s">
        <v>204</v>
      </c>
      <c r="E73" s="3" t="s">
        <v>100</v>
      </c>
      <c r="F73" s="3" t="s">
        <v>110</v>
      </c>
      <c r="G73" s="3" t="s">
        <v>105</v>
      </c>
      <c r="H73" s="3">
        <v>2022</v>
      </c>
      <c r="I73" s="3" t="s">
        <v>103</v>
      </c>
      <c r="J73" s="3" t="s">
        <v>47</v>
      </c>
      <c r="K73" s="14">
        <v>45365</v>
      </c>
      <c r="L73" t="s">
        <v>45</v>
      </c>
    </row>
    <row r="74" spans="1:12" ht="16.5" customHeight="1" x14ac:dyDescent="0.3">
      <c r="A74" s="11">
        <v>2936204</v>
      </c>
      <c r="B74" s="11">
        <v>4538581</v>
      </c>
      <c r="C74" s="42" t="s">
        <v>203</v>
      </c>
      <c r="D74" s="3" t="s">
        <v>204</v>
      </c>
      <c r="E74" s="3" t="s">
        <v>100</v>
      </c>
      <c r="F74" s="3" t="s">
        <v>110</v>
      </c>
      <c r="G74" s="3" t="s">
        <v>105</v>
      </c>
      <c r="H74" s="3">
        <v>2022</v>
      </c>
      <c r="I74" s="3" t="s">
        <v>103</v>
      </c>
      <c r="J74" s="3" t="s">
        <v>47</v>
      </c>
      <c r="K74" s="14">
        <v>45365</v>
      </c>
      <c r="L74" t="s">
        <v>45</v>
      </c>
    </row>
    <row r="75" spans="1:12" ht="16.5" customHeight="1" x14ac:dyDescent="0.3">
      <c r="A75" s="11">
        <v>2937200</v>
      </c>
      <c r="B75" s="11">
        <v>5033663</v>
      </c>
      <c r="C75" s="42" t="s">
        <v>46</v>
      </c>
      <c r="D75" s="3" t="s">
        <v>205</v>
      </c>
      <c r="E75" s="3" t="s">
        <v>100</v>
      </c>
      <c r="F75" s="3" t="s">
        <v>171</v>
      </c>
      <c r="G75" s="3" t="s">
        <v>105</v>
      </c>
      <c r="H75" s="3">
        <v>2022</v>
      </c>
      <c r="I75" s="3" t="s">
        <v>103</v>
      </c>
      <c r="J75" s="3" t="s">
        <v>47</v>
      </c>
      <c r="K75" s="14">
        <v>45365</v>
      </c>
      <c r="L75" t="s">
        <v>45</v>
      </c>
    </row>
    <row r="76" spans="1:12" ht="16.5" customHeight="1" x14ac:dyDescent="0.3">
      <c r="A76" s="11">
        <v>2937584</v>
      </c>
      <c r="B76" s="11">
        <v>5033663</v>
      </c>
      <c r="C76" s="42" t="s">
        <v>46</v>
      </c>
      <c r="D76" s="3" t="s">
        <v>206</v>
      </c>
      <c r="E76" s="3" t="s">
        <v>100</v>
      </c>
      <c r="F76" s="3" t="s">
        <v>101</v>
      </c>
      <c r="G76" s="3" t="s">
        <v>105</v>
      </c>
      <c r="H76" s="3">
        <v>2022</v>
      </c>
      <c r="I76" s="3" t="s">
        <v>103</v>
      </c>
      <c r="J76" s="3" t="s">
        <v>47</v>
      </c>
      <c r="K76" s="14">
        <v>45365</v>
      </c>
      <c r="L76" t="s">
        <v>45</v>
      </c>
    </row>
    <row r="77" spans="1:12" ht="16.5" customHeight="1" x14ac:dyDescent="0.3">
      <c r="A77" s="11">
        <v>2938811</v>
      </c>
      <c r="B77" s="11">
        <v>4538581</v>
      </c>
      <c r="C77" s="42" t="s">
        <v>203</v>
      </c>
      <c r="D77" s="3" t="s">
        <v>204</v>
      </c>
      <c r="E77" s="3" t="s">
        <v>100</v>
      </c>
      <c r="F77" s="3" t="s">
        <v>110</v>
      </c>
      <c r="G77" s="3" t="s">
        <v>105</v>
      </c>
      <c r="H77" s="3">
        <v>2022</v>
      </c>
      <c r="I77" s="3" t="s">
        <v>103</v>
      </c>
      <c r="J77" s="3" t="s">
        <v>47</v>
      </c>
      <c r="K77" s="14">
        <v>45365</v>
      </c>
      <c r="L77" t="s">
        <v>45</v>
      </c>
    </row>
    <row r="78" spans="1:12" ht="16.5" customHeight="1" x14ac:dyDescent="0.3">
      <c r="A78" s="11">
        <v>2941532</v>
      </c>
      <c r="B78" s="11">
        <v>4538581</v>
      </c>
      <c r="C78" s="42" t="s">
        <v>203</v>
      </c>
      <c r="D78" s="3" t="s">
        <v>204</v>
      </c>
      <c r="E78" s="3" t="s">
        <v>100</v>
      </c>
      <c r="F78" s="3" t="s">
        <v>110</v>
      </c>
      <c r="G78" s="3" t="s">
        <v>105</v>
      </c>
      <c r="H78" s="3">
        <v>2022</v>
      </c>
      <c r="I78" s="3" t="s">
        <v>103</v>
      </c>
      <c r="J78" s="3" t="s">
        <v>47</v>
      </c>
      <c r="K78" s="14">
        <v>45365</v>
      </c>
      <c r="L78" t="s">
        <v>45</v>
      </c>
    </row>
    <row r="79" spans="1:12" ht="16.5" customHeight="1" x14ac:dyDescent="0.3">
      <c r="A79" s="11">
        <v>2956541</v>
      </c>
      <c r="B79" s="11">
        <v>5033663</v>
      </c>
      <c r="C79" s="42" t="s">
        <v>46</v>
      </c>
      <c r="D79" s="3" t="s">
        <v>207</v>
      </c>
      <c r="E79" s="3" t="s">
        <v>100</v>
      </c>
      <c r="F79" s="3" t="s">
        <v>145</v>
      </c>
      <c r="G79" s="3" t="s">
        <v>105</v>
      </c>
      <c r="H79" s="3">
        <v>2022</v>
      </c>
      <c r="I79" s="3" t="s">
        <v>103</v>
      </c>
      <c r="J79" s="3" t="s">
        <v>47</v>
      </c>
      <c r="K79" s="14">
        <v>45365</v>
      </c>
      <c r="L79" t="s">
        <v>45</v>
      </c>
    </row>
    <row r="80" spans="1:12" ht="16.5" customHeight="1" x14ac:dyDescent="0.3">
      <c r="A80" s="11">
        <v>2958874</v>
      </c>
      <c r="B80" s="11">
        <v>5033663</v>
      </c>
      <c r="C80" s="42" t="s">
        <v>46</v>
      </c>
      <c r="D80" s="3" t="s">
        <v>208</v>
      </c>
      <c r="E80" s="3" t="s">
        <v>100</v>
      </c>
      <c r="F80" s="3" t="s">
        <v>116</v>
      </c>
      <c r="G80" s="3" t="s">
        <v>116</v>
      </c>
      <c r="H80" s="3">
        <v>2022</v>
      </c>
      <c r="I80" s="3" t="s">
        <v>103</v>
      </c>
      <c r="J80" s="3" t="s">
        <v>47</v>
      </c>
      <c r="K80" s="14">
        <v>45365</v>
      </c>
      <c r="L80" t="s">
        <v>45</v>
      </c>
    </row>
    <row r="81" spans="1:12" ht="16.5" customHeight="1" x14ac:dyDescent="0.3">
      <c r="A81" s="11">
        <v>2961007</v>
      </c>
      <c r="B81" s="11">
        <v>5033663</v>
      </c>
      <c r="C81" s="42" t="s">
        <v>46</v>
      </c>
      <c r="D81" s="3" t="s">
        <v>209</v>
      </c>
      <c r="E81" s="3" t="s">
        <v>100</v>
      </c>
      <c r="F81" s="3" t="s">
        <v>110</v>
      </c>
      <c r="G81" s="3" t="s">
        <v>102</v>
      </c>
      <c r="H81" s="3">
        <v>2022</v>
      </c>
      <c r="I81" s="3" t="s">
        <v>103</v>
      </c>
      <c r="J81" s="3" t="s">
        <v>47</v>
      </c>
      <c r="K81" s="14">
        <v>45365</v>
      </c>
      <c r="L81" t="s">
        <v>45</v>
      </c>
    </row>
    <row r="82" spans="1:12" ht="16.5" customHeight="1" x14ac:dyDescent="0.3">
      <c r="A82" s="11">
        <v>2969541</v>
      </c>
      <c r="B82" s="11">
        <v>5033663</v>
      </c>
      <c r="C82" s="42" t="s">
        <v>46</v>
      </c>
      <c r="D82" s="3" t="s">
        <v>210</v>
      </c>
      <c r="E82" s="3" t="s">
        <v>211</v>
      </c>
      <c r="F82" s="3" t="s">
        <v>116</v>
      </c>
      <c r="G82" s="3" t="s">
        <v>116</v>
      </c>
      <c r="H82" s="3">
        <v>2022</v>
      </c>
      <c r="I82" s="3" t="s">
        <v>103</v>
      </c>
      <c r="J82" s="3" t="s">
        <v>47</v>
      </c>
      <c r="K82" s="14">
        <v>45365</v>
      </c>
      <c r="L82" t="s">
        <v>45</v>
      </c>
    </row>
    <row r="83" spans="1:12" ht="16.5" customHeight="1" x14ac:dyDescent="0.3">
      <c r="A83" s="11">
        <v>1982808</v>
      </c>
      <c r="B83" s="11">
        <v>5032679</v>
      </c>
      <c r="C83" s="42" t="s">
        <v>49</v>
      </c>
      <c r="D83" t="s">
        <v>212</v>
      </c>
      <c r="E83" s="3" t="s">
        <v>100</v>
      </c>
      <c r="F83" s="3" t="s">
        <v>120</v>
      </c>
      <c r="G83" s="3" t="s">
        <v>102</v>
      </c>
      <c r="H83" s="3">
        <v>2022</v>
      </c>
      <c r="I83" s="3" t="s">
        <v>103</v>
      </c>
      <c r="J83" s="3" t="s">
        <v>50</v>
      </c>
      <c r="K83" s="14">
        <v>45302</v>
      </c>
      <c r="L83" s="3" t="s">
        <v>48</v>
      </c>
    </row>
    <row r="84" spans="1:12" ht="16.5" customHeight="1" x14ac:dyDescent="0.3">
      <c r="A84" s="11">
        <v>2702535</v>
      </c>
      <c r="B84" s="11">
        <v>5032679</v>
      </c>
      <c r="C84" s="42" t="s">
        <v>49</v>
      </c>
      <c r="D84" t="s">
        <v>213</v>
      </c>
      <c r="E84" s="3" t="s">
        <v>100</v>
      </c>
      <c r="F84" s="3" t="s">
        <v>214</v>
      </c>
      <c r="G84" s="3" t="s">
        <v>102</v>
      </c>
      <c r="H84" s="3">
        <v>2022</v>
      </c>
      <c r="I84" s="3" t="s">
        <v>103</v>
      </c>
      <c r="J84" s="3" t="s">
        <v>50</v>
      </c>
      <c r="K84" s="14">
        <v>45302</v>
      </c>
      <c r="L84" s="3" t="s">
        <v>48</v>
      </c>
    </row>
    <row r="85" spans="1:12" ht="16.5" customHeight="1" x14ac:dyDescent="0.3">
      <c r="A85" s="11">
        <v>2710571</v>
      </c>
      <c r="B85" s="11">
        <v>5032679</v>
      </c>
      <c r="C85" s="42" t="s">
        <v>49</v>
      </c>
      <c r="D85" t="s">
        <v>215</v>
      </c>
      <c r="E85" s="3" t="s">
        <v>100</v>
      </c>
      <c r="F85" s="3" t="s">
        <v>101</v>
      </c>
      <c r="G85" s="3" t="s">
        <v>105</v>
      </c>
      <c r="H85" s="3">
        <v>2022</v>
      </c>
      <c r="I85" s="3" t="s">
        <v>103</v>
      </c>
      <c r="J85" s="3" t="s">
        <v>50</v>
      </c>
      <c r="K85" s="14">
        <v>45302</v>
      </c>
      <c r="L85" s="3" t="s">
        <v>48</v>
      </c>
    </row>
    <row r="86" spans="1:12" ht="16.5" customHeight="1" x14ac:dyDescent="0.3">
      <c r="A86" s="11">
        <v>2724957</v>
      </c>
      <c r="B86" s="11">
        <v>5032679</v>
      </c>
      <c r="C86" s="42" t="s">
        <v>49</v>
      </c>
      <c r="D86" t="s">
        <v>216</v>
      </c>
      <c r="E86" s="3" t="s">
        <v>217</v>
      </c>
      <c r="F86" s="3" t="s">
        <v>218</v>
      </c>
      <c r="G86" s="3" t="s">
        <v>102</v>
      </c>
      <c r="H86" s="3">
        <v>2022</v>
      </c>
      <c r="I86" s="3" t="s">
        <v>103</v>
      </c>
      <c r="J86" s="3" t="s">
        <v>50</v>
      </c>
      <c r="K86" s="14">
        <v>45302</v>
      </c>
      <c r="L86" s="3" t="s">
        <v>48</v>
      </c>
    </row>
    <row r="87" spans="1:12" ht="16.5" customHeight="1" x14ac:dyDescent="0.3">
      <c r="A87" s="11">
        <v>2744933</v>
      </c>
      <c r="B87" s="11">
        <v>5032679</v>
      </c>
      <c r="C87" s="42" t="s">
        <v>49</v>
      </c>
      <c r="D87" t="s">
        <v>219</v>
      </c>
      <c r="E87" s="3" t="s">
        <v>100</v>
      </c>
      <c r="F87" s="3" t="s">
        <v>145</v>
      </c>
      <c r="G87" s="3" t="s">
        <v>105</v>
      </c>
      <c r="H87" s="3">
        <v>2022</v>
      </c>
      <c r="I87" s="3" t="s">
        <v>103</v>
      </c>
      <c r="J87" s="3" t="s">
        <v>50</v>
      </c>
      <c r="K87" s="14">
        <v>45302</v>
      </c>
      <c r="L87" s="3" t="s">
        <v>48</v>
      </c>
    </row>
    <row r="88" spans="1:12" ht="16.5" customHeight="1" x14ac:dyDescent="0.3">
      <c r="A88" s="11">
        <v>2765109</v>
      </c>
      <c r="B88" s="11">
        <v>5032679</v>
      </c>
      <c r="C88" s="42" t="s">
        <v>49</v>
      </c>
      <c r="D88" t="s">
        <v>220</v>
      </c>
      <c r="E88" s="3" t="s">
        <v>100</v>
      </c>
      <c r="F88" s="3" t="s">
        <v>171</v>
      </c>
      <c r="G88" s="3" t="s">
        <v>105</v>
      </c>
      <c r="H88" s="3">
        <v>2022</v>
      </c>
      <c r="I88" s="3" t="s">
        <v>103</v>
      </c>
      <c r="J88" s="3" t="s">
        <v>50</v>
      </c>
      <c r="K88" s="14">
        <v>45302</v>
      </c>
      <c r="L88" s="3" t="s">
        <v>48</v>
      </c>
    </row>
    <row r="89" spans="1:12" ht="16.5" customHeight="1" x14ac:dyDescent="0.3">
      <c r="A89" s="11">
        <v>2766490</v>
      </c>
      <c r="B89" s="11">
        <v>5032679</v>
      </c>
      <c r="C89" s="42" t="s">
        <v>49</v>
      </c>
      <c r="D89" t="s">
        <v>221</v>
      </c>
      <c r="E89" s="3" t="s">
        <v>100</v>
      </c>
      <c r="F89" s="3" t="s">
        <v>127</v>
      </c>
      <c r="G89" s="3" t="s">
        <v>105</v>
      </c>
      <c r="H89" s="3">
        <v>2022</v>
      </c>
      <c r="I89" s="3" t="s">
        <v>103</v>
      </c>
      <c r="J89" s="3" t="s">
        <v>50</v>
      </c>
      <c r="K89" s="14">
        <v>45302</v>
      </c>
      <c r="L89" s="3" t="s">
        <v>48</v>
      </c>
    </row>
    <row r="90" spans="1:12" ht="16.5" customHeight="1" x14ac:dyDescent="0.3">
      <c r="A90" s="11">
        <v>2766491</v>
      </c>
      <c r="B90" s="11">
        <v>5032679</v>
      </c>
      <c r="C90" s="42" t="s">
        <v>49</v>
      </c>
      <c r="D90" t="s">
        <v>222</v>
      </c>
      <c r="E90" s="3" t="s">
        <v>100</v>
      </c>
      <c r="F90" s="3" t="s">
        <v>101</v>
      </c>
      <c r="G90" s="3" t="s">
        <v>105</v>
      </c>
      <c r="H90" s="3">
        <v>2022</v>
      </c>
      <c r="I90" s="3" t="s">
        <v>103</v>
      </c>
      <c r="J90" s="3" t="s">
        <v>50</v>
      </c>
      <c r="K90" s="14">
        <v>45302</v>
      </c>
      <c r="L90" s="3" t="s">
        <v>48</v>
      </c>
    </row>
    <row r="91" spans="1:12" ht="16.5" customHeight="1" x14ac:dyDescent="0.3">
      <c r="A91" s="11">
        <v>2767578</v>
      </c>
      <c r="B91" s="11">
        <v>5032679</v>
      </c>
      <c r="C91" s="42" t="s">
        <v>49</v>
      </c>
      <c r="D91" t="s">
        <v>223</v>
      </c>
      <c r="E91" s="3" t="s">
        <v>178</v>
      </c>
      <c r="F91" s="3" t="s">
        <v>178</v>
      </c>
      <c r="G91" s="3" t="s">
        <v>102</v>
      </c>
      <c r="H91" s="3">
        <v>2022</v>
      </c>
      <c r="I91" s="3" t="s">
        <v>103</v>
      </c>
      <c r="J91" s="3" t="s">
        <v>50</v>
      </c>
      <c r="K91" s="14">
        <v>45302</v>
      </c>
      <c r="L91" s="3" t="s">
        <v>48</v>
      </c>
    </row>
    <row r="92" spans="1:12" ht="16.5" customHeight="1" x14ac:dyDescent="0.3">
      <c r="A92" s="11">
        <v>2770546</v>
      </c>
      <c r="B92" s="11">
        <v>5032679</v>
      </c>
      <c r="C92" s="42" t="s">
        <v>49</v>
      </c>
      <c r="D92" t="s">
        <v>224</v>
      </c>
      <c r="E92" s="3" t="s">
        <v>100</v>
      </c>
      <c r="F92" s="3" t="s">
        <v>127</v>
      </c>
      <c r="G92" s="3" t="s">
        <v>105</v>
      </c>
      <c r="H92" s="3">
        <v>2022</v>
      </c>
      <c r="I92" s="3" t="s">
        <v>103</v>
      </c>
      <c r="J92" s="3" t="s">
        <v>50</v>
      </c>
      <c r="K92" s="14">
        <v>45302</v>
      </c>
      <c r="L92" s="3" t="s">
        <v>48</v>
      </c>
    </row>
    <row r="93" spans="1:12" ht="16.5" customHeight="1" x14ac:dyDescent="0.3">
      <c r="A93" s="11">
        <v>2773751</v>
      </c>
      <c r="B93" s="11">
        <v>5032679</v>
      </c>
      <c r="C93" s="42" t="s">
        <v>49</v>
      </c>
      <c r="D93" t="s">
        <v>225</v>
      </c>
      <c r="E93" s="3" t="s">
        <v>178</v>
      </c>
      <c r="F93" s="3" t="s">
        <v>178</v>
      </c>
      <c r="G93" s="3" t="s">
        <v>102</v>
      </c>
      <c r="H93" s="3">
        <v>2022</v>
      </c>
      <c r="I93" s="3" t="s">
        <v>103</v>
      </c>
      <c r="J93" s="3" t="s">
        <v>50</v>
      </c>
      <c r="K93" s="14">
        <v>45302</v>
      </c>
      <c r="L93" s="3" t="s">
        <v>48</v>
      </c>
    </row>
    <row r="94" spans="1:12" ht="16.5" customHeight="1" x14ac:dyDescent="0.3">
      <c r="A94" s="11">
        <v>2782283</v>
      </c>
      <c r="B94" s="11">
        <v>5032679</v>
      </c>
      <c r="C94" s="42" t="s">
        <v>49</v>
      </c>
      <c r="D94" t="s">
        <v>226</v>
      </c>
      <c r="E94" s="3" t="s">
        <v>100</v>
      </c>
      <c r="F94" s="3" t="s">
        <v>148</v>
      </c>
      <c r="G94" s="3" t="s">
        <v>105</v>
      </c>
      <c r="H94" s="3">
        <v>2022</v>
      </c>
      <c r="I94" s="3" t="s">
        <v>103</v>
      </c>
      <c r="J94" s="3" t="s">
        <v>50</v>
      </c>
      <c r="K94" s="14">
        <v>45302</v>
      </c>
      <c r="L94" s="3" t="s">
        <v>48</v>
      </c>
    </row>
    <row r="95" spans="1:12" ht="16.5" customHeight="1" x14ac:dyDescent="0.3">
      <c r="A95" s="11">
        <v>2782340</v>
      </c>
      <c r="B95" s="11">
        <v>5032679</v>
      </c>
      <c r="C95" s="42" t="s">
        <v>49</v>
      </c>
      <c r="D95" t="s">
        <v>227</v>
      </c>
      <c r="E95" s="3" t="s">
        <v>100</v>
      </c>
      <c r="F95" s="3" t="s">
        <v>145</v>
      </c>
      <c r="G95" s="3" t="s">
        <v>105</v>
      </c>
      <c r="H95" s="3">
        <v>2022</v>
      </c>
      <c r="I95" s="3" t="s">
        <v>103</v>
      </c>
      <c r="J95" s="3" t="s">
        <v>50</v>
      </c>
      <c r="K95" s="14">
        <v>45302</v>
      </c>
      <c r="L95" s="3" t="s">
        <v>48</v>
      </c>
    </row>
    <row r="96" spans="1:12" ht="16.5" customHeight="1" x14ac:dyDescent="0.3">
      <c r="A96" s="11">
        <v>2787964</v>
      </c>
      <c r="B96" s="11">
        <v>5032679</v>
      </c>
      <c r="C96" s="42" t="s">
        <v>49</v>
      </c>
      <c r="D96" t="s">
        <v>228</v>
      </c>
      <c r="E96" s="3" t="s">
        <v>100</v>
      </c>
      <c r="F96" s="3" t="s">
        <v>127</v>
      </c>
      <c r="G96" s="3" t="s">
        <v>105</v>
      </c>
      <c r="H96" s="3">
        <v>2022</v>
      </c>
      <c r="I96" s="3" t="s">
        <v>103</v>
      </c>
      <c r="J96" s="3" t="s">
        <v>50</v>
      </c>
      <c r="K96" s="14">
        <v>45302</v>
      </c>
      <c r="L96" s="3" t="s">
        <v>48</v>
      </c>
    </row>
    <row r="97" spans="1:12" ht="16.5" customHeight="1" x14ac:dyDescent="0.3">
      <c r="A97" s="11">
        <v>2789527</v>
      </c>
      <c r="B97" s="11">
        <v>5032679</v>
      </c>
      <c r="C97" s="42" t="s">
        <v>49</v>
      </c>
      <c r="D97" t="s">
        <v>229</v>
      </c>
      <c r="E97" s="3" t="s">
        <v>100</v>
      </c>
      <c r="F97" s="3" t="s">
        <v>137</v>
      </c>
      <c r="G97" s="3" t="s">
        <v>105</v>
      </c>
      <c r="H97" s="3">
        <v>2022</v>
      </c>
      <c r="I97" s="3" t="s">
        <v>103</v>
      </c>
      <c r="J97" s="3" t="s">
        <v>50</v>
      </c>
      <c r="K97" s="14">
        <v>45302</v>
      </c>
      <c r="L97" s="3" t="s">
        <v>48</v>
      </c>
    </row>
    <row r="98" spans="1:12" ht="16.5" customHeight="1" x14ac:dyDescent="0.3">
      <c r="A98" s="11">
        <v>2807414</v>
      </c>
      <c r="B98" s="11">
        <v>5032679</v>
      </c>
      <c r="C98" s="42" t="s">
        <v>49</v>
      </c>
      <c r="D98" t="s">
        <v>230</v>
      </c>
      <c r="E98" s="3" t="s">
        <v>211</v>
      </c>
      <c r="F98" s="3" t="s">
        <v>211</v>
      </c>
      <c r="G98" s="3" t="s">
        <v>105</v>
      </c>
      <c r="H98" s="3">
        <v>2022</v>
      </c>
      <c r="I98" s="3" t="s">
        <v>103</v>
      </c>
      <c r="J98" s="3" t="s">
        <v>50</v>
      </c>
      <c r="K98" s="14">
        <v>45302</v>
      </c>
      <c r="L98" s="3" t="s">
        <v>48</v>
      </c>
    </row>
    <row r="99" spans="1:12" ht="16.5" customHeight="1" x14ac:dyDescent="0.3">
      <c r="A99" s="11">
        <v>2606378</v>
      </c>
      <c r="B99" s="11">
        <v>5031778</v>
      </c>
      <c r="C99" s="42" t="s">
        <v>55</v>
      </c>
      <c r="D99" s="3" t="s">
        <v>231</v>
      </c>
      <c r="E99" s="3" t="s">
        <v>100</v>
      </c>
      <c r="F99" s="3" t="s">
        <v>153</v>
      </c>
      <c r="G99" s="3" t="s">
        <v>105</v>
      </c>
      <c r="H99" s="3">
        <v>2022</v>
      </c>
      <c r="I99" s="3" t="s">
        <v>103</v>
      </c>
      <c r="J99" s="3" t="s">
        <v>56</v>
      </c>
      <c r="K99" s="14">
        <v>45246</v>
      </c>
      <c r="L99" s="3" t="s">
        <v>54</v>
      </c>
    </row>
    <row r="100" spans="1:12" ht="16.5" customHeight="1" x14ac:dyDescent="0.3">
      <c r="A100" s="11">
        <v>2645943</v>
      </c>
      <c r="B100" s="11">
        <v>5031778</v>
      </c>
      <c r="C100" s="42" t="s">
        <v>55</v>
      </c>
      <c r="D100" s="3" t="s">
        <v>232</v>
      </c>
      <c r="E100" s="3" t="s">
        <v>100</v>
      </c>
      <c r="F100" s="3" t="s">
        <v>233</v>
      </c>
      <c r="G100" s="3" t="s">
        <v>105</v>
      </c>
      <c r="H100" s="3">
        <v>2022</v>
      </c>
      <c r="I100" s="3" t="s">
        <v>103</v>
      </c>
      <c r="J100" s="3" t="s">
        <v>56</v>
      </c>
      <c r="K100" s="14">
        <v>45246</v>
      </c>
      <c r="L100" s="3" t="s">
        <v>54</v>
      </c>
    </row>
    <row r="101" spans="1:12" ht="16.5" customHeight="1" x14ac:dyDescent="0.3">
      <c r="A101" s="11">
        <v>2695485</v>
      </c>
      <c r="B101" s="11">
        <v>5031778</v>
      </c>
      <c r="C101" s="42" t="s">
        <v>55</v>
      </c>
      <c r="D101" s="3" t="s">
        <v>234</v>
      </c>
      <c r="E101" s="3" t="s">
        <v>100</v>
      </c>
      <c r="F101" s="3" t="s">
        <v>100</v>
      </c>
      <c r="G101" s="3" t="s">
        <v>105</v>
      </c>
      <c r="H101" s="3">
        <v>2022</v>
      </c>
      <c r="I101" s="3" t="s">
        <v>103</v>
      </c>
      <c r="J101" s="3" t="s">
        <v>56</v>
      </c>
      <c r="K101" s="14">
        <v>45246</v>
      </c>
      <c r="L101" s="3" t="s">
        <v>54</v>
      </c>
    </row>
    <row r="102" spans="1:12" ht="16.5" customHeight="1" x14ac:dyDescent="0.3">
      <c r="A102" s="11">
        <v>2698036</v>
      </c>
      <c r="B102" s="11">
        <v>5031778</v>
      </c>
      <c r="C102" s="42" t="s">
        <v>55</v>
      </c>
      <c r="D102" s="3" t="s">
        <v>235</v>
      </c>
      <c r="E102" s="3" t="s">
        <v>100</v>
      </c>
      <c r="F102" s="3" t="s">
        <v>120</v>
      </c>
      <c r="G102" s="3" t="s">
        <v>102</v>
      </c>
      <c r="H102" s="3">
        <v>2022</v>
      </c>
      <c r="I102" s="3" t="s">
        <v>103</v>
      </c>
      <c r="J102" s="3" t="s">
        <v>56</v>
      </c>
      <c r="K102" s="14">
        <v>45246</v>
      </c>
      <c r="L102" s="3" t="s">
        <v>54</v>
      </c>
    </row>
    <row r="103" spans="1:12" ht="16.5" customHeight="1" x14ac:dyDescent="0.3">
      <c r="A103" s="11">
        <v>2712771</v>
      </c>
      <c r="B103" s="11">
        <v>5031778</v>
      </c>
      <c r="C103" s="42" t="s">
        <v>55</v>
      </c>
      <c r="D103" s="3" t="s">
        <v>236</v>
      </c>
      <c r="E103" s="3" t="s">
        <v>100</v>
      </c>
      <c r="F103" s="3" t="s">
        <v>171</v>
      </c>
      <c r="G103" s="3" t="s">
        <v>105</v>
      </c>
      <c r="H103" s="3">
        <v>2022</v>
      </c>
      <c r="I103" s="3" t="s">
        <v>103</v>
      </c>
      <c r="J103" s="3" t="s">
        <v>56</v>
      </c>
      <c r="K103" s="14">
        <v>45246</v>
      </c>
      <c r="L103" s="3" t="s">
        <v>54</v>
      </c>
    </row>
    <row r="104" spans="1:12" ht="16.5" customHeight="1" x14ac:dyDescent="0.3">
      <c r="A104" s="11">
        <v>2714261</v>
      </c>
      <c r="B104" s="11">
        <v>5031778</v>
      </c>
      <c r="C104" s="42" t="s">
        <v>55</v>
      </c>
      <c r="D104" s="3" t="s">
        <v>237</v>
      </c>
      <c r="E104" s="3" t="s">
        <v>100</v>
      </c>
      <c r="F104" s="3" t="s">
        <v>101</v>
      </c>
      <c r="G104" s="3" t="s">
        <v>105</v>
      </c>
      <c r="H104" s="3">
        <v>2022</v>
      </c>
      <c r="I104" s="3" t="s">
        <v>103</v>
      </c>
      <c r="J104" s="3" t="s">
        <v>56</v>
      </c>
      <c r="K104" s="14">
        <v>45246</v>
      </c>
      <c r="L104" s="3" t="s">
        <v>54</v>
      </c>
    </row>
    <row r="105" spans="1:12" ht="16.5" customHeight="1" x14ac:dyDescent="0.3">
      <c r="A105" s="11">
        <v>2726328</v>
      </c>
      <c r="B105" s="11">
        <v>5031778</v>
      </c>
      <c r="C105" s="42" t="s">
        <v>55</v>
      </c>
      <c r="D105" s="3" t="s">
        <v>238</v>
      </c>
      <c r="E105" s="3" t="s">
        <v>100</v>
      </c>
      <c r="F105" s="3" t="s">
        <v>159</v>
      </c>
      <c r="G105" s="3" t="s">
        <v>105</v>
      </c>
      <c r="H105" s="3">
        <v>2022</v>
      </c>
      <c r="I105" s="3" t="s">
        <v>103</v>
      </c>
      <c r="J105" s="3" t="s">
        <v>56</v>
      </c>
      <c r="K105" s="14">
        <v>45246</v>
      </c>
      <c r="L105" s="3" t="s">
        <v>54</v>
      </c>
    </row>
    <row r="106" spans="1:12" ht="16.5" customHeight="1" x14ac:dyDescent="0.3">
      <c r="A106" s="11">
        <v>2732520</v>
      </c>
      <c r="B106" s="11">
        <v>5031778</v>
      </c>
      <c r="C106" s="42" t="s">
        <v>55</v>
      </c>
      <c r="D106" s="3" t="s">
        <v>239</v>
      </c>
      <c r="E106" s="3" t="s">
        <v>100</v>
      </c>
      <c r="F106" s="3" t="s">
        <v>163</v>
      </c>
      <c r="G106" s="3" t="s">
        <v>105</v>
      </c>
      <c r="H106" s="3">
        <v>2022</v>
      </c>
      <c r="I106" s="3" t="s">
        <v>103</v>
      </c>
      <c r="J106" s="3" t="s">
        <v>56</v>
      </c>
      <c r="K106" s="14">
        <v>45246</v>
      </c>
      <c r="L106" s="3" t="s">
        <v>54</v>
      </c>
    </row>
    <row r="107" spans="1:12" ht="16.5" customHeight="1" x14ac:dyDescent="0.3">
      <c r="A107" s="11">
        <v>2751378</v>
      </c>
      <c r="B107" s="11">
        <v>5031778</v>
      </c>
      <c r="C107" s="42" t="s">
        <v>55</v>
      </c>
      <c r="D107" s="3" t="s">
        <v>240</v>
      </c>
      <c r="E107" s="3" t="s">
        <v>100</v>
      </c>
      <c r="F107" s="3" t="s">
        <v>214</v>
      </c>
      <c r="G107" s="3" t="s">
        <v>105</v>
      </c>
      <c r="H107" s="3">
        <v>2022</v>
      </c>
      <c r="I107" s="3" t="s">
        <v>103</v>
      </c>
      <c r="J107" s="3" t="s">
        <v>56</v>
      </c>
      <c r="K107" s="14">
        <v>45246</v>
      </c>
      <c r="L107" s="3" t="s">
        <v>54</v>
      </c>
    </row>
    <row r="108" spans="1:12" ht="16.5" customHeight="1" x14ac:dyDescent="0.3">
      <c r="A108" s="11">
        <v>2450865</v>
      </c>
      <c r="B108" s="11">
        <v>5030731</v>
      </c>
      <c r="C108" s="42" t="s">
        <v>58</v>
      </c>
      <c r="D108" s="3" t="s">
        <v>241</v>
      </c>
      <c r="E108" s="3" t="s">
        <v>100</v>
      </c>
      <c r="F108" s="3" t="s">
        <v>123</v>
      </c>
      <c r="G108" s="3" t="s">
        <v>105</v>
      </c>
      <c r="H108" s="3">
        <v>2022</v>
      </c>
      <c r="I108" s="3" t="s">
        <v>103</v>
      </c>
      <c r="J108" s="3" t="s">
        <v>59</v>
      </c>
      <c r="K108" s="14">
        <v>45211</v>
      </c>
      <c r="L108" t="s">
        <v>57</v>
      </c>
    </row>
    <row r="109" spans="1:12" ht="16.5" customHeight="1" x14ac:dyDescent="0.3">
      <c r="A109" s="11">
        <v>2499342</v>
      </c>
      <c r="B109" s="11">
        <v>5030731</v>
      </c>
      <c r="C109" s="42" t="s">
        <v>58</v>
      </c>
      <c r="D109" s="3" t="s">
        <v>242</v>
      </c>
      <c r="E109" s="3" t="s">
        <v>100</v>
      </c>
      <c r="F109" s="3" t="s">
        <v>113</v>
      </c>
      <c r="G109" s="3" t="s">
        <v>105</v>
      </c>
      <c r="H109" s="3">
        <v>2022</v>
      </c>
      <c r="I109" s="3" t="s">
        <v>103</v>
      </c>
      <c r="J109" s="3" t="s">
        <v>59</v>
      </c>
      <c r="K109" s="14">
        <v>45211</v>
      </c>
      <c r="L109" t="s">
        <v>57</v>
      </c>
    </row>
    <row r="110" spans="1:12" ht="16.5" customHeight="1" x14ac:dyDescent="0.3">
      <c r="A110" s="11">
        <v>2499352</v>
      </c>
      <c r="B110" s="11">
        <v>5030731</v>
      </c>
      <c r="C110" s="42" t="s">
        <v>58</v>
      </c>
      <c r="D110" s="3" t="s">
        <v>243</v>
      </c>
      <c r="E110" s="3" t="s">
        <v>100</v>
      </c>
      <c r="F110" s="3" t="s">
        <v>113</v>
      </c>
      <c r="G110" s="3" t="s">
        <v>105</v>
      </c>
      <c r="H110" s="3">
        <v>2022</v>
      </c>
      <c r="I110" s="3" t="s">
        <v>103</v>
      </c>
      <c r="J110" s="3" t="s">
        <v>59</v>
      </c>
      <c r="K110" s="14">
        <v>45211</v>
      </c>
      <c r="L110" t="s">
        <v>57</v>
      </c>
    </row>
    <row r="111" spans="1:12" ht="16.5" customHeight="1" x14ac:dyDescent="0.3">
      <c r="A111" s="11">
        <v>2518729</v>
      </c>
      <c r="B111" s="11">
        <v>5030731</v>
      </c>
      <c r="C111" s="42" t="s">
        <v>58</v>
      </c>
      <c r="D111" s="7" t="s">
        <v>244</v>
      </c>
      <c r="E111" s="3" t="s">
        <v>100</v>
      </c>
      <c r="F111" s="3" t="s">
        <v>214</v>
      </c>
      <c r="G111" s="3" t="s">
        <v>105</v>
      </c>
      <c r="H111" s="3">
        <v>2022</v>
      </c>
      <c r="I111" s="3" t="s">
        <v>103</v>
      </c>
      <c r="J111" s="3" t="s">
        <v>59</v>
      </c>
      <c r="K111" s="14">
        <v>45211</v>
      </c>
      <c r="L111" t="s">
        <v>57</v>
      </c>
    </row>
    <row r="112" spans="1:12" ht="16.5" customHeight="1" x14ac:dyDescent="0.3">
      <c r="A112" s="11">
        <v>2557526</v>
      </c>
      <c r="B112" s="11">
        <v>5030731</v>
      </c>
      <c r="C112" s="42" t="s">
        <v>58</v>
      </c>
      <c r="D112" s="3" t="s">
        <v>245</v>
      </c>
      <c r="E112" s="3" t="s">
        <v>100</v>
      </c>
      <c r="F112" s="3" t="s">
        <v>163</v>
      </c>
      <c r="G112" s="3" t="s">
        <v>105</v>
      </c>
      <c r="H112" s="3">
        <v>2022</v>
      </c>
      <c r="I112" s="3" t="s">
        <v>103</v>
      </c>
      <c r="J112" s="3" t="s">
        <v>59</v>
      </c>
      <c r="K112" s="14">
        <v>45211</v>
      </c>
      <c r="L112" t="s">
        <v>57</v>
      </c>
    </row>
    <row r="113" spans="1:12" ht="16.5" customHeight="1" x14ac:dyDescent="0.3">
      <c r="A113" s="11">
        <v>2557571</v>
      </c>
      <c r="B113" s="11">
        <v>5030731</v>
      </c>
      <c r="C113" s="42" t="s">
        <v>58</v>
      </c>
      <c r="D113" s="3" t="s">
        <v>246</v>
      </c>
      <c r="E113" s="3" t="s">
        <v>100</v>
      </c>
      <c r="F113" s="3" t="s">
        <v>233</v>
      </c>
      <c r="G113" s="3" t="s">
        <v>102</v>
      </c>
      <c r="H113" s="3">
        <v>2022</v>
      </c>
      <c r="I113" s="3" t="s">
        <v>103</v>
      </c>
      <c r="J113" s="3" t="s">
        <v>59</v>
      </c>
      <c r="K113" s="14">
        <v>45211</v>
      </c>
      <c r="L113" t="s">
        <v>57</v>
      </c>
    </row>
    <row r="114" spans="1:12" ht="16.5" customHeight="1" x14ac:dyDescent="0.3">
      <c r="A114" s="11">
        <v>2602744</v>
      </c>
      <c r="B114" s="11">
        <v>5030731</v>
      </c>
      <c r="C114" s="42" t="s">
        <v>58</v>
      </c>
      <c r="D114" s="3" t="s">
        <v>247</v>
      </c>
      <c r="E114" s="3" t="s">
        <v>100</v>
      </c>
      <c r="F114" s="3" t="s">
        <v>120</v>
      </c>
      <c r="G114" s="3" t="s">
        <v>105</v>
      </c>
      <c r="H114" s="3">
        <v>2022</v>
      </c>
      <c r="I114" s="3" t="s">
        <v>103</v>
      </c>
      <c r="J114" s="3" t="s">
        <v>59</v>
      </c>
      <c r="K114" s="14">
        <v>45211</v>
      </c>
      <c r="L114" t="s">
        <v>57</v>
      </c>
    </row>
    <row r="115" spans="1:12" ht="16.5" customHeight="1" x14ac:dyDescent="0.3">
      <c r="A115" s="11">
        <v>2614104</v>
      </c>
      <c r="B115" s="11">
        <v>5030731</v>
      </c>
      <c r="C115" s="42" t="s">
        <v>58</v>
      </c>
      <c r="D115" s="3" t="s">
        <v>248</v>
      </c>
      <c r="E115" s="3" t="s">
        <v>100</v>
      </c>
      <c r="F115" s="3" t="s">
        <v>120</v>
      </c>
      <c r="G115" s="3" t="s">
        <v>105</v>
      </c>
      <c r="H115" s="3">
        <v>2022</v>
      </c>
      <c r="I115" s="3" t="s">
        <v>103</v>
      </c>
      <c r="J115" s="3" t="s">
        <v>59</v>
      </c>
      <c r="K115" s="14">
        <v>45211</v>
      </c>
      <c r="L115" t="s">
        <v>57</v>
      </c>
    </row>
    <row r="116" spans="1:12" ht="16.5" customHeight="1" x14ac:dyDescent="0.3">
      <c r="A116" s="11">
        <v>2627571</v>
      </c>
      <c r="B116" s="11">
        <v>5030731</v>
      </c>
      <c r="C116" s="42" t="s">
        <v>58</v>
      </c>
      <c r="D116" s="3" t="s">
        <v>249</v>
      </c>
      <c r="E116" s="3" t="s">
        <v>100</v>
      </c>
      <c r="F116" s="3" t="s">
        <v>110</v>
      </c>
      <c r="G116" s="3" t="s">
        <v>105</v>
      </c>
      <c r="H116" s="3">
        <v>2022</v>
      </c>
      <c r="I116" s="3" t="s">
        <v>103</v>
      </c>
      <c r="J116" s="3" t="s">
        <v>59</v>
      </c>
      <c r="K116" s="14">
        <v>45211</v>
      </c>
      <c r="L116" t="s">
        <v>57</v>
      </c>
    </row>
    <row r="117" spans="1:12" ht="16.5" customHeight="1" x14ac:dyDescent="0.3">
      <c r="A117" s="11">
        <v>2630696</v>
      </c>
      <c r="B117" s="11">
        <v>5030731</v>
      </c>
      <c r="C117" s="42" t="s">
        <v>58</v>
      </c>
      <c r="D117" s="3" t="s">
        <v>250</v>
      </c>
      <c r="E117" s="3" t="s">
        <v>100</v>
      </c>
      <c r="F117" s="3" t="s">
        <v>123</v>
      </c>
      <c r="G117" s="3" t="s">
        <v>105</v>
      </c>
      <c r="H117" s="3">
        <v>2022</v>
      </c>
      <c r="I117" s="3" t="s">
        <v>103</v>
      </c>
      <c r="J117" s="3" t="s">
        <v>59</v>
      </c>
      <c r="K117" s="14">
        <v>45211</v>
      </c>
      <c r="L117" t="s">
        <v>57</v>
      </c>
    </row>
    <row r="118" spans="1:12" ht="16.5" customHeight="1" x14ac:dyDescent="0.3">
      <c r="A118" s="11">
        <v>2636294</v>
      </c>
      <c r="B118" s="11">
        <v>5030731</v>
      </c>
      <c r="C118" s="42" t="s">
        <v>58</v>
      </c>
      <c r="D118" s="3" t="s">
        <v>251</v>
      </c>
      <c r="E118" s="3" t="s">
        <v>100</v>
      </c>
      <c r="F118" s="3" t="s">
        <v>113</v>
      </c>
      <c r="G118" s="3" t="s">
        <v>105</v>
      </c>
      <c r="H118" s="3">
        <v>2022</v>
      </c>
      <c r="I118" s="3" t="s">
        <v>103</v>
      </c>
      <c r="J118" s="3" t="s">
        <v>59</v>
      </c>
      <c r="K118" s="14">
        <v>45211</v>
      </c>
      <c r="L118" t="s">
        <v>57</v>
      </c>
    </row>
    <row r="119" spans="1:12" ht="16.5" customHeight="1" x14ac:dyDescent="0.3">
      <c r="A119" s="11">
        <v>2636302</v>
      </c>
      <c r="B119" s="11">
        <v>5030731</v>
      </c>
      <c r="C119" s="42" t="s">
        <v>58</v>
      </c>
      <c r="D119" s="3" t="s">
        <v>252</v>
      </c>
      <c r="E119" s="3" t="s">
        <v>100</v>
      </c>
      <c r="F119" s="3" t="s">
        <v>127</v>
      </c>
      <c r="G119" s="3" t="s">
        <v>105</v>
      </c>
      <c r="H119" s="3">
        <v>2022</v>
      </c>
      <c r="I119" s="3" t="s">
        <v>103</v>
      </c>
      <c r="J119" s="3" t="s">
        <v>59</v>
      </c>
      <c r="K119" s="14">
        <v>45211</v>
      </c>
      <c r="L119" t="s">
        <v>57</v>
      </c>
    </row>
    <row r="120" spans="1:12" ht="16.5" customHeight="1" x14ac:dyDescent="0.3">
      <c r="A120" s="11">
        <v>2641756</v>
      </c>
      <c r="B120" s="11">
        <v>5030731</v>
      </c>
      <c r="C120" s="42" t="s">
        <v>58</v>
      </c>
      <c r="D120" s="3" t="s">
        <v>253</v>
      </c>
      <c r="E120" s="3" t="s">
        <v>180</v>
      </c>
      <c r="F120" s="3" t="s">
        <v>180</v>
      </c>
      <c r="G120" s="3" t="s">
        <v>102</v>
      </c>
      <c r="H120" s="3">
        <v>2022</v>
      </c>
      <c r="I120" s="3" t="s">
        <v>103</v>
      </c>
      <c r="J120" s="3" t="s">
        <v>59</v>
      </c>
      <c r="K120" s="14">
        <v>45211</v>
      </c>
      <c r="L120" t="s">
        <v>57</v>
      </c>
    </row>
    <row r="121" spans="1:12" ht="16.5" customHeight="1" x14ac:dyDescent="0.3">
      <c r="A121" s="11">
        <v>2644031</v>
      </c>
      <c r="B121" s="11">
        <v>5030731</v>
      </c>
      <c r="C121" s="42" t="s">
        <v>58</v>
      </c>
      <c r="D121" s="3" t="s">
        <v>254</v>
      </c>
      <c r="E121" s="3" t="s">
        <v>100</v>
      </c>
      <c r="F121" s="3" t="s">
        <v>161</v>
      </c>
      <c r="G121" s="3" t="s">
        <v>105</v>
      </c>
      <c r="H121" s="3">
        <v>2022</v>
      </c>
      <c r="I121" s="3" t="s">
        <v>103</v>
      </c>
      <c r="J121" s="3" t="s">
        <v>59</v>
      </c>
      <c r="K121" s="14">
        <v>45211</v>
      </c>
      <c r="L121" t="s">
        <v>57</v>
      </c>
    </row>
    <row r="122" spans="1:12" ht="16.5" customHeight="1" x14ac:dyDescent="0.3">
      <c r="A122" s="11">
        <v>2654343</v>
      </c>
      <c r="B122" s="11">
        <v>5030731</v>
      </c>
      <c r="C122" s="42" t="s">
        <v>58</v>
      </c>
      <c r="D122" s="3" t="s">
        <v>255</v>
      </c>
      <c r="E122" s="3" t="s">
        <v>178</v>
      </c>
      <c r="F122" s="3" t="s">
        <v>178</v>
      </c>
      <c r="G122" s="3" t="s">
        <v>102</v>
      </c>
      <c r="H122" s="3">
        <v>2022</v>
      </c>
      <c r="I122" s="3" t="s">
        <v>103</v>
      </c>
      <c r="J122" s="3" t="s">
        <v>59</v>
      </c>
      <c r="K122" s="14">
        <v>45211</v>
      </c>
      <c r="L122" t="s">
        <v>57</v>
      </c>
    </row>
    <row r="123" spans="1:12" ht="16.5" customHeight="1" x14ac:dyDescent="0.3">
      <c r="A123" s="11">
        <v>2659494</v>
      </c>
      <c r="B123" s="11">
        <v>5030731</v>
      </c>
      <c r="C123" s="42" t="s">
        <v>58</v>
      </c>
      <c r="D123" s="3" t="s">
        <v>256</v>
      </c>
      <c r="E123" s="3" t="s">
        <v>100</v>
      </c>
      <c r="F123" s="3" t="s">
        <v>137</v>
      </c>
      <c r="G123" s="3" t="s">
        <v>105</v>
      </c>
      <c r="H123" s="3">
        <v>2022</v>
      </c>
      <c r="I123" s="3" t="s">
        <v>103</v>
      </c>
      <c r="J123" s="3" t="s">
        <v>59</v>
      </c>
      <c r="K123" s="14">
        <v>45211</v>
      </c>
      <c r="L123" t="s">
        <v>57</v>
      </c>
    </row>
    <row r="124" spans="1:12" ht="16.5" customHeight="1" x14ac:dyDescent="0.3">
      <c r="A124" s="11">
        <v>2659495</v>
      </c>
      <c r="B124" s="11">
        <v>5030731</v>
      </c>
      <c r="C124" s="42" t="s">
        <v>58</v>
      </c>
      <c r="D124" s="3" t="s">
        <v>257</v>
      </c>
      <c r="E124" s="3" t="s">
        <v>211</v>
      </c>
      <c r="F124" s="3" t="s">
        <v>211</v>
      </c>
      <c r="G124" s="3" t="s">
        <v>102</v>
      </c>
      <c r="H124" s="3">
        <v>2022</v>
      </c>
      <c r="I124" s="3" t="s">
        <v>103</v>
      </c>
      <c r="J124" s="3" t="s">
        <v>59</v>
      </c>
      <c r="K124" s="14">
        <v>45211</v>
      </c>
      <c r="L124" t="s">
        <v>57</v>
      </c>
    </row>
    <row r="125" spans="1:12" ht="16.5" customHeight="1" x14ac:dyDescent="0.3">
      <c r="A125" s="11">
        <v>2659497</v>
      </c>
      <c r="B125" s="11">
        <v>5030731</v>
      </c>
      <c r="C125" s="42" t="s">
        <v>58</v>
      </c>
      <c r="D125" s="3" t="s">
        <v>258</v>
      </c>
      <c r="E125" s="3" t="s">
        <v>211</v>
      </c>
      <c r="F125" s="3" t="s">
        <v>211</v>
      </c>
      <c r="G125" s="3" t="s">
        <v>102</v>
      </c>
      <c r="H125" s="3">
        <v>2022</v>
      </c>
      <c r="I125" s="3" t="s">
        <v>103</v>
      </c>
      <c r="J125" s="3" t="s">
        <v>59</v>
      </c>
      <c r="K125" s="14">
        <v>45211</v>
      </c>
      <c r="L125" t="s">
        <v>57</v>
      </c>
    </row>
    <row r="126" spans="1:12" ht="16.5" customHeight="1" x14ac:dyDescent="0.3">
      <c r="A126" s="11">
        <v>2668476</v>
      </c>
      <c r="B126" s="11">
        <v>5030731</v>
      </c>
      <c r="C126" s="42" t="s">
        <v>58</v>
      </c>
      <c r="D126" s="3" t="s">
        <v>259</v>
      </c>
      <c r="E126" s="3" t="s">
        <v>100</v>
      </c>
      <c r="F126" s="3" t="s">
        <v>100</v>
      </c>
      <c r="G126" s="3" t="s">
        <v>105</v>
      </c>
      <c r="H126" s="3">
        <v>2022</v>
      </c>
      <c r="I126" s="3" t="s">
        <v>103</v>
      </c>
      <c r="J126" s="3" t="s">
        <v>59</v>
      </c>
      <c r="K126" s="14">
        <v>45211</v>
      </c>
      <c r="L126" t="s">
        <v>57</v>
      </c>
    </row>
    <row r="127" spans="1:12" ht="16.5" customHeight="1" x14ac:dyDescent="0.3">
      <c r="A127" s="11">
        <v>2668765</v>
      </c>
      <c r="B127" s="11">
        <v>5030731</v>
      </c>
      <c r="C127" s="42" t="s">
        <v>58</v>
      </c>
      <c r="D127" s="3" t="s">
        <v>260</v>
      </c>
      <c r="E127" s="3" t="s">
        <v>217</v>
      </c>
      <c r="F127" s="3" t="s">
        <v>116</v>
      </c>
      <c r="G127" s="3" t="s">
        <v>116</v>
      </c>
      <c r="H127" s="3">
        <v>2022</v>
      </c>
      <c r="I127" s="3" t="s">
        <v>103</v>
      </c>
      <c r="J127" s="3" t="s">
        <v>59</v>
      </c>
      <c r="K127" s="14">
        <v>45211</v>
      </c>
      <c r="L127" t="s">
        <v>57</v>
      </c>
    </row>
    <row r="128" spans="1:12" ht="16.5" customHeight="1" x14ac:dyDescent="0.3">
      <c r="A128" s="11">
        <v>2670876</v>
      </c>
      <c r="B128" s="11">
        <v>5030731</v>
      </c>
      <c r="C128" s="42" t="s">
        <v>58</v>
      </c>
      <c r="D128" s="3" t="s">
        <v>261</v>
      </c>
      <c r="E128" s="3" t="s">
        <v>100</v>
      </c>
      <c r="F128" s="3" t="s">
        <v>101</v>
      </c>
      <c r="G128" s="3" t="s">
        <v>116</v>
      </c>
      <c r="H128" s="3">
        <v>2022</v>
      </c>
      <c r="I128" s="3" t="s">
        <v>103</v>
      </c>
      <c r="J128" s="3" t="s">
        <v>59</v>
      </c>
      <c r="K128" s="14">
        <v>45211</v>
      </c>
      <c r="L128" t="s">
        <v>57</v>
      </c>
    </row>
    <row r="129" spans="1:12" ht="16.5" customHeight="1" x14ac:dyDescent="0.3">
      <c r="A129" s="11">
        <v>2674316</v>
      </c>
      <c r="B129" s="11">
        <v>5030731</v>
      </c>
      <c r="C129" s="42" t="s">
        <v>58</v>
      </c>
      <c r="D129" s="3" t="s">
        <v>262</v>
      </c>
      <c r="E129" s="3" t="s">
        <v>100</v>
      </c>
      <c r="F129" s="3" t="s">
        <v>137</v>
      </c>
      <c r="G129" s="3" t="s">
        <v>105</v>
      </c>
      <c r="H129" s="3">
        <v>2022</v>
      </c>
      <c r="I129" s="3" t="s">
        <v>103</v>
      </c>
      <c r="J129" s="3" t="s">
        <v>59</v>
      </c>
      <c r="K129" s="14">
        <v>45211</v>
      </c>
      <c r="L129" t="s">
        <v>57</v>
      </c>
    </row>
    <row r="130" spans="1:12" ht="16.5" customHeight="1" x14ac:dyDescent="0.3">
      <c r="A130" s="11">
        <v>2675548</v>
      </c>
      <c r="B130" s="11">
        <v>5030731</v>
      </c>
      <c r="C130" s="42" t="s">
        <v>58</v>
      </c>
      <c r="D130" s="3" t="s">
        <v>263</v>
      </c>
      <c r="E130" s="3" t="s">
        <v>100</v>
      </c>
      <c r="F130" s="3" t="s">
        <v>264</v>
      </c>
      <c r="G130" s="3" t="s">
        <v>105</v>
      </c>
      <c r="H130" s="3">
        <v>2022</v>
      </c>
      <c r="I130" s="3" t="s">
        <v>103</v>
      </c>
      <c r="J130" s="3" t="s">
        <v>59</v>
      </c>
      <c r="K130" s="14">
        <v>45211</v>
      </c>
      <c r="L130" t="s">
        <v>57</v>
      </c>
    </row>
    <row r="131" spans="1:12" ht="16.5" customHeight="1" x14ac:dyDescent="0.3">
      <c r="A131" s="11">
        <v>2681462</v>
      </c>
      <c r="B131" s="11">
        <v>5030731</v>
      </c>
      <c r="C131" s="42" t="s">
        <v>58</v>
      </c>
      <c r="D131" s="3" t="s">
        <v>265</v>
      </c>
      <c r="E131" s="3" t="s">
        <v>100</v>
      </c>
      <c r="F131" s="3" t="s">
        <v>110</v>
      </c>
      <c r="G131" s="3" t="s">
        <v>105</v>
      </c>
      <c r="H131" s="3">
        <v>2022</v>
      </c>
      <c r="I131" s="3" t="s">
        <v>103</v>
      </c>
      <c r="J131" s="3" t="s">
        <v>59</v>
      </c>
      <c r="K131" s="14">
        <v>45211</v>
      </c>
      <c r="L131" t="s">
        <v>57</v>
      </c>
    </row>
    <row r="132" spans="1:12" ht="16.5" customHeight="1" x14ac:dyDescent="0.3">
      <c r="A132" s="11">
        <v>2683132</v>
      </c>
      <c r="B132" s="11">
        <v>5030731</v>
      </c>
      <c r="C132" s="42" t="s">
        <v>58</v>
      </c>
      <c r="D132" s="3" t="s">
        <v>259</v>
      </c>
      <c r="E132" s="3" t="s">
        <v>100</v>
      </c>
      <c r="F132" s="3" t="s">
        <v>100</v>
      </c>
      <c r="G132" s="3" t="s">
        <v>105</v>
      </c>
      <c r="H132" s="3">
        <v>2022</v>
      </c>
      <c r="I132" s="3" t="s">
        <v>103</v>
      </c>
      <c r="J132" s="3" t="s">
        <v>59</v>
      </c>
      <c r="K132" s="14">
        <v>45211</v>
      </c>
      <c r="L132" t="s">
        <v>57</v>
      </c>
    </row>
    <row r="133" spans="1:12" ht="16.5" customHeight="1" x14ac:dyDescent="0.3">
      <c r="A133" s="11">
        <v>2690500</v>
      </c>
      <c r="B133" s="11">
        <v>5030731</v>
      </c>
      <c r="C133" s="42" t="s">
        <v>58</v>
      </c>
      <c r="D133" s="3" t="s">
        <v>266</v>
      </c>
      <c r="E133" s="3" t="s">
        <v>100</v>
      </c>
      <c r="F133" s="3" t="s">
        <v>113</v>
      </c>
      <c r="G133" s="3" t="s">
        <v>105</v>
      </c>
      <c r="H133" s="3">
        <v>2022</v>
      </c>
      <c r="I133" s="3" t="s">
        <v>103</v>
      </c>
      <c r="J133" s="3" t="s">
        <v>59</v>
      </c>
      <c r="K133" s="14">
        <v>45211</v>
      </c>
      <c r="L133" t="s">
        <v>57</v>
      </c>
    </row>
    <row r="134" spans="1:12" ht="16.5" customHeight="1" x14ac:dyDescent="0.3">
      <c r="A134" s="11">
        <v>2655660</v>
      </c>
      <c r="B134" s="11">
        <v>5029503</v>
      </c>
      <c r="C134" s="42" t="str">
        <f>HYPERLINK("https://support.microsoft.com/kb/"&amp;B134)</f>
        <v>https://support.microsoft.com/kb/5029503</v>
      </c>
      <c r="D134" s="3" t="s">
        <v>256</v>
      </c>
      <c r="E134" s="3" t="s">
        <v>100</v>
      </c>
      <c r="F134" s="3" t="s">
        <v>137</v>
      </c>
      <c r="G134" s="3" t="s">
        <v>105</v>
      </c>
      <c r="H134" s="3">
        <v>2022</v>
      </c>
      <c r="I134" s="3" t="s">
        <v>103</v>
      </c>
      <c r="J134" s="3" t="s">
        <v>61</v>
      </c>
      <c r="K134" s="14">
        <v>45209</v>
      </c>
      <c r="L134" s="3" t="s">
        <v>60</v>
      </c>
    </row>
    <row r="135" spans="1:12" ht="16.5" customHeight="1" x14ac:dyDescent="0.3">
      <c r="A135" s="11">
        <v>2555349</v>
      </c>
      <c r="B135" s="11">
        <v>5029379</v>
      </c>
      <c r="C135" s="42" t="str">
        <f>HYPERLINK("https://support.microsoft.com/kb/"&amp;B135)</f>
        <v>https://support.microsoft.com/kb/5029379</v>
      </c>
      <c r="D135" s="3" t="s">
        <v>256</v>
      </c>
      <c r="E135" s="3" t="s">
        <v>100</v>
      </c>
      <c r="F135" s="3" t="s">
        <v>137</v>
      </c>
      <c r="G135" s="3" t="s">
        <v>105</v>
      </c>
      <c r="H135" s="3">
        <v>2022</v>
      </c>
      <c r="I135" s="3" t="s">
        <v>89</v>
      </c>
      <c r="J135" s="44" t="s">
        <v>37</v>
      </c>
      <c r="K135" s="14">
        <v>45209</v>
      </c>
      <c r="L135" s="3" t="s">
        <v>62</v>
      </c>
    </row>
    <row r="136" spans="1:12" ht="16.5" customHeight="1" x14ac:dyDescent="0.3">
      <c r="A136" s="11">
        <v>2330273</v>
      </c>
      <c r="B136" s="11">
        <v>5029666</v>
      </c>
      <c r="C136" s="42" t="s">
        <v>64</v>
      </c>
      <c r="D136" s="3" t="s">
        <v>267</v>
      </c>
      <c r="E136" s="3" t="s">
        <v>100</v>
      </c>
      <c r="F136" s="3" t="s">
        <v>100</v>
      </c>
      <c r="G136" s="3" t="s">
        <v>105</v>
      </c>
      <c r="H136" s="3">
        <v>2022</v>
      </c>
      <c r="I136" s="3" t="s">
        <v>103</v>
      </c>
      <c r="J136" s="3" t="s">
        <v>65</v>
      </c>
      <c r="K136" s="14">
        <v>45183</v>
      </c>
      <c r="L136" s="3" t="s">
        <v>63</v>
      </c>
    </row>
    <row r="137" spans="1:12" ht="16.5" customHeight="1" x14ac:dyDescent="0.3">
      <c r="A137" s="11">
        <v>2464304</v>
      </c>
      <c r="B137" s="11">
        <v>5029666</v>
      </c>
      <c r="C137" s="42" t="s">
        <v>64</v>
      </c>
      <c r="D137" s="3" t="s">
        <v>268</v>
      </c>
      <c r="E137" s="3" t="s">
        <v>100</v>
      </c>
      <c r="F137" s="3" t="s">
        <v>269</v>
      </c>
      <c r="G137" s="3" t="s">
        <v>105</v>
      </c>
      <c r="H137" s="3">
        <v>2022</v>
      </c>
      <c r="I137" s="3" t="s">
        <v>103</v>
      </c>
      <c r="J137" s="3" t="s">
        <v>65</v>
      </c>
      <c r="K137" s="14">
        <v>45183</v>
      </c>
      <c r="L137" s="3" t="s">
        <v>63</v>
      </c>
    </row>
    <row r="138" spans="1:12" ht="16.5" customHeight="1" x14ac:dyDescent="0.3">
      <c r="A138" s="11">
        <v>2519092</v>
      </c>
      <c r="B138" s="11">
        <v>5029666</v>
      </c>
      <c r="C138" s="42" t="s">
        <v>64</v>
      </c>
      <c r="D138" s="3" t="s">
        <v>270</v>
      </c>
      <c r="E138" s="3" t="s">
        <v>100</v>
      </c>
      <c r="F138" s="3" t="s">
        <v>120</v>
      </c>
      <c r="G138" s="3" t="s">
        <v>102</v>
      </c>
      <c r="H138" s="3">
        <v>2022</v>
      </c>
      <c r="I138" s="3" t="s">
        <v>103</v>
      </c>
      <c r="J138" s="3" t="s">
        <v>65</v>
      </c>
      <c r="K138" s="14">
        <v>45183</v>
      </c>
      <c r="L138" s="3" t="s">
        <v>63</v>
      </c>
    </row>
    <row r="139" spans="1:12" ht="16.5" customHeight="1" x14ac:dyDescent="0.3">
      <c r="A139" s="11">
        <v>2557552</v>
      </c>
      <c r="B139" s="11">
        <v>5029666</v>
      </c>
      <c r="C139" s="42" t="s">
        <v>64</v>
      </c>
      <c r="D139" s="3" t="s">
        <v>271</v>
      </c>
      <c r="E139" s="3" t="s">
        <v>100</v>
      </c>
      <c r="F139" s="3" t="s">
        <v>159</v>
      </c>
      <c r="G139" s="3" t="s">
        <v>105</v>
      </c>
      <c r="H139" s="3">
        <v>2022</v>
      </c>
      <c r="I139" s="3" t="s">
        <v>103</v>
      </c>
      <c r="J139" s="3" t="s">
        <v>65</v>
      </c>
      <c r="K139" s="14">
        <v>45183</v>
      </c>
      <c r="L139" s="3" t="s">
        <v>63</v>
      </c>
    </row>
    <row r="140" spans="1:12" ht="16.5" customHeight="1" x14ac:dyDescent="0.3">
      <c r="A140" s="11">
        <v>2567536</v>
      </c>
      <c r="B140" s="11">
        <v>5029666</v>
      </c>
      <c r="C140" s="42" t="s">
        <v>64</v>
      </c>
      <c r="D140" s="3" t="s">
        <v>272</v>
      </c>
      <c r="E140" s="3" t="s">
        <v>100</v>
      </c>
      <c r="F140" s="3" t="s">
        <v>101</v>
      </c>
      <c r="G140" s="3" t="s">
        <v>102</v>
      </c>
      <c r="H140" s="3">
        <v>2022</v>
      </c>
      <c r="I140" s="3" t="s">
        <v>103</v>
      </c>
      <c r="J140" s="3" t="s">
        <v>65</v>
      </c>
      <c r="K140" s="14">
        <v>45183</v>
      </c>
      <c r="L140" s="3" t="s">
        <v>63</v>
      </c>
    </row>
    <row r="141" spans="1:12" ht="16.5" customHeight="1" x14ac:dyDescent="0.3">
      <c r="A141" s="11">
        <v>2583619</v>
      </c>
      <c r="B141" s="11">
        <v>5029666</v>
      </c>
      <c r="C141" s="42" t="s">
        <v>64</v>
      </c>
      <c r="D141" s="3" t="s">
        <v>273</v>
      </c>
      <c r="E141" s="3" t="s">
        <v>100</v>
      </c>
      <c r="F141" s="3" t="s">
        <v>233</v>
      </c>
      <c r="G141" s="3" t="s">
        <v>102</v>
      </c>
      <c r="H141" s="3">
        <v>2022</v>
      </c>
      <c r="I141" s="3" t="s">
        <v>103</v>
      </c>
      <c r="J141" s="3" t="s">
        <v>65</v>
      </c>
      <c r="K141" s="14">
        <v>45183</v>
      </c>
      <c r="L141" s="3" t="s">
        <v>63</v>
      </c>
    </row>
    <row r="142" spans="1:12" ht="16.5" customHeight="1" x14ac:dyDescent="0.3">
      <c r="A142" s="11">
        <v>2584051</v>
      </c>
      <c r="B142" s="11">
        <v>5029666</v>
      </c>
      <c r="C142" s="42" t="s">
        <v>64</v>
      </c>
      <c r="D142" s="3" t="s">
        <v>274</v>
      </c>
      <c r="E142" s="3" t="s">
        <v>100</v>
      </c>
      <c r="F142" s="3" t="s">
        <v>123</v>
      </c>
      <c r="G142" s="3" t="s">
        <v>105</v>
      </c>
      <c r="H142" s="3">
        <v>2022</v>
      </c>
      <c r="I142" s="3" t="s">
        <v>103</v>
      </c>
      <c r="J142" s="3" t="s">
        <v>65</v>
      </c>
      <c r="K142" s="14">
        <v>45183</v>
      </c>
      <c r="L142" s="3" t="s">
        <v>63</v>
      </c>
    </row>
    <row r="143" spans="1:12" ht="16.5" customHeight="1" x14ac:dyDescent="0.3">
      <c r="A143" s="11">
        <v>2587977</v>
      </c>
      <c r="B143" s="11">
        <v>5029666</v>
      </c>
      <c r="C143" s="42" t="s">
        <v>64</v>
      </c>
      <c r="D143" s="3" t="s">
        <v>275</v>
      </c>
      <c r="E143" s="3" t="s">
        <v>217</v>
      </c>
      <c r="F143" s="3" t="s">
        <v>276</v>
      </c>
      <c r="G143" s="3" t="s">
        <v>102</v>
      </c>
      <c r="H143" s="3">
        <v>2022</v>
      </c>
      <c r="I143" s="3" t="s">
        <v>103</v>
      </c>
      <c r="J143" s="3" t="s">
        <v>65</v>
      </c>
      <c r="K143" s="14">
        <v>45183</v>
      </c>
      <c r="L143" s="3" t="s">
        <v>63</v>
      </c>
    </row>
    <row r="144" spans="1:12" ht="16.5" customHeight="1" x14ac:dyDescent="0.3">
      <c r="A144" s="11">
        <v>2591508</v>
      </c>
      <c r="B144" s="11">
        <v>5029666</v>
      </c>
      <c r="C144" s="42" t="s">
        <v>64</v>
      </c>
      <c r="D144" s="3" t="s">
        <v>277</v>
      </c>
      <c r="E144" s="3" t="s">
        <v>100</v>
      </c>
      <c r="F144" s="3" t="s">
        <v>145</v>
      </c>
      <c r="G144" s="3" t="s">
        <v>102</v>
      </c>
      <c r="H144" s="3">
        <v>2022</v>
      </c>
      <c r="I144" s="3" t="s">
        <v>103</v>
      </c>
      <c r="J144" s="3" t="s">
        <v>65</v>
      </c>
      <c r="K144" s="14">
        <v>45183</v>
      </c>
      <c r="L144" s="3" t="s">
        <v>63</v>
      </c>
    </row>
    <row r="145" spans="1:12" ht="16.5" customHeight="1" x14ac:dyDescent="0.3">
      <c r="A145" s="11">
        <v>2595013</v>
      </c>
      <c r="B145" s="11">
        <v>5029666</v>
      </c>
      <c r="C145" s="42" t="s">
        <v>64</v>
      </c>
      <c r="D145" s="3" t="s">
        <v>278</v>
      </c>
      <c r="E145" s="3" t="s">
        <v>100</v>
      </c>
      <c r="F145" s="3" t="s">
        <v>101</v>
      </c>
      <c r="G145" s="3" t="s">
        <v>105</v>
      </c>
      <c r="H145" s="3" t="s">
        <v>279</v>
      </c>
      <c r="I145" s="3" t="s">
        <v>103</v>
      </c>
      <c r="J145" s="3" t="s">
        <v>65</v>
      </c>
      <c r="K145" s="14">
        <v>45183</v>
      </c>
      <c r="L145" s="3" t="s">
        <v>63</v>
      </c>
    </row>
    <row r="146" spans="1:12" ht="16.5" customHeight="1" x14ac:dyDescent="0.3">
      <c r="A146" s="11">
        <v>2603906</v>
      </c>
      <c r="B146" s="11">
        <v>5029666</v>
      </c>
      <c r="C146" s="42" t="s">
        <v>64</v>
      </c>
      <c r="D146" s="3" t="s">
        <v>280</v>
      </c>
      <c r="E146" s="3" t="s">
        <v>178</v>
      </c>
      <c r="F146" s="3" t="s">
        <v>178</v>
      </c>
      <c r="G146" s="3" t="s">
        <v>102</v>
      </c>
      <c r="H146" s="3">
        <v>2022</v>
      </c>
      <c r="I146" s="3" t="s">
        <v>103</v>
      </c>
      <c r="J146" s="3" t="s">
        <v>65</v>
      </c>
      <c r="K146" s="14">
        <v>45183</v>
      </c>
      <c r="L146" s="3" t="s">
        <v>63</v>
      </c>
    </row>
    <row r="147" spans="1:12" ht="16.5" customHeight="1" x14ac:dyDescent="0.3">
      <c r="A147" s="11">
        <v>2606680</v>
      </c>
      <c r="B147" s="11">
        <v>5029666</v>
      </c>
      <c r="C147" s="42" t="s">
        <v>64</v>
      </c>
      <c r="D147" s="3" t="s">
        <v>281</v>
      </c>
      <c r="E147" s="3" t="s">
        <v>100</v>
      </c>
      <c r="F147" s="3" t="s">
        <v>137</v>
      </c>
      <c r="G147" s="3" t="s">
        <v>105</v>
      </c>
      <c r="H147" s="3">
        <v>2022</v>
      </c>
      <c r="I147" s="3" t="s">
        <v>103</v>
      </c>
      <c r="J147" s="3" t="s">
        <v>65</v>
      </c>
      <c r="K147" s="14">
        <v>45183</v>
      </c>
      <c r="L147" s="3" t="s">
        <v>63</v>
      </c>
    </row>
    <row r="148" spans="1:12" ht="16.5" customHeight="1" x14ac:dyDescent="0.3">
      <c r="A148" s="11">
        <v>1550865</v>
      </c>
      <c r="B148" s="11">
        <v>5028743</v>
      </c>
      <c r="C148" s="42" t="s">
        <v>67</v>
      </c>
      <c r="D148" s="3" t="s">
        <v>282</v>
      </c>
      <c r="E148" s="3" t="s">
        <v>100</v>
      </c>
      <c r="F148" s="3" t="s">
        <v>123</v>
      </c>
      <c r="G148" s="3" t="s">
        <v>105</v>
      </c>
      <c r="H148" s="3">
        <v>2022</v>
      </c>
      <c r="I148" s="3" t="s">
        <v>103</v>
      </c>
      <c r="J148" s="3" t="s">
        <v>68</v>
      </c>
      <c r="K148" s="14">
        <v>45148</v>
      </c>
      <c r="L148" t="s">
        <v>66</v>
      </c>
    </row>
    <row r="149" spans="1:12" ht="16.5" customHeight="1" x14ac:dyDescent="0.3">
      <c r="A149" s="11">
        <v>2337613</v>
      </c>
      <c r="B149" s="11">
        <v>5028743</v>
      </c>
      <c r="C149" s="42" t="s">
        <v>67</v>
      </c>
      <c r="D149" s="3" t="s">
        <v>283</v>
      </c>
      <c r="E149" s="3" t="s">
        <v>100</v>
      </c>
      <c r="F149" s="3" t="s">
        <v>153</v>
      </c>
      <c r="G149" s="3" t="s">
        <v>105</v>
      </c>
      <c r="H149" s="3">
        <v>2022</v>
      </c>
      <c r="I149" s="3" t="s">
        <v>103</v>
      </c>
      <c r="J149" s="3" t="s">
        <v>68</v>
      </c>
      <c r="K149" s="14">
        <v>45148</v>
      </c>
      <c r="L149" t="s">
        <v>66</v>
      </c>
    </row>
    <row r="150" spans="1:12" ht="16.5" customHeight="1" x14ac:dyDescent="0.3">
      <c r="A150" s="11">
        <v>2369109</v>
      </c>
      <c r="B150" s="11">
        <v>4538581</v>
      </c>
      <c r="C150" s="42" t="s">
        <v>284</v>
      </c>
      <c r="D150" s="3" t="s">
        <v>204</v>
      </c>
      <c r="E150" s="3" t="s">
        <v>100</v>
      </c>
      <c r="F150" s="3" t="s">
        <v>110</v>
      </c>
      <c r="G150" s="3" t="s">
        <v>105</v>
      </c>
      <c r="H150" s="3">
        <v>2022</v>
      </c>
      <c r="I150" s="3" t="s">
        <v>103</v>
      </c>
      <c r="J150" s="3" t="s">
        <v>68</v>
      </c>
      <c r="K150" s="14">
        <v>45148</v>
      </c>
      <c r="L150" t="s">
        <v>66</v>
      </c>
    </row>
    <row r="151" spans="1:12" ht="16.5" customHeight="1" x14ac:dyDescent="0.3">
      <c r="A151" s="11">
        <v>2423760</v>
      </c>
      <c r="B151" s="11">
        <v>5028743</v>
      </c>
      <c r="C151" s="42" t="s">
        <v>67</v>
      </c>
      <c r="D151" s="3" t="s">
        <v>285</v>
      </c>
      <c r="E151" s="3" t="s">
        <v>100</v>
      </c>
      <c r="F151" s="3" t="s">
        <v>110</v>
      </c>
      <c r="G151" s="3" t="s">
        <v>105</v>
      </c>
      <c r="H151" s="3">
        <v>2022</v>
      </c>
      <c r="I151" s="3" t="s">
        <v>103</v>
      </c>
      <c r="J151" s="3" t="s">
        <v>68</v>
      </c>
      <c r="K151" s="14">
        <v>45148</v>
      </c>
      <c r="L151" t="s">
        <v>66</v>
      </c>
    </row>
    <row r="152" spans="1:12" ht="16.5" customHeight="1" x14ac:dyDescent="0.3">
      <c r="A152" s="11">
        <v>2458680</v>
      </c>
      <c r="B152" s="11">
        <v>5028743</v>
      </c>
      <c r="C152" s="42" t="s">
        <v>67</v>
      </c>
      <c r="D152" s="3" t="s">
        <v>286</v>
      </c>
      <c r="E152" s="3" t="s">
        <v>100</v>
      </c>
      <c r="F152" s="3" t="s">
        <v>120</v>
      </c>
      <c r="G152" s="3" t="s">
        <v>105</v>
      </c>
      <c r="H152" s="3">
        <v>2022</v>
      </c>
      <c r="I152" s="3" t="s">
        <v>103</v>
      </c>
      <c r="J152" s="3" t="s">
        <v>68</v>
      </c>
      <c r="K152" s="14">
        <v>45148</v>
      </c>
      <c r="L152" t="s">
        <v>66</v>
      </c>
    </row>
    <row r="153" spans="1:12" ht="16.5" customHeight="1" x14ac:dyDescent="0.3">
      <c r="A153" s="11">
        <v>2469661</v>
      </c>
      <c r="B153" s="11">
        <v>5028743</v>
      </c>
      <c r="C153" s="42" t="s">
        <v>67</v>
      </c>
      <c r="D153" s="3" t="s">
        <v>287</v>
      </c>
      <c r="E153" s="3" t="s">
        <v>178</v>
      </c>
      <c r="F153" s="3" t="s">
        <v>178</v>
      </c>
      <c r="G153" s="3" t="s">
        <v>102</v>
      </c>
      <c r="H153" s="3">
        <v>2022</v>
      </c>
      <c r="I153" s="3" t="s">
        <v>103</v>
      </c>
      <c r="J153" s="3" t="s">
        <v>68</v>
      </c>
      <c r="K153" s="14">
        <v>45148</v>
      </c>
      <c r="L153" t="s">
        <v>66</v>
      </c>
    </row>
    <row r="154" spans="1:12" ht="16.5" customHeight="1" x14ac:dyDescent="0.3">
      <c r="A154" s="11">
        <v>2475019</v>
      </c>
      <c r="B154" s="11">
        <v>5028786</v>
      </c>
      <c r="C154" s="42" t="s">
        <v>288</v>
      </c>
      <c r="D154" s="3" t="s">
        <v>289</v>
      </c>
      <c r="E154" s="3" t="s">
        <v>100</v>
      </c>
      <c r="F154" s="3" t="s">
        <v>153</v>
      </c>
      <c r="G154" s="3" t="s">
        <v>105</v>
      </c>
      <c r="H154" s="3">
        <v>2022</v>
      </c>
      <c r="I154" s="3" t="s">
        <v>103</v>
      </c>
      <c r="J154" s="3" t="s">
        <v>68</v>
      </c>
      <c r="K154" s="14">
        <v>45148</v>
      </c>
      <c r="L154" t="s">
        <v>66</v>
      </c>
    </row>
    <row r="155" spans="1:12" ht="16.5" customHeight="1" x14ac:dyDescent="0.3">
      <c r="A155" s="11">
        <v>2491020</v>
      </c>
      <c r="B155" s="11">
        <v>5028743</v>
      </c>
      <c r="C155" s="42" t="s">
        <v>67</v>
      </c>
      <c r="D155" s="3" t="s">
        <v>290</v>
      </c>
      <c r="E155" s="3" t="s">
        <v>100</v>
      </c>
      <c r="F155" s="3" t="s">
        <v>137</v>
      </c>
      <c r="G155" s="3" t="s">
        <v>105</v>
      </c>
      <c r="H155" s="3">
        <v>2022</v>
      </c>
      <c r="I155" s="3" t="s">
        <v>103</v>
      </c>
      <c r="J155" s="3" t="s">
        <v>68</v>
      </c>
      <c r="K155" s="14">
        <v>45148</v>
      </c>
      <c r="L155" t="s">
        <v>66</v>
      </c>
    </row>
    <row r="156" spans="1:12" ht="16.5" customHeight="1" x14ac:dyDescent="0.3">
      <c r="A156" s="11">
        <v>2491363</v>
      </c>
      <c r="B156" s="11">
        <v>5028743</v>
      </c>
      <c r="C156" s="42" t="s">
        <v>67</v>
      </c>
      <c r="D156" s="3" t="s">
        <v>291</v>
      </c>
      <c r="E156" s="3" t="s">
        <v>100</v>
      </c>
      <c r="F156" s="3" t="s">
        <v>233</v>
      </c>
      <c r="G156" s="3" t="s">
        <v>105</v>
      </c>
      <c r="H156" s="3">
        <v>2022</v>
      </c>
      <c r="I156" s="3" t="s">
        <v>103</v>
      </c>
      <c r="J156" s="3" t="s">
        <v>68</v>
      </c>
      <c r="K156" s="14">
        <v>45148</v>
      </c>
      <c r="L156" t="s">
        <v>66</v>
      </c>
    </row>
    <row r="157" spans="1:12" ht="16.5" customHeight="1" x14ac:dyDescent="0.3">
      <c r="A157" s="11">
        <v>2491770</v>
      </c>
      <c r="B157" s="11">
        <v>5028743</v>
      </c>
      <c r="C157" s="42" t="s">
        <v>67</v>
      </c>
      <c r="D157" s="3" t="s">
        <v>292</v>
      </c>
      <c r="E157" s="3" t="s">
        <v>100</v>
      </c>
      <c r="F157" s="3" t="s">
        <v>165</v>
      </c>
      <c r="G157" s="3" t="s">
        <v>105</v>
      </c>
      <c r="H157" s="3">
        <v>2022</v>
      </c>
      <c r="I157" s="3" t="s">
        <v>103</v>
      </c>
      <c r="J157" s="3" t="s">
        <v>68</v>
      </c>
      <c r="K157" s="14">
        <v>45148</v>
      </c>
      <c r="L157" t="s">
        <v>66</v>
      </c>
    </row>
    <row r="158" spans="1:12" ht="16.5" customHeight="1" x14ac:dyDescent="0.3">
      <c r="A158" s="11">
        <v>2494984</v>
      </c>
      <c r="B158" s="11">
        <v>5028743</v>
      </c>
      <c r="C158" s="42" t="s">
        <v>67</v>
      </c>
      <c r="D158" s="3" t="s">
        <v>293</v>
      </c>
      <c r="E158" s="3" t="s">
        <v>100</v>
      </c>
      <c r="F158" s="3" t="s">
        <v>145</v>
      </c>
      <c r="G158" s="3" t="s">
        <v>105</v>
      </c>
      <c r="H158" s="3">
        <v>2022</v>
      </c>
      <c r="I158" s="3" t="s">
        <v>103</v>
      </c>
      <c r="J158" s="3" t="s">
        <v>68</v>
      </c>
      <c r="K158" s="14">
        <v>45148</v>
      </c>
      <c r="L158" t="s">
        <v>66</v>
      </c>
    </row>
    <row r="159" spans="1:12" ht="16.5" customHeight="1" x14ac:dyDescent="0.3">
      <c r="A159" s="11">
        <v>2500053</v>
      </c>
      <c r="B159" s="11">
        <v>5028743</v>
      </c>
      <c r="C159" s="42" t="s">
        <v>67</v>
      </c>
      <c r="D159" s="3" t="s">
        <v>294</v>
      </c>
      <c r="E159" s="3" t="s">
        <v>211</v>
      </c>
      <c r="F159" s="3" t="s">
        <v>211</v>
      </c>
      <c r="G159" s="3" t="s">
        <v>105</v>
      </c>
      <c r="H159" s="3">
        <v>2022</v>
      </c>
      <c r="I159" s="3" t="s">
        <v>103</v>
      </c>
      <c r="J159" s="3" t="s">
        <v>68</v>
      </c>
      <c r="K159" s="14">
        <v>45148</v>
      </c>
      <c r="L159" t="s">
        <v>66</v>
      </c>
    </row>
    <row r="160" spans="1:12" ht="16.5" customHeight="1" x14ac:dyDescent="0.3">
      <c r="A160" s="11">
        <v>2506726</v>
      </c>
      <c r="B160" s="11">
        <v>5028743</v>
      </c>
      <c r="C160" s="42" t="s">
        <v>67</v>
      </c>
      <c r="D160" s="3" t="s">
        <v>295</v>
      </c>
      <c r="E160" s="3" t="s">
        <v>100</v>
      </c>
      <c r="F160" s="3" t="s">
        <v>120</v>
      </c>
      <c r="G160" s="3" t="s">
        <v>105</v>
      </c>
      <c r="H160" s="3">
        <v>2022</v>
      </c>
      <c r="I160" s="3" t="s">
        <v>103</v>
      </c>
      <c r="J160" s="3" t="s">
        <v>68</v>
      </c>
      <c r="K160" s="14">
        <v>45148</v>
      </c>
      <c r="L160" t="s">
        <v>66</v>
      </c>
    </row>
    <row r="161" spans="1:12" ht="16.5" customHeight="1" x14ac:dyDescent="0.3">
      <c r="A161" s="11">
        <v>2512016</v>
      </c>
      <c r="B161" s="11">
        <v>5028743</v>
      </c>
      <c r="C161" s="42" t="s">
        <v>67</v>
      </c>
      <c r="D161" s="3" t="s">
        <v>296</v>
      </c>
      <c r="E161" s="3" t="s">
        <v>100</v>
      </c>
      <c r="F161" s="3" t="s">
        <v>127</v>
      </c>
      <c r="G161" s="3" t="s">
        <v>105</v>
      </c>
      <c r="H161" s="3">
        <v>2022</v>
      </c>
      <c r="I161" s="3" t="s">
        <v>103</v>
      </c>
      <c r="J161" s="3" t="s">
        <v>68</v>
      </c>
      <c r="K161" s="14">
        <v>45148</v>
      </c>
      <c r="L161" t="s">
        <v>66</v>
      </c>
    </row>
    <row r="162" spans="1:12" ht="16.5" customHeight="1" x14ac:dyDescent="0.3">
      <c r="A162" s="11">
        <v>2516796</v>
      </c>
      <c r="B162" s="11">
        <v>5028743</v>
      </c>
      <c r="C162" s="42" t="s">
        <v>67</v>
      </c>
      <c r="D162" s="3" t="s">
        <v>297</v>
      </c>
      <c r="E162" s="3" t="s">
        <v>178</v>
      </c>
      <c r="F162" s="3" t="s">
        <v>178</v>
      </c>
      <c r="G162" s="3" t="s">
        <v>102</v>
      </c>
      <c r="H162" s="3">
        <v>2022</v>
      </c>
      <c r="I162" s="3" t="s">
        <v>103</v>
      </c>
      <c r="J162" s="3" t="s">
        <v>68</v>
      </c>
      <c r="K162" s="14">
        <v>45148</v>
      </c>
      <c r="L162" t="s">
        <v>66</v>
      </c>
    </row>
    <row r="163" spans="1:12" ht="16.5" customHeight="1" x14ac:dyDescent="0.3">
      <c r="A163" s="11">
        <v>2518605</v>
      </c>
      <c r="B163" s="11">
        <v>5028743</v>
      </c>
      <c r="C163" s="42" t="s">
        <v>67</v>
      </c>
      <c r="D163" s="3" t="s">
        <v>298</v>
      </c>
      <c r="E163" s="3" t="s">
        <v>178</v>
      </c>
      <c r="F163" s="3" t="s">
        <v>178</v>
      </c>
      <c r="G163" s="3" t="s">
        <v>102</v>
      </c>
      <c r="H163" s="3">
        <v>2022</v>
      </c>
      <c r="I163" s="3" t="s">
        <v>103</v>
      </c>
      <c r="J163" s="3" t="s">
        <v>68</v>
      </c>
      <c r="K163" s="14">
        <v>45148</v>
      </c>
      <c r="L163" t="s">
        <v>66</v>
      </c>
    </row>
    <row r="164" spans="1:12" ht="16.5" customHeight="1" x14ac:dyDescent="0.3">
      <c r="A164" s="11">
        <v>2522765</v>
      </c>
      <c r="B164" s="11">
        <v>5028743</v>
      </c>
      <c r="C164" s="42" t="s">
        <v>67</v>
      </c>
      <c r="D164" s="3" t="s">
        <v>299</v>
      </c>
      <c r="E164" s="3" t="s">
        <v>100</v>
      </c>
      <c r="F164" s="3" t="s">
        <v>137</v>
      </c>
      <c r="G164" s="3" t="s">
        <v>105</v>
      </c>
      <c r="H164" s="3">
        <v>2022</v>
      </c>
      <c r="I164" s="3" t="s">
        <v>103</v>
      </c>
      <c r="J164" s="3" t="s">
        <v>68</v>
      </c>
      <c r="K164" s="14">
        <v>45148</v>
      </c>
      <c r="L164" t="s">
        <v>66</v>
      </c>
    </row>
    <row r="165" spans="1:12" ht="16.5" customHeight="1" x14ac:dyDescent="0.3">
      <c r="A165" s="11">
        <v>2526528</v>
      </c>
      <c r="B165" s="11">
        <v>5028743</v>
      </c>
      <c r="C165" s="42" t="s">
        <v>67</v>
      </c>
      <c r="D165" s="3" t="s">
        <v>300</v>
      </c>
      <c r="E165" s="3" t="s">
        <v>100</v>
      </c>
      <c r="F165" s="3" t="s">
        <v>137</v>
      </c>
      <c r="G165" s="3" t="s">
        <v>105</v>
      </c>
      <c r="H165" s="3">
        <v>2022</v>
      </c>
      <c r="I165" s="3" t="s">
        <v>103</v>
      </c>
      <c r="J165" s="3" t="s">
        <v>68</v>
      </c>
      <c r="K165" s="14">
        <v>45148</v>
      </c>
      <c r="L165" t="s">
        <v>66</v>
      </c>
    </row>
    <row r="166" spans="1:12" ht="16.5" customHeight="1" x14ac:dyDescent="0.3">
      <c r="A166" s="11">
        <v>2528280</v>
      </c>
      <c r="B166" s="11">
        <v>5028743</v>
      </c>
      <c r="C166" s="42" t="s">
        <v>67</v>
      </c>
      <c r="D166" s="3" t="s">
        <v>301</v>
      </c>
      <c r="E166" s="3" t="s">
        <v>100</v>
      </c>
      <c r="F166" s="3" t="s">
        <v>110</v>
      </c>
      <c r="G166" s="3" t="s">
        <v>105</v>
      </c>
      <c r="H166" s="3">
        <v>2022</v>
      </c>
      <c r="I166" s="3" t="s">
        <v>103</v>
      </c>
      <c r="J166" s="3" t="s">
        <v>68</v>
      </c>
      <c r="K166" s="14">
        <v>45148</v>
      </c>
      <c r="L166" t="s">
        <v>66</v>
      </c>
    </row>
    <row r="167" spans="1:12" ht="16.5" customHeight="1" x14ac:dyDescent="0.3">
      <c r="A167" s="11">
        <v>2568409</v>
      </c>
      <c r="B167" s="11">
        <v>5028786</v>
      </c>
      <c r="C167" s="42" t="s">
        <v>288</v>
      </c>
      <c r="D167" s="3" t="s">
        <v>289</v>
      </c>
      <c r="E167" s="3" t="s">
        <v>100</v>
      </c>
      <c r="F167" s="3" t="s">
        <v>153</v>
      </c>
      <c r="G167" s="3" t="s">
        <v>105</v>
      </c>
      <c r="H167" s="3">
        <v>2022</v>
      </c>
      <c r="I167" s="3" t="s">
        <v>103</v>
      </c>
      <c r="J167" s="3" t="s">
        <v>68</v>
      </c>
      <c r="K167" s="14">
        <v>45148</v>
      </c>
      <c r="L167" t="s">
        <v>66</v>
      </c>
    </row>
    <row r="168" spans="1:12" ht="16.5" customHeight="1" x14ac:dyDescent="0.3">
      <c r="A168" s="11">
        <v>2434843</v>
      </c>
      <c r="B168" s="11">
        <v>5027505</v>
      </c>
      <c r="C168" s="42" t="s">
        <v>70</v>
      </c>
      <c r="D168" s="3" t="s">
        <v>302</v>
      </c>
      <c r="E168" s="3" t="s">
        <v>100</v>
      </c>
      <c r="F168" s="3" t="s">
        <v>269</v>
      </c>
      <c r="G168" s="3" t="s">
        <v>105</v>
      </c>
      <c r="H168" s="3">
        <v>2022</v>
      </c>
      <c r="I168" s="3" t="s">
        <v>103</v>
      </c>
      <c r="J168" s="3" t="s">
        <v>71</v>
      </c>
      <c r="K168" s="14">
        <v>45120</v>
      </c>
      <c r="L168" s="3" t="s">
        <v>69</v>
      </c>
    </row>
    <row r="169" spans="1:12" ht="16.5" customHeight="1" x14ac:dyDescent="0.3">
      <c r="A169" s="11">
        <v>2382857</v>
      </c>
      <c r="B169" s="11">
        <v>5027505</v>
      </c>
      <c r="C169" s="42" t="s">
        <v>70</v>
      </c>
      <c r="D169" s="3" t="s">
        <v>303</v>
      </c>
      <c r="E169" s="3" t="s">
        <v>100</v>
      </c>
      <c r="F169" s="3" t="s">
        <v>127</v>
      </c>
      <c r="G169" s="3" t="s">
        <v>105</v>
      </c>
      <c r="H169" s="3">
        <v>2022</v>
      </c>
      <c r="I169" s="3" t="s">
        <v>103</v>
      </c>
      <c r="J169" s="3" t="s">
        <v>71</v>
      </c>
      <c r="K169" s="14">
        <v>45120</v>
      </c>
      <c r="L169" s="3" t="s">
        <v>69</v>
      </c>
    </row>
    <row r="170" spans="1:12" ht="16.5" customHeight="1" x14ac:dyDescent="0.3">
      <c r="A170" s="11">
        <v>2470755</v>
      </c>
      <c r="B170" s="11">
        <v>5027505</v>
      </c>
      <c r="C170" s="42" t="s">
        <v>70</v>
      </c>
      <c r="D170" s="3" t="s">
        <v>304</v>
      </c>
      <c r="E170" s="3" t="s">
        <v>100</v>
      </c>
      <c r="F170" s="3" t="s">
        <v>127</v>
      </c>
      <c r="G170" s="3" t="s">
        <v>105</v>
      </c>
      <c r="H170" s="3">
        <v>2022</v>
      </c>
      <c r="I170" s="3" t="s">
        <v>103</v>
      </c>
      <c r="J170" s="3" t="s">
        <v>71</v>
      </c>
      <c r="K170" s="14">
        <v>45120</v>
      </c>
      <c r="L170" s="3" t="s">
        <v>69</v>
      </c>
    </row>
    <row r="171" spans="1:12" ht="16.5" customHeight="1" x14ac:dyDescent="0.3">
      <c r="A171" s="11">
        <v>2442348</v>
      </c>
      <c r="B171" s="11">
        <v>5027505</v>
      </c>
      <c r="C171" s="42" t="s">
        <v>70</v>
      </c>
      <c r="D171" s="3" t="s">
        <v>305</v>
      </c>
      <c r="E171" s="3" t="s">
        <v>100</v>
      </c>
      <c r="F171" s="3" t="s">
        <v>120</v>
      </c>
      <c r="G171" s="3" t="s">
        <v>102</v>
      </c>
      <c r="H171" s="3">
        <v>2022</v>
      </c>
      <c r="I171" s="3" t="s">
        <v>103</v>
      </c>
      <c r="J171" s="3" t="s">
        <v>71</v>
      </c>
      <c r="K171" s="14">
        <v>45120</v>
      </c>
      <c r="L171" s="3" t="s">
        <v>69</v>
      </c>
    </row>
    <row r="172" spans="1:12" ht="16.5" customHeight="1" x14ac:dyDescent="0.3">
      <c r="A172" s="11">
        <v>2266818</v>
      </c>
      <c r="B172" s="11">
        <v>5027505</v>
      </c>
      <c r="C172" s="42" t="s">
        <v>70</v>
      </c>
      <c r="D172" s="3" t="s">
        <v>306</v>
      </c>
      <c r="E172" s="3" t="s">
        <v>100</v>
      </c>
      <c r="F172" s="3" t="s">
        <v>120</v>
      </c>
      <c r="G172" s="3" t="s">
        <v>105</v>
      </c>
      <c r="H172" s="3">
        <v>2022</v>
      </c>
      <c r="I172" s="3" t="s">
        <v>103</v>
      </c>
      <c r="J172" s="3" t="s">
        <v>71</v>
      </c>
      <c r="K172" s="14">
        <v>45120</v>
      </c>
      <c r="L172" s="3" t="s">
        <v>69</v>
      </c>
    </row>
    <row r="173" spans="1:12" ht="16.5" customHeight="1" x14ac:dyDescent="0.3">
      <c r="A173" s="11">
        <v>2475171</v>
      </c>
      <c r="B173" s="11">
        <v>5027505</v>
      </c>
      <c r="C173" s="42" t="s">
        <v>70</v>
      </c>
      <c r="D173" s="3" t="s">
        <v>307</v>
      </c>
      <c r="E173" s="3" t="s">
        <v>100</v>
      </c>
      <c r="F173" s="3" t="s">
        <v>137</v>
      </c>
      <c r="G173" s="3" t="s">
        <v>105</v>
      </c>
      <c r="H173" s="3">
        <v>2022</v>
      </c>
      <c r="I173" s="3" t="s">
        <v>103</v>
      </c>
      <c r="J173" s="3" t="s">
        <v>71</v>
      </c>
      <c r="K173" s="14">
        <v>45120</v>
      </c>
      <c r="L173" s="3" t="s">
        <v>69</v>
      </c>
    </row>
    <row r="174" spans="1:12" ht="16.5" customHeight="1" x14ac:dyDescent="0.3">
      <c r="A174" s="11">
        <v>2472403</v>
      </c>
      <c r="B174" s="11">
        <v>5027505</v>
      </c>
      <c r="C174" s="42" t="s">
        <v>70</v>
      </c>
      <c r="D174" s="3" t="s">
        <v>308</v>
      </c>
      <c r="E174" s="3" t="s">
        <v>100</v>
      </c>
      <c r="F174" s="3" t="s">
        <v>137</v>
      </c>
      <c r="G174" s="3" t="s">
        <v>105</v>
      </c>
      <c r="H174" s="3">
        <v>2022</v>
      </c>
      <c r="I174" s="3" t="s">
        <v>103</v>
      </c>
      <c r="J174" s="3" t="s">
        <v>71</v>
      </c>
      <c r="K174" s="14">
        <v>45120</v>
      </c>
      <c r="L174" s="3" t="s">
        <v>69</v>
      </c>
    </row>
    <row r="175" spans="1:12" ht="16.5" customHeight="1" x14ac:dyDescent="0.3">
      <c r="A175" s="11">
        <v>2425643</v>
      </c>
      <c r="B175" s="11">
        <v>5027505</v>
      </c>
      <c r="C175" s="42" t="s">
        <v>70</v>
      </c>
      <c r="D175" s="3" t="s">
        <v>309</v>
      </c>
      <c r="E175" s="3" t="s">
        <v>100</v>
      </c>
      <c r="F175" s="3" t="s">
        <v>100</v>
      </c>
      <c r="G175" s="3" t="s">
        <v>105</v>
      </c>
      <c r="H175" s="3">
        <v>2022</v>
      </c>
      <c r="I175" s="3" t="s">
        <v>103</v>
      </c>
      <c r="J175" s="3" t="s">
        <v>71</v>
      </c>
      <c r="K175" s="14">
        <v>45120</v>
      </c>
      <c r="L175" s="3" t="s">
        <v>69</v>
      </c>
    </row>
    <row r="176" spans="1:12" ht="16.5" customHeight="1" x14ac:dyDescent="0.3">
      <c r="A176" s="11">
        <v>2424714</v>
      </c>
      <c r="B176" s="11">
        <v>5027505</v>
      </c>
      <c r="C176" s="42" t="s">
        <v>70</v>
      </c>
      <c r="D176" s="3" t="s">
        <v>310</v>
      </c>
      <c r="E176" s="3" t="s">
        <v>100</v>
      </c>
      <c r="F176" s="3" t="s">
        <v>123</v>
      </c>
      <c r="G176" s="3" t="s">
        <v>105</v>
      </c>
      <c r="H176" s="3">
        <v>2022</v>
      </c>
      <c r="I176" s="3" t="s">
        <v>103</v>
      </c>
      <c r="J176" s="3" t="s">
        <v>71</v>
      </c>
      <c r="K176" s="14">
        <v>45120</v>
      </c>
      <c r="L176" s="3" t="s">
        <v>69</v>
      </c>
    </row>
    <row r="177" spans="1:12" ht="16.5" customHeight="1" x14ac:dyDescent="0.3">
      <c r="A177" s="11">
        <v>2449506</v>
      </c>
      <c r="B177" s="11">
        <v>5027505</v>
      </c>
      <c r="C177" s="42" t="s">
        <v>70</v>
      </c>
      <c r="D177" s="3" t="s">
        <v>311</v>
      </c>
      <c r="E177" s="3" t="s">
        <v>100</v>
      </c>
      <c r="F177" s="3" t="s">
        <v>233</v>
      </c>
      <c r="G177" s="3" t="s">
        <v>105</v>
      </c>
      <c r="H177" s="3">
        <v>2022</v>
      </c>
      <c r="I177" s="3" t="s">
        <v>103</v>
      </c>
      <c r="J177" s="3" t="s">
        <v>71</v>
      </c>
      <c r="K177" s="14">
        <v>45120</v>
      </c>
      <c r="L177" s="3" t="s">
        <v>69</v>
      </c>
    </row>
    <row r="178" spans="1:12" ht="16.5" customHeight="1" x14ac:dyDescent="0.3">
      <c r="A178" s="11">
        <v>2439381</v>
      </c>
      <c r="B178" s="11">
        <v>5027505</v>
      </c>
      <c r="C178" s="42" t="s">
        <v>70</v>
      </c>
      <c r="D178" s="3" t="s">
        <v>312</v>
      </c>
      <c r="E178" s="3" t="s">
        <v>180</v>
      </c>
      <c r="F178" s="3" t="s">
        <v>180</v>
      </c>
      <c r="G178" s="3" t="s">
        <v>102</v>
      </c>
      <c r="H178" s="3">
        <v>2022</v>
      </c>
      <c r="I178" s="3" t="s">
        <v>103</v>
      </c>
      <c r="J178" s="3" t="s">
        <v>71</v>
      </c>
      <c r="K178" s="14">
        <v>45120</v>
      </c>
      <c r="L178" s="3" t="s">
        <v>69</v>
      </c>
    </row>
    <row r="179" spans="1:12" ht="16.5" customHeight="1" x14ac:dyDescent="0.3">
      <c r="A179" s="11">
        <v>2431805</v>
      </c>
      <c r="B179" s="11">
        <v>5027505</v>
      </c>
      <c r="C179" s="42" t="s">
        <v>70</v>
      </c>
      <c r="D179" s="3" t="s">
        <v>313</v>
      </c>
      <c r="E179" s="3" t="s">
        <v>100</v>
      </c>
      <c r="F179" s="3" t="s">
        <v>153</v>
      </c>
      <c r="G179" s="3" t="s">
        <v>105</v>
      </c>
      <c r="H179" s="3">
        <v>2022</v>
      </c>
      <c r="I179" s="3" t="s">
        <v>103</v>
      </c>
      <c r="J179" s="3" t="s">
        <v>71</v>
      </c>
      <c r="K179" s="14">
        <v>45120</v>
      </c>
      <c r="L179" s="3" t="s">
        <v>69</v>
      </c>
    </row>
    <row r="180" spans="1:12" ht="16.5" customHeight="1" x14ac:dyDescent="0.3">
      <c r="A180" s="11">
        <v>2405773</v>
      </c>
      <c r="B180" s="11">
        <v>5027505</v>
      </c>
      <c r="C180" s="42" t="s">
        <v>70</v>
      </c>
      <c r="D180" s="3" t="s">
        <v>314</v>
      </c>
      <c r="E180" s="3" t="s">
        <v>100</v>
      </c>
      <c r="F180" s="3" t="s">
        <v>193</v>
      </c>
      <c r="G180" s="3" t="s">
        <v>116</v>
      </c>
      <c r="H180" s="3">
        <v>2022</v>
      </c>
      <c r="I180" s="3" t="s">
        <v>103</v>
      </c>
      <c r="J180" s="3" t="s">
        <v>71</v>
      </c>
      <c r="K180" s="14">
        <v>45120</v>
      </c>
      <c r="L180" s="3" t="s">
        <v>69</v>
      </c>
    </row>
    <row r="181" spans="1:12" ht="16.5" customHeight="1" x14ac:dyDescent="0.3">
      <c r="A181" s="11">
        <v>2442140</v>
      </c>
      <c r="B181" s="11">
        <v>5027505</v>
      </c>
      <c r="C181" s="42" t="s">
        <v>70</v>
      </c>
      <c r="D181" s="3" t="s">
        <v>315</v>
      </c>
      <c r="E181" s="3" t="s">
        <v>178</v>
      </c>
      <c r="F181" s="3" t="s">
        <v>178</v>
      </c>
      <c r="G181" s="3" t="s">
        <v>102</v>
      </c>
      <c r="H181" s="3">
        <v>2022</v>
      </c>
      <c r="I181" s="3" t="s">
        <v>103</v>
      </c>
      <c r="J181" s="3" t="s">
        <v>71</v>
      </c>
      <c r="K181" s="14">
        <v>45120</v>
      </c>
      <c r="L181" s="3" t="s">
        <v>69</v>
      </c>
    </row>
    <row r="182" spans="1:12" ht="16.5" customHeight="1" x14ac:dyDescent="0.3">
      <c r="A182" s="11">
        <v>2397656</v>
      </c>
      <c r="B182" s="11">
        <v>4052136</v>
      </c>
      <c r="C182" s="42" t="s">
        <v>316</v>
      </c>
      <c r="D182" s="3" t="s">
        <v>317</v>
      </c>
      <c r="E182" s="3" t="s">
        <v>100</v>
      </c>
      <c r="F182" s="3" t="s">
        <v>137</v>
      </c>
      <c r="G182" s="3" t="s">
        <v>102</v>
      </c>
      <c r="H182" s="3">
        <v>2022</v>
      </c>
      <c r="I182" s="3" t="s">
        <v>103</v>
      </c>
      <c r="J182" s="3" t="s">
        <v>71</v>
      </c>
      <c r="K182" s="14">
        <v>45120</v>
      </c>
      <c r="L182" s="3" t="s">
        <v>69</v>
      </c>
    </row>
    <row r="183" spans="1:12" ht="16.5" customHeight="1" x14ac:dyDescent="0.3">
      <c r="A183" s="11">
        <v>2342416</v>
      </c>
      <c r="B183" s="11">
        <v>5026806</v>
      </c>
      <c r="C183" s="42" t="s">
        <v>73</v>
      </c>
      <c r="D183" s="3" t="s">
        <v>318</v>
      </c>
      <c r="E183" s="3" t="s">
        <v>100</v>
      </c>
      <c r="F183" s="3" t="s">
        <v>137</v>
      </c>
      <c r="G183" s="3" t="s">
        <v>105</v>
      </c>
      <c r="H183" s="3">
        <v>2022</v>
      </c>
      <c r="I183" s="3" t="s">
        <v>103</v>
      </c>
      <c r="J183" s="3" t="s">
        <v>74</v>
      </c>
      <c r="K183" s="35">
        <v>45092</v>
      </c>
      <c r="L183" t="s">
        <v>72</v>
      </c>
    </row>
    <row r="184" spans="1:12" ht="16.5" customHeight="1" x14ac:dyDescent="0.3">
      <c r="A184" s="11">
        <v>2369044</v>
      </c>
      <c r="B184" s="11">
        <v>5026806</v>
      </c>
      <c r="C184" s="42" t="s">
        <v>73</v>
      </c>
      <c r="D184" s="3" t="s">
        <v>319</v>
      </c>
      <c r="E184" s="3" t="s">
        <v>180</v>
      </c>
      <c r="F184" s="3" t="s">
        <v>180</v>
      </c>
      <c r="G184" s="3" t="s">
        <v>102</v>
      </c>
      <c r="H184" s="3">
        <v>2022</v>
      </c>
      <c r="I184" s="3" t="s">
        <v>103</v>
      </c>
      <c r="J184" s="3" t="s">
        <v>74</v>
      </c>
      <c r="K184" s="35">
        <v>45092</v>
      </c>
      <c r="L184" t="s">
        <v>72</v>
      </c>
    </row>
    <row r="185" spans="1:12" ht="16.5" customHeight="1" x14ac:dyDescent="0.3">
      <c r="A185" s="11">
        <v>2400346</v>
      </c>
      <c r="B185" s="11">
        <v>5026806</v>
      </c>
      <c r="C185" s="42" t="s">
        <v>73</v>
      </c>
      <c r="D185" s="3" t="s">
        <v>320</v>
      </c>
      <c r="E185" s="3" t="s">
        <v>178</v>
      </c>
      <c r="F185" s="3" t="s">
        <v>178</v>
      </c>
      <c r="G185" s="3" t="s">
        <v>102</v>
      </c>
      <c r="H185" s="3">
        <v>2022</v>
      </c>
      <c r="I185" s="3" t="s">
        <v>103</v>
      </c>
      <c r="J185" s="3" t="s">
        <v>74</v>
      </c>
      <c r="K185" s="35">
        <v>45092</v>
      </c>
      <c r="L185" t="s">
        <v>72</v>
      </c>
    </row>
    <row r="186" spans="1:12" ht="16.5" customHeight="1" x14ac:dyDescent="0.3">
      <c r="A186" s="11">
        <v>2400389</v>
      </c>
      <c r="B186" s="11">
        <v>5026806</v>
      </c>
      <c r="C186" s="42" t="s">
        <v>73</v>
      </c>
      <c r="D186" s="3" t="s">
        <v>321</v>
      </c>
      <c r="E186" s="3" t="s">
        <v>178</v>
      </c>
      <c r="F186" s="3" t="s">
        <v>178</v>
      </c>
      <c r="G186" s="3" t="s">
        <v>102</v>
      </c>
      <c r="H186" s="3">
        <v>2022</v>
      </c>
      <c r="I186" s="3" t="s">
        <v>103</v>
      </c>
      <c r="J186" s="3" t="s">
        <v>74</v>
      </c>
      <c r="K186" s="35">
        <v>45092</v>
      </c>
      <c r="L186" t="s">
        <v>72</v>
      </c>
    </row>
    <row r="187" spans="1:12" ht="16.5" customHeight="1" x14ac:dyDescent="0.3">
      <c r="A187" s="11">
        <v>2400415</v>
      </c>
      <c r="B187" s="11">
        <v>5026806</v>
      </c>
      <c r="C187" s="42" t="s">
        <v>73</v>
      </c>
      <c r="D187" s="3" t="s">
        <v>322</v>
      </c>
      <c r="E187" s="3" t="s">
        <v>178</v>
      </c>
      <c r="F187" s="3" t="s">
        <v>178</v>
      </c>
      <c r="G187" s="3" t="s">
        <v>102</v>
      </c>
      <c r="H187" s="3">
        <v>2022</v>
      </c>
      <c r="I187" s="3" t="s">
        <v>103</v>
      </c>
      <c r="J187" s="3" t="s">
        <v>74</v>
      </c>
      <c r="K187" s="35">
        <v>45092</v>
      </c>
      <c r="L187" t="s">
        <v>72</v>
      </c>
    </row>
    <row r="188" spans="1:12" ht="16.5" customHeight="1" x14ac:dyDescent="0.3">
      <c r="A188" s="11">
        <v>2384656</v>
      </c>
      <c r="B188" s="11">
        <v>5026806</v>
      </c>
      <c r="C188" s="42" t="s">
        <v>73</v>
      </c>
      <c r="D188" s="3" t="s">
        <v>323</v>
      </c>
      <c r="E188" s="3" t="s">
        <v>211</v>
      </c>
      <c r="F188" s="3" t="s">
        <v>211</v>
      </c>
      <c r="G188" s="3" t="s">
        <v>105</v>
      </c>
      <c r="H188" s="3">
        <v>2022</v>
      </c>
      <c r="I188" s="3" t="s">
        <v>103</v>
      </c>
      <c r="J188" s="3" t="s">
        <v>74</v>
      </c>
      <c r="K188" s="35">
        <v>45092</v>
      </c>
      <c r="L188" t="s">
        <v>72</v>
      </c>
    </row>
    <row r="189" spans="1:12" ht="16.5" customHeight="1" x14ac:dyDescent="0.3">
      <c r="A189" s="11">
        <v>2396496</v>
      </c>
      <c r="B189" s="11">
        <v>5026806</v>
      </c>
      <c r="C189" s="42" t="s">
        <v>73</v>
      </c>
      <c r="D189" s="3" t="s">
        <v>324</v>
      </c>
      <c r="E189" s="3" t="s">
        <v>211</v>
      </c>
      <c r="F189" s="3" t="s">
        <v>211</v>
      </c>
      <c r="G189" s="3" t="s">
        <v>116</v>
      </c>
      <c r="H189" s="3">
        <v>2022</v>
      </c>
      <c r="I189" s="3" t="s">
        <v>103</v>
      </c>
      <c r="J189" s="3" t="s">
        <v>74</v>
      </c>
      <c r="K189" s="35">
        <v>45092</v>
      </c>
      <c r="L189" t="s">
        <v>72</v>
      </c>
    </row>
    <row r="190" spans="1:12" ht="16.5" customHeight="1" x14ac:dyDescent="0.3">
      <c r="A190" s="11">
        <v>2402260</v>
      </c>
      <c r="B190" s="11">
        <v>5026806</v>
      </c>
      <c r="C190" s="42" t="s">
        <v>73</v>
      </c>
      <c r="D190" s="3" t="s">
        <v>325</v>
      </c>
      <c r="E190" s="3" t="s">
        <v>211</v>
      </c>
      <c r="F190" s="3" t="s">
        <v>211</v>
      </c>
      <c r="G190" s="3" t="s">
        <v>102</v>
      </c>
      <c r="H190" s="3">
        <v>2022</v>
      </c>
      <c r="I190" s="3" t="s">
        <v>103</v>
      </c>
      <c r="J190" s="3" t="s">
        <v>74</v>
      </c>
      <c r="K190" s="35">
        <v>45092</v>
      </c>
      <c r="L190" t="s">
        <v>72</v>
      </c>
    </row>
    <row r="191" spans="1:12" ht="16.5" customHeight="1" x14ac:dyDescent="0.3">
      <c r="A191" s="11">
        <v>2402263</v>
      </c>
      <c r="B191" s="11">
        <v>5026806</v>
      </c>
      <c r="C191" s="42" t="s">
        <v>73</v>
      </c>
      <c r="D191" s="3" t="s">
        <v>326</v>
      </c>
      <c r="E191" s="3" t="s">
        <v>211</v>
      </c>
      <c r="F191" s="3" t="s">
        <v>211</v>
      </c>
      <c r="G191" s="3" t="s">
        <v>102</v>
      </c>
      <c r="H191" s="3">
        <v>2022</v>
      </c>
      <c r="I191" s="3" t="s">
        <v>103</v>
      </c>
      <c r="J191" s="3" t="s">
        <v>74</v>
      </c>
      <c r="K191" s="35">
        <v>45092</v>
      </c>
      <c r="L191" t="s">
        <v>72</v>
      </c>
    </row>
    <row r="192" spans="1:12" ht="16.5" customHeight="1" x14ac:dyDescent="0.3">
      <c r="A192" s="11">
        <v>2402141</v>
      </c>
      <c r="B192" s="11">
        <v>5026806</v>
      </c>
      <c r="C192" s="42" t="s">
        <v>73</v>
      </c>
      <c r="D192" s="3" t="s">
        <v>327</v>
      </c>
      <c r="E192" s="3" t="s">
        <v>107</v>
      </c>
      <c r="F192" s="3" t="s">
        <v>108</v>
      </c>
      <c r="G192" s="3" t="s">
        <v>105</v>
      </c>
      <c r="H192" s="3">
        <v>2022</v>
      </c>
      <c r="I192" s="3" t="s">
        <v>103</v>
      </c>
      <c r="J192" s="3" t="s">
        <v>74</v>
      </c>
      <c r="K192" s="35">
        <v>45092</v>
      </c>
      <c r="L192" t="s">
        <v>72</v>
      </c>
    </row>
    <row r="193" spans="1:12" ht="16.5" customHeight="1" x14ac:dyDescent="0.3">
      <c r="A193" s="11">
        <v>2399781</v>
      </c>
      <c r="B193" s="11">
        <v>5026806</v>
      </c>
      <c r="C193" s="42" t="s">
        <v>73</v>
      </c>
      <c r="D193" s="3" t="s">
        <v>328</v>
      </c>
      <c r="E193" s="3" t="s">
        <v>100</v>
      </c>
      <c r="F193" s="3" t="s">
        <v>214</v>
      </c>
      <c r="G193" s="3" t="s">
        <v>105</v>
      </c>
      <c r="H193" s="3">
        <v>2022</v>
      </c>
      <c r="I193" s="3" t="s">
        <v>103</v>
      </c>
      <c r="J193" s="3" t="s">
        <v>74</v>
      </c>
      <c r="K193" s="35">
        <v>45092</v>
      </c>
      <c r="L193" t="s">
        <v>72</v>
      </c>
    </row>
    <row r="194" spans="1:12" ht="16.5" customHeight="1" x14ac:dyDescent="0.3">
      <c r="A194" s="11">
        <v>2399843</v>
      </c>
      <c r="B194" s="11">
        <v>5026806</v>
      </c>
      <c r="C194" s="42" t="s">
        <v>73</v>
      </c>
      <c r="D194" s="3" t="s">
        <v>329</v>
      </c>
      <c r="E194" s="3" t="s">
        <v>100</v>
      </c>
      <c r="F194" s="3" t="s">
        <v>214</v>
      </c>
      <c r="G194" s="3" t="s">
        <v>105</v>
      </c>
      <c r="H194" s="3">
        <v>2022</v>
      </c>
      <c r="I194" s="3" t="s">
        <v>103</v>
      </c>
      <c r="J194" s="3" t="s">
        <v>74</v>
      </c>
      <c r="K194" s="35">
        <v>45092</v>
      </c>
      <c r="L194" t="s">
        <v>72</v>
      </c>
    </row>
    <row r="195" spans="1:12" ht="16.5" customHeight="1" x14ac:dyDescent="0.3">
      <c r="A195" s="11">
        <v>2417114</v>
      </c>
      <c r="B195" s="11">
        <v>5026806</v>
      </c>
      <c r="C195" s="42" t="s">
        <v>73</v>
      </c>
      <c r="D195" s="3" t="s">
        <v>330</v>
      </c>
      <c r="E195" s="3" t="s">
        <v>100</v>
      </c>
      <c r="F195" s="3" t="s">
        <v>125</v>
      </c>
      <c r="G195" s="3" t="s">
        <v>116</v>
      </c>
      <c r="H195" s="3">
        <v>2022</v>
      </c>
      <c r="I195" s="3" t="s">
        <v>103</v>
      </c>
      <c r="J195" s="3" t="s">
        <v>74</v>
      </c>
      <c r="K195" s="35">
        <v>45092</v>
      </c>
      <c r="L195" t="s">
        <v>72</v>
      </c>
    </row>
    <row r="196" spans="1:12" ht="16.5" customHeight="1" x14ac:dyDescent="0.3">
      <c r="A196" s="11">
        <v>2375473</v>
      </c>
      <c r="B196" s="11">
        <v>5026806</v>
      </c>
      <c r="C196" s="42" t="s">
        <v>73</v>
      </c>
      <c r="D196" s="3" t="s">
        <v>331</v>
      </c>
      <c r="E196" s="3" t="s">
        <v>100</v>
      </c>
      <c r="F196" s="3" t="s">
        <v>332</v>
      </c>
      <c r="G196" s="3" t="s">
        <v>102</v>
      </c>
      <c r="H196" s="3">
        <v>2022</v>
      </c>
      <c r="I196" s="3" t="s">
        <v>103</v>
      </c>
      <c r="J196" s="3" t="s">
        <v>74</v>
      </c>
      <c r="K196" s="35">
        <v>45092</v>
      </c>
      <c r="L196" t="s">
        <v>72</v>
      </c>
    </row>
    <row r="197" spans="1:12" ht="16.5" customHeight="1" x14ac:dyDescent="0.3">
      <c r="A197" s="11">
        <v>2391164</v>
      </c>
      <c r="B197" s="11">
        <v>5026806</v>
      </c>
      <c r="C197" s="42" t="s">
        <v>73</v>
      </c>
      <c r="D197" s="3" t="s">
        <v>333</v>
      </c>
      <c r="E197" s="3" t="s">
        <v>100</v>
      </c>
      <c r="F197" s="3" t="s">
        <v>101</v>
      </c>
      <c r="G197" s="3" t="s">
        <v>105</v>
      </c>
      <c r="H197" s="3">
        <v>2022</v>
      </c>
      <c r="I197" s="3" t="s">
        <v>103</v>
      </c>
      <c r="J197" s="3" t="s">
        <v>74</v>
      </c>
      <c r="K197" s="35">
        <v>45092</v>
      </c>
      <c r="L197" t="s">
        <v>72</v>
      </c>
    </row>
    <row r="198" spans="1:12" ht="16.5" customHeight="1" x14ac:dyDescent="0.3">
      <c r="A198" s="11">
        <v>2268493</v>
      </c>
      <c r="B198" s="11">
        <v>5026806</v>
      </c>
      <c r="C198" s="42" t="s">
        <v>73</v>
      </c>
      <c r="D198" s="3" t="s">
        <v>334</v>
      </c>
      <c r="E198" s="3" t="s">
        <v>100</v>
      </c>
      <c r="F198" s="3" t="s">
        <v>233</v>
      </c>
      <c r="G198" s="3" t="s">
        <v>102</v>
      </c>
      <c r="H198" s="3">
        <v>2022</v>
      </c>
      <c r="I198" s="3" t="s">
        <v>103</v>
      </c>
      <c r="J198" s="3" t="s">
        <v>74</v>
      </c>
      <c r="K198" s="35">
        <v>45092</v>
      </c>
      <c r="L198" t="s">
        <v>72</v>
      </c>
    </row>
    <row r="199" spans="1:12" ht="16.5" customHeight="1" x14ac:dyDescent="0.3">
      <c r="A199" s="11">
        <v>2370134</v>
      </c>
      <c r="B199" s="11">
        <v>5026806</v>
      </c>
      <c r="C199" s="42" t="s">
        <v>73</v>
      </c>
      <c r="D199" s="3" t="s">
        <v>335</v>
      </c>
      <c r="E199" s="3" t="s">
        <v>100</v>
      </c>
      <c r="F199" s="3" t="s">
        <v>233</v>
      </c>
      <c r="G199" s="3" t="s">
        <v>105</v>
      </c>
      <c r="H199" s="3">
        <v>2022</v>
      </c>
      <c r="I199" s="3" t="s">
        <v>103</v>
      </c>
      <c r="J199" s="3" t="s">
        <v>74</v>
      </c>
      <c r="K199" s="35">
        <v>45092</v>
      </c>
      <c r="L199" t="s">
        <v>72</v>
      </c>
    </row>
    <row r="200" spans="1:12" ht="16.5" customHeight="1" x14ac:dyDescent="0.3">
      <c r="A200" s="11">
        <v>2396747</v>
      </c>
      <c r="B200" s="11">
        <v>5026806</v>
      </c>
      <c r="C200" s="42" t="s">
        <v>73</v>
      </c>
      <c r="D200" s="3" t="s">
        <v>336</v>
      </c>
      <c r="E200" s="3" t="s">
        <v>100</v>
      </c>
      <c r="F200" s="3" t="s">
        <v>233</v>
      </c>
      <c r="G200" s="3" t="s">
        <v>105</v>
      </c>
      <c r="H200" s="3">
        <v>2022</v>
      </c>
      <c r="I200" s="3" t="s">
        <v>103</v>
      </c>
      <c r="J200" s="3" t="s">
        <v>74</v>
      </c>
      <c r="K200" s="35">
        <v>45092</v>
      </c>
      <c r="L200" t="s">
        <v>72</v>
      </c>
    </row>
    <row r="201" spans="1:12" ht="16.5" customHeight="1" x14ac:dyDescent="0.3">
      <c r="A201" s="11">
        <v>2402985</v>
      </c>
      <c r="B201" s="11">
        <v>5026806</v>
      </c>
      <c r="C201" s="42" t="s">
        <v>73</v>
      </c>
      <c r="D201" s="3" t="s">
        <v>337</v>
      </c>
      <c r="E201" s="3" t="s">
        <v>100</v>
      </c>
      <c r="F201" s="3" t="s">
        <v>233</v>
      </c>
      <c r="G201" s="3" t="s">
        <v>105</v>
      </c>
      <c r="H201" s="3">
        <v>2022</v>
      </c>
      <c r="I201" s="3" t="s">
        <v>103</v>
      </c>
      <c r="J201" s="3" t="s">
        <v>74</v>
      </c>
      <c r="K201" s="35">
        <v>45092</v>
      </c>
      <c r="L201" t="s">
        <v>72</v>
      </c>
    </row>
    <row r="202" spans="1:12" ht="16.5" customHeight="1" x14ac:dyDescent="0.3">
      <c r="A202" s="11">
        <v>2005656</v>
      </c>
      <c r="B202" s="11">
        <v>5026806</v>
      </c>
      <c r="C202" s="42" t="s">
        <v>73</v>
      </c>
      <c r="D202" s="3" t="s">
        <v>338</v>
      </c>
      <c r="E202" s="3" t="s">
        <v>100</v>
      </c>
      <c r="F202" s="3" t="s">
        <v>171</v>
      </c>
      <c r="G202" s="3" t="s">
        <v>105</v>
      </c>
      <c r="H202" s="3">
        <v>2022</v>
      </c>
      <c r="I202" s="3" t="s">
        <v>103</v>
      </c>
      <c r="J202" s="3" t="s">
        <v>74</v>
      </c>
      <c r="K202" s="35">
        <v>45092</v>
      </c>
      <c r="L202" t="s">
        <v>72</v>
      </c>
    </row>
    <row r="203" spans="1:12" ht="16.5" customHeight="1" x14ac:dyDescent="0.3">
      <c r="A203" s="11">
        <v>2398344</v>
      </c>
      <c r="B203" s="11">
        <v>5026806</v>
      </c>
      <c r="C203" s="42" t="s">
        <v>73</v>
      </c>
      <c r="D203" s="3" t="s">
        <v>339</v>
      </c>
      <c r="E203" s="3" t="s">
        <v>100</v>
      </c>
      <c r="F203" s="3" t="s">
        <v>171</v>
      </c>
      <c r="G203" s="3" t="s">
        <v>102</v>
      </c>
      <c r="H203" s="3">
        <v>2022</v>
      </c>
      <c r="I203" s="3" t="s">
        <v>103</v>
      </c>
      <c r="J203" s="3" t="s">
        <v>74</v>
      </c>
      <c r="K203" s="35">
        <v>45092</v>
      </c>
      <c r="L203" t="s">
        <v>72</v>
      </c>
    </row>
    <row r="204" spans="1:12" ht="16.5" customHeight="1" x14ac:dyDescent="0.3">
      <c r="A204" s="11">
        <v>2357623</v>
      </c>
      <c r="B204" s="11">
        <v>5026806</v>
      </c>
      <c r="C204" s="42" t="s">
        <v>73</v>
      </c>
      <c r="D204" s="3" t="s">
        <v>340</v>
      </c>
      <c r="E204" s="3" t="s">
        <v>100</v>
      </c>
      <c r="F204" s="3" t="s">
        <v>127</v>
      </c>
      <c r="G204" s="3" t="s">
        <v>105</v>
      </c>
      <c r="H204" s="3">
        <v>2022</v>
      </c>
      <c r="I204" s="3" t="s">
        <v>103</v>
      </c>
      <c r="J204" s="3" t="s">
        <v>74</v>
      </c>
      <c r="K204" s="35">
        <v>45092</v>
      </c>
      <c r="L204" t="s">
        <v>72</v>
      </c>
    </row>
    <row r="205" spans="1:12" ht="16.5" customHeight="1" x14ac:dyDescent="0.3">
      <c r="A205" s="11">
        <v>2417020</v>
      </c>
      <c r="B205" s="11">
        <v>5027811</v>
      </c>
      <c r="C205" s="42" t="s">
        <v>341</v>
      </c>
      <c r="D205" s="3" t="s">
        <v>342</v>
      </c>
      <c r="E205" s="3" t="s">
        <v>100</v>
      </c>
      <c r="F205" s="3" t="s">
        <v>113</v>
      </c>
      <c r="G205" s="3" t="s">
        <v>105</v>
      </c>
      <c r="H205" s="3">
        <v>2022</v>
      </c>
      <c r="I205" s="3" t="s">
        <v>103</v>
      </c>
      <c r="J205" s="3" t="s">
        <v>74</v>
      </c>
      <c r="K205" s="35">
        <v>45092</v>
      </c>
      <c r="L205" t="s">
        <v>72</v>
      </c>
    </row>
    <row r="206" spans="1:12" ht="16.5" customHeight="1" x14ac:dyDescent="0.3">
      <c r="A206" s="11">
        <v>2371755</v>
      </c>
      <c r="B206" s="11">
        <v>5026806</v>
      </c>
      <c r="C206" s="42" t="s">
        <v>73</v>
      </c>
      <c r="D206" s="3" t="s">
        <v>343</v>
      </c>
      <c r="E206" s="3" t="s">
        <v>100</v>
      </c>
      <c r="F206" s="3" t="s">
        <v>113</v>
      </c>
      <c r="G206" s="3" t="s">
        <v>105</v>
      </c>
      <c r="H206" s="3">
        <v>2022</v>
      </c>
      <c r="I206" s="3" t="s">
        <v>103</v>
      </c>
      <c r="J206" s="3" t="s">
        <v>74</v>
      </c>
      <c r="K206" s="35">
        <v>45092</v>
      </c>
      <c r="L206" t="s">
        <v>72</v>
      </c>
    </row>
    <row r="207" spans="1:12" ht="16.5" customHeight="1" x14ac:dyDescent="0.3">
      <c r="A207" s="11">
        <v>2320880</v>
      </c>
      <c r="B207" s="11">
        <v>5026806</v>
      </c>
      <c r="C207" s="42" t="s">
        <v>73</v>
      </c>
      <c r="D207" s="3" t="s">
        <v>344</v>
      </c>
      <c r="E207" s="3" t="s">
        <v>100</v>
      </c>
      <c r="F207" s="3" t="s">
        <v>120</v>
      </c>
      <c r="G207" s="3" t="s">
        <v>102</v>
      </c>
      <c r="H207" s="3">
        <v>2022</v>
      </c>
      <c r="I207" s="3" t="s">
        <v>103</v>
      </c>
      <c r="J207" s="3" t="s">
        <v>74</v>
      </c>
      <c r="K207" s="35">
        <v>45092</v>
      </c>
      <c r="L207" t="s">
        <v>72</v>
      </c>
    </row>
    <row r="208" spans="1:12" ht="16.5" customHeight="1" x14ac:dyDescent="0.3">
      <c r="A208" s="11">
        <v>2357336</v>
      </c>
      <c r="B208" s="11">
        <v>5026806</v>
      </c>
      <c r="C208" s="42" t="s">
        <v>73</v>
      </c>
      <c r="D208" s="3" t="s">
        <v>345</v>
      </c>
      <c r="E208" s="3" t="s">
        <v>100</v>
      </c>
      <c r="F208" s="3" t="s">
        <v>120</v>
      </c>
      <c r="G208" s="3" t="s">
        <v>102</v>
      </c>
      <c r="H208" s="3">
        <v>2022</v>
      </c>
      <c r="I208" s="3" t="s">
        <v>103</v>
      </c>
      <c r="J208" s="3" t="s">
        <v>74</v>
      </c>
      <c r="K208" s="35">
        <v>45092</v>
      </c>
      <c r="L208" t="s">
        <v>72</v>
      </c>
    </row>
    <row r="209" spans="1:12" ht="16.5" customHeight="1" x14ac:dyDescent="0.3">
      <c r="A209" s="11">
        <v>2351584</v>
      </c>
      <c r="B209" s="11">
        <v>5026806</v>
      </c>
      <c r="C209" s="42" t="s">
        <v>73</v>
      </c>
      <c r="D209" s="3" t="s">
        <v>346</v>
      </c>
      <c r="E209" s="3" t="s">
        <v>100</v>
      </c>
      <c r="F209" s="3" t="s">
        <v>137</v>
      </c>
      <c r="G209" s="3" t="s">
        <v>102</v>
      </c>
      <c r="H209" s="3">
        <v>2022</v>
      </c>
      <c r="I209" s="3" t="s">
        <v>103</v>
      </c>
      <c r="J209" s="3" t="s">
        <v>74</v>
      </c>
      <c r="K209" s="35">
        <v>45092</v>
      </c>
      <c r="L209" t="s">
        <v>72</v>
      </c>
    </row>
    <row r="210" spans="1:12" ht="16.5" customHeight="1" x14ac:dyDescent="0.3">
      <c r="A210" s="11">
        <v>2401498</v>
      </c>
      <c r="B210" s="11">
        <v>5026806</v>
      </c>
      <c r="C210" s="42" t="s">
        <v>73</v>
      </c>
      <c r="D210" s="3" t="s">
        <v>347</v>
      </c>
      <c r="E210" s="3" t="s">
        <v>100</v>
      </c>
      <c r="F210" s="3" t="s">
        <v>137</v>
      </c>
      <c r="G210" s="3" t="s">
        <v>105</v>
      </c>
      <c r="H210" s="3">
        <v>2022</v>
      </c>
      <c r="I210" s="3" t="s">
        <v>103</v>
      </c>
      <c r="J210" s="3" t="s">
        <v>74</v>
      </c>
      <c r="K210" s="35">
        <v>45092</v>
      </c>
      <c r="L210" t="s">
        <v>72</v>
      </c>
    </row>
    <row r="211" spans="1:12" ht="16.5" customHeight="1" x14ac:dyDescent="0.3">
      <c r="A211" s="11">
        <v>2429240</v>
      </c>
      <c r="B211" s="11">
        <v>5026806</v>
      </c>
      <c r="C211" s="42" t="s">
        <v>73</v>
      </c>
      <c r="D211" s="3" t="s">
        <v>348</v>
      </c>
      <c r="E211" s="3" t="s">
        <v>100</v>
      </c>
      <c r="F211" s="3" t="s">
        <v>137</v>
      </c>
      <c r="G211" s="3" t="s">
        <v>102</v>
      </c>
      <c r="H211" s="3">
        <v>2022</v>
      </c>
      <c r="I211" s="3" t="s">
        <v>103</v>
      </c>
      <c r="J211" s="3" t="s">
        <v>74</v>
      </c>
      <c r="K211" s="35">
        <v>45092</v>
      </c>
      <c r="L211" t="s">
        <v>72</v>
      </c>
    </row>
    <row r="212" spans="1:12" ht="16.5" customHeight="1" x14ac:dyDescent="0.3">
      <c r="A212" s="11">
        <v>2357203</v>
      </c>
      <c r="B212" s="11">
        <v>5026806</v>
      </c>
      <c r="C212" s="42" t="s">
        <v>73</v>
      </c>
      <c r="D212" s="3" t="s">
        <v>349</v>
      </c>
      <c r="E212" s="3" t="s">
        <v>100</v>
      </c>
      <c r="F212" s="3" t="s">
        <v>193</v>
      </c>
      <c r="G212" s="3" t="s">
        <v>116</v>
      </c>
      <c r="H212" s="3">
        <v>2022</v>
      </c>
      <c r="I212" s="3" t="s">
        <v>103</v>
      </c>
      <c r="J212" s="3" t="s">
        <v>74</v>
      </c>
      <c r="K212" s="35">
        <v>45092</v>
      </c>
      <c r="L212" t="s">
        <v>72</v>
      </c>
    </row>
    <row r="213" spans="1:12" ht="16.5" customHeight="1" x14ac:dyDescent="0.3">
      <c r="A213" s="11">
        <v>2391385</v>
      </c>
      <c r="B213" s="11">
        <v>5026806</v>
      </c>
      <c r="C213" s="42" t="s">
        <v>73</v>
      </c>
      <c r="D213" s="3" t="s">
        <v>350</v>
      </c>
      <c r="E213" s="3" t="s">
        <v>100</v>
      </c>
      <c r="F213" s="3" t="s">
        <v>145</v>
      </c>
      <c r="G213" s="3" t="s">
        <v>105</v>
      </c>
      <c r="H213" s="3">
        <v>2022</v>
      </c>
      <c r="I213" s="3" t="s">
        <v>103</v>
      </c>
      <c r="J213" s="3" t="s">
        <v>74</v>
      </c>
      <c r="K213" s="35">
        <v>45092</v>
      </c>
      <c r="L213" t="s">
        <v>72</v>
      </c>
    </row>
    <row r="214" spans="1:12" ht="16.5" customHeight="1" x14ac:dyDescent="0.3">
      <c r="A214" s="11">
        <v>2355184</v>
      </c>
      <c r="B214" s="11">
        <v>5026806</v>
      </c>
      <c r="C214" s="42" t="s">
        <v>73</v>
      </c>
      <c r="D214" s="3" t="s">
        <v>351</v>
      </c>
      <c r="E214" s="3" t="s">
        <v>100</v>
      </c>
      <c r="F214" s="3" t="s">
        <v>153</v>
      </c>
      <c r="G214" s="3" t="s">
        <v>105</v>
      </c>
      <c r="H214" s="3">
        <v>2022</v>
      </c>
      <c r="I214" s="3" t="s">
        <v>103</v>
      </c>
      <c r="J214" s="3" t="s">
        <v>74</v>
      </c>
      <c r="K214" s="35">
        <v>45092</v>
      </c>
      <c r="L214" t="s">
        <v>72</v>
      </c>
    </row>
    <row r="215" spans="1:12" ht="16.5" customHeight="1" x14ac:dyDescent="0.3">
      <c r="A215" s="11">
        <v>2305079</v>
      </c>
      <c r="B215" s="11">
        <v>5026717</v>
      </c>
      <c r="C215" s="42" t="s">
        <v>76</v>
      </c>
      <c r="D215" s="3" t="s">
        <v>352</v>
      </c>
      <c r="E215" s="3" t="s">
        <v>178</v>
      </c>
      <c r="F215" s="3" t="s">
        <v>178</v>
      </c>
      <c r="G215" s="3" t="s">
        <v>102</v>
      </c>
      <c r="H215" s="3">
        <v>2022</v>
      </c>
      <c r="I215" s="3" t="s">
        <v>103</v>
      </c>
      <c r="J215" s="3" t="s">
        <v>77</v>
      </c>
      <c r="K215" s="14">
        <v>45057</v>
      </c>
      <c r="L215" s="3" t="s">
        <v>75</v>
      </c>
    </row>
    <row r="216" spans="1:12" ht="16.5" customHeight="1" x14ac:dyDescent="0.3">
      <c r="A216" s="11">
        <v>2300365</v>
      </c>
      <c r="B216" s="11">
        <v>5026717</v>
      </c>
      <c r="C216" s="42" t="s">
        <v>76</v>
      </c>
      <c r="D216" s="3" t="s">
        <v>353</v>
      </c>
      <c r="E216" s="3" t="s">
        <v>100</v>
      </c>
      <c r="F216" s="3" t="s">
        <v>123</v>
      </c>
      <c r="G216" s="44" t="s">
        <v>105</v>
      </c>
      <c r="H216" s="3">
        <v>2022</v>
      </c>
      <c r="I216" s="3" t="s">
        <v>103</v>
      </c>
      <c r="J216" s="3" t="s">
        <v>77</v>
      </c>
      <c r="K216" s="14">
        <v>45057</v>
      </c>
      <c r="L216" s="3" t="s">
        <v>75</v>
      </c>
    </row>
    <row r="217" spans="1:12" ht="16.5" customHeight="1" x14ac:dyDescent="0.3">
      <c r="A217" s="11">
        <v>2299195</v>
      </c>
      <c r="B217" s="11">
        <v>5026717</v>
      </c>
      <c r="C217" s="42" t="s">
        <v>76</v>
      </c>
      <c r="D217" s="3" t="s">
        <v>354</v>
      </c>
      <c r="E217" s="3" t="s">
        <v>100</v>
      </c>
      <c r="F217" s="3" t="s">
        <v>108</v>
      </c>
      <c r="G217" s="44" t="s">
        <v>105</v>
      </c>
      <c r="H217" s="3">
        <v>2022</v>
      </c>
      <c r="I217" s="3" t="s">
        <v>103</v>
      </c>
      <c r="J217" s="3" t="s">
        <v>77</v>
      </c>
      <c r="K217" s="14">
        <v>45057</v>
      </c>
      <c r="L217" s="3" t="s">
        <v>75</v>
      </c>
    </row>
    <row r="218" spans="1:12" ht="16.5" customHeight="1" x14ac:dyDescent="0.3">
      <c r="A218" s="11">
        <v>2280423</v>
      </c>
      <c r="B218" s="11">
        <v>4538581</v>
      </c>
      <c r="C218" s="42" t="s">
        <v>203</v>
      </c>
      <c r="D218" s="3" t="s">
        <v>204</v>
      </c>
      <c r="E218" s="3" t="s">
        <v>100</v>
      </c>
      <c r="F218" s="3" t="s">
        <v>127</v>
      </c>
      <c r="G218" s="44" t="s">
        <v>105</v>
      </c>
      <c r="H218" s="3">
        <v>2022</v>
      </c>
      <c r="I218" s="3" t="s">
        <v>103</v>
      </c>
      <c r="J218" s="3" t="s">
        <v>77</v>
      </c>
      <c r="K218" s="14">
        <v>45057</v>
      </c>
      <c r="L218" s="3" t="s">
        <v>75</v>
      </c>
    </row>
    <row r="219" spans="1:12" ht="16.5" customHeight="1" x14ac:dyDescent="0.3">
      <c r="A219" s="11">
        <v>2306513</v>
      </c>
      <c r="B219" s="11">
        <v>5026717</v>
      </c>
      <c r="C219" s="42" t="s">
        <v>76</v>
      </c>
      <c r="D219" s="3" t="s">
        <v>355</v>
      </c>
      <c r="E219" s="3" t="s">
        <v>100</v>
      </c>
      <c r="F219" s="3" t="s">
        <v>127</v>
      </c>
      <c r="G219" s="3" t="s">
        <v>102</v>
      </c>
      <c r="H219" s="3">
        <v>2022</v>
      </c>
      <c r="I219" s="3" t="s">
        <v>103</v>
      </c>
      <c r="J219" s="3" t="s">
        <v>77</v>
      </c>
      <c r="K219" s="14">
        <v>45057</v>
      </c>
      <c r="L219" s="3" t="s">
        <v>75</v>
      </c>
    </row>
    <row r="220" spans="1:12" ht="16.5" customHeight="1" x14ac:dyDescent="0.3">
      <c r="A220" s="11">
        <v>2310201</v>
      </c>
      <c r="B220" s="11">
        <v>5026717</v>
      </c>
      <c r="C220" s="42" t="s">
        <v>76</v>
      </c>
      <c r="D220" s="3" t="s">
        <v>356</v>
      </c>
      <c r="E220" s="3" t="s">
        <v>100</v>
      </c>
      <c r="F220" s="3" t="s">
        <v>127</v>
      </c>
      <c r="G220" s="44" t="s">
        <v>105</v>
      </c>
      <c r="H220" s="3">
        <v>2022</v>
      </c>
      <c r="I220" s="3" t="s">
        <v>103</v>
      </c>
      <c r="J220" s="3" t="s">
        <v>77</v>
      </c>
      <c r="K220" s="14">
        <v>45057</v>
      </c>
      <c r="L220" s="3" t="s">
        <v>75</v>
      </c>
    </row>
    <row r="221" spans="1:12" ht="16.5" customHeight="1" x14ac:dyDescent="0.3">
      <c r="A221" s="11">
        <v>2344871</v>
      </c>
      <c r="B221" s="11">
        <v>5026717</v>
      </c>
      <c r="C221" s="42" t="s">
        <v>76</v>
      </c>
      <c r="D221" s="3" t="s">
        <v>357</v>
      </c>
      <c r="E221" s="3" t="s">
        <v>100</v>
      </c>
      <c r="F221" s="3" t="s">
        <v>127</v>
      </c>
      <c r="G221" s="44" t="s">
        <v>105</v>
      </c>
      <c r="H221" s="3">
        <v>2022</v>
      </c>
      <c r="I221" s="3" t="s">
        <v>103</v>
      </c>
      <c r="J221" s="3" t="s">
        <v>77</v>
      </c>
      <c r="K221" s="14">
        <v>45057</v>
      </c>
      <c r="L221" s="3" t="s">
        <v>75</v>
      </c>
    </row>
    <row r="222" spans="1:12" ht="16.5" customHeight="1" x14ac:dyDescent="0.3">
      <c r="A222" s="11">
        <v>2306669</v>
      </c>
      <c r="B222" s="11">
        <v>5026717</v>
      </c>
      <c r="C222" s="42" t="s">
        <v>76</v>
      </c>
      <c r="D222" s="3" t="s">
        <v>358</v>
      </c>
      <c r="E222" s="3" t="s">
        <v>100</v>
      </c>
      <c r="F222" s="3" t="s">
        <v>127</v>
      </c>
      <c r="G222" s="44" t="s">
        <v>105</v>
      </c>
      <c r="H222" s="3">
        <v>2022</v>
      </c>
      <c r="I222" s="3" t="s">
        <v>103</v>
      </c>
      <c r="J222" s="3" t="s">
        <v>77</v>
      </c>
      <c r="K222" s="14">
        <v>45057</v>
      </c>
      <c r="L222" s="3" t="s">
        <v>75</v>
      </c>
    </row>
    <row r="223" spans="1:12" ht="16.5" customHeight="1" x14ac:dyDescent="0.3">
      <c r="A223" s="11">
        <v>2329208</v>
      </c>
      <c r="B223" s="11">
        <v>5026717</v>
      </c>
      <c r="C223" s="42" t="s">
        <v>76</v>
      </c>
      <c r="D223" s="3" t="s">
        <v>359</v>
      </c>
      <c r="E223" s="3" t="s">
        <v>100</v>
      </c>
      <c r="F223" s="3" t="s">
        <v>127</v>
      </c>
      <c r="G223" s="44" t="s">
        <v>105</v>
      </c>
      <c r="H223" s="3">
        <v>2022</v>
      </c>
      <c r="I223" s="3" t="s">
        <v>103</v>
      </c>
      <c r="J223" s="3" t="s">
        <v>77</v>
      </c>
      <c r="K223" s="14">
        <v>45057</v>
      </c>
      <c r="L223" s="3" t="s">
        <v>75</v>
      </c>
    </row>
    <row r="224" spans="1:12" ht="16.5" customHeight="1" x14ac:dyDescent="0.3">
      <c r="A224" s="11">
        <v>2344940</v>
      </c>
      <c r="B224" s="11">
        <v>5026717</v>
      </c>
      <c r="C224" s="42" t="s">
        <v>76</v>
      </c>
      <c r="D224" s="3" t="s">
        <v>360</v>
      </c>
      <c r="E224" s="3" t="s">
        <v>100</v>
      </c>
      <c r="F224" s="3" t="s">
        <v>127</v>
      </c>
      <c r="G224" s="44" t="s">
        <v>105</v>
      </c>
      <c r="H224" s="3">
        <v>2022</v>
      </c>
      <c r="I224" s="3" t="s">
        <v>103</v>
      </c>
      <c r="J224" s="3" t="s">
        <v>77</v>
      </c>
      <c r="K224" s="14">
        <v>45057</v>
      </c>
      <c r="L224" s="3" t="s">
        <v>75</v>
      </c>
    </row>
    <row r="225" spans="1:12" ht="16.5" customHeight="1" x14ac:dyDescent="0.3">
      <c r="A225" s="11">
        <v>2344943</v>
      </c>
      <c r="B225" s="11">
        <v>5026717</v>
      </c>
      <c r="C225" s="42" t="s">
        <v>76</v>
      </c>
      <c r="D225" s="3" t="s">
        <v>361</v>
      </c>
      <c r="E225" s="3" t="s">
        <v>100</v>
      </c>
      <c r="F225" s="3" t="s">
        <v>127</v>
      </c>
      <c r="G225" s="44" t="s">
        <v>105</v>
      </c>
      <c r="H225" s="3">
        <v>2022</v>
      </c>
      <c r="I225" s="3" t="s">
        <v>103</v>
      </c>
      <c r="J225" s="3" t="s">
        <v>77</v>
      </c>
      <c r="K225" s="14">
        <v>45057</v>
      </c>
      <c r="L225" s="3" t="s">
        <v>75</v>
      </c>
    </row>
    <row r="226" spans="1:12" ht="16.5" customHeight="1" x14ac:dyDescent="0.3">
      <c r="A226" s="11">
        <v>2344945</v>
      </c>
      <c r="B226" s="11">
        <v>5026717</v>
      </c>
      <c r="C226" s="42" t="s">
        <v>76</v>
      </c>
      <c r="D226" s="3" t="s">
        <v>362</v>
      </c>
      <c r="E226" s="3" t="s">
        <v>100</v>
      </c>
      <c r="F226" s="3" t="s">
        <v>127</v>
      </c>
      <c r="G226" s="44" t="s">
        <v>105</v>
      </c>
      <c r="H226" s="3">
        <v>2022</v>
      </c>
      <c r="I226" s="3" t="s">
        <v>103</v>
      </c>
      <c r="J226" s="3" t="s">
        <v>77</v>
      </c>
      <c r="K226" s="14">
        <v>45057</v>
      </c>
      <c r="L226" s="3" t="s">
        <v>75</v>
      </c>
    </row>
    <row r="227" spans="1:12" ht="16.5" customHeight="1" x14ac:dyDescent="0.3">
      <c r="A227" s="11">
        <v>2278800</v>
      </c>
      <c r="B227" s="11">
        <v>5026717</v>
      </c>
      <c r="C227" s="42" t="s">
        <v>76</v>
      </c>
      <c r="D227" s="3" t="s">
        <v>363</v>
      </c>
      <c r="E227" s="3" t="s">
        <v>100</v>
      </c>
      <c r="F227" s="3" t="s">
        <v>113</v>
      </c>
      <c r="G227" s="44" t="s">
        <v>105</v>
      </c>
      <c r="H227" s="3">
        <v>2022</v>
      </c>
      <c r="I227" s="3" t="s">
        <v>103</v>
      </c>
      <c r="J227" s="3" t="s">
        <v>77</v>
      </c>
      <c r="K227" s="14">
        <v>45057</v>
      </c>
      <c r="L227" s="3" t="s">
        <v>75</v>
      </c>
    </row>
    <row r="228" spans="1:12" ht="16.5" customHeight="1" x14ac:dyDescent="0.3">
      <c r="A228" s="11">
        <v>2297428</v>
      </c>
      <c r="B228" s="11">
        <v>5026717</v>
      </c>
      <c r="C228" s="42" t="s">
        <v>76</v>
      </c>
      <c r="D228" s="3" t="s">
        <v>364</v>
      </c>
      <c r="E228" s="3" t="s">
        <v>100</v>
      </c>
      <c r="F228" s="3" t="s">
        <v>113</v>
      </c>
      <c r="G228" s="44" t="s">
        <v>105</v>
      </c>
      <c r="H228" s="3">
        <v>2022</v>
      </c>
      <c r="I228" s="3" t="s">
        <v>103</v>
      </c>
      <c r="J228" s="3" t="s">
        <v>77</v>
      </c>
      <c r="K228" s="14">
        <v>45057</v>
      </c>
      <c r="L228" s="3" t="s">
        <v>75</v>
      </c>
    </row>
    <row r="229" spans="1:12" ht="16.5" customHeight="1" x14ac:dyDescent="0.3">
      <c r="A229" s="11">
        <v>2307893</v>
      </c>
      <c r="B229" s="11">
        <v>5026717</v>
      </c>
      <c r="C229" s="42" t="s">
        <v>76</v>
      </c>
      <c r="D229" s="3" t="s">
        <v>365</v>
      </c>
      <c r="E229" s="3" t="s">
        <v>100</v>
      </c>
      <c r="F229" s="3" t="s">
        <v>113</v>
      </c>
      <c r="G229" s="44" t="s">
        <v>105</v>
      </c>
      <c r="H229" s="3">
        <v>2022</v>
      </c>
      <c r="I229" s="3" t="s">
        <v>103</v>
      </c>
      <c r="J229" s="3" t="s">
        <v>77</v>
      </c>
      <c r="K229" s="14">
        <v>45057</v>
      </c>
      <c r="L229" s="3" t="s">
        <v>75</v>
      </c>
    </row>
    <row r="230" spans="1:12" ht="16.5" customHeight="1" x14ac:dyDescent="0.3">
      <c r="A230" s="11">
        <v>2313621</v>
      </c>
      <c r="B230" s="11">
        <v>5026717</v>
      </c>
      <c r="C230" s="42" t="s">
        <v>76</v>
      </c>
      <c r="D230" s="3" t="s">
        <v>366</v>
      </c>
      <c r="E230" s="3" t="s">
        <v>100</v>
      </c>
      <c r="F230" s="3" t="s">
        <v>113</v>
      </c>
      <c r="G230" s="44" t="s">
        <v>105</v>
      </c>
      <c r="H230" s="3">
        <v>2022</v>
      </c>
      <c r="I230" s="3" t="s">
        <v>103</v>
      </c>
      <c r="J230" s="3" t="s">
        <v>77</v>
      </c>
      <c r="K230" s="14">
        <v>45057</v>
      </c>
      <c r="L230" s="3" t="s">
        <v>75</v>
      </c>
    </row>
    <row r="231" spans="1:12" ht="16.5" customHeight="1" x14ac:dyDescent="0.3">
      <c r="A231" s="11">
        <v>2343788</v>
      </c>
      <c r="B231" s="11">
        <v>5026717</v>
      </c>
      <c r="C231" s="42" t="s">
        <v>76</v>
      </c>
      <c r="D231" s="3" t="s">
        <v>367</v>
      </c>
      <c r="E231" s="3" t="s">
        <v>100</v>
      </c>
      <c r="F231" s="3" t="s">
        <v>113</v>
      </c>
      <c r="G231" s="44" t="s">
        <v>105</v>
      </c>
      <c r="H231" s="3">
        <v>2022</v>
      </c>
      <c r="I231" s="3" t="s">
        <v>103</v>
      </c>
      <c r="J231" s="3" t="s">
        <v>77</v>
      </c>
      <c r="K231" s="14">
        <v>45057</v>
      </c>
      <c r="L231" s="3" t="s">
        <v>75</v>
      </c>
    </row>
    <row r="232" spans="1:12" ht="16.5" customHeight="1" x14ac:dyDescent="0.3">
      <c r="A232" s="11">
        <v>2303424</v>
      </c>
      <c r="B232" s="11">
        <v>5026717</v>
      </c>
      <c r="C232" s="42" t="s">
        <v>76</v>
      </c>
      <c r="D232" s="3" t="s">
        <v>368</v>
      </c>
      <c r="E232" s="3" t="s">
        <v>100</v>
      </c>
      <c r="F232" s="3" t="s">
        <v>120</v>
      </c>
      <c r="G232" s="44" t="s">
        <v>105</v>
      </c>
      <c r="H232" s="3">
        <v>2022</v>
      </c>
      <c r="I232" s="3" t="s">
        <v>103</v>
      </c>
      <c r="J232" s="3" t="s">
        <v>77</v>
      </c>
      <c r="K232" s="14">
        <v>45057</v>
      </c>
      <c r="L232" s="3" t="s">
        <v>75</v>
      </c>
    </row>
    <row r="233" spans="1:12" ht="16.5" customHeight="1" x14ac:dyDescent="0.3">
      <c r="A233" s="11">
        <v>2335976</v>
      </c>
      <c r="B233" s="11">
        <v>5026717</v>
      </c>
      <c r="C233" s="42" t="s">
        <v>76</v>
      </c>
      <c r="D233" s="3" t="s">
        <v>369</v>
      </c>
      <c r="E233" s="3" t="s">
        <v>100</v>
      </c>
      <c r="F233" s="3" t="s">
        <v>120</v>
      </c>
      <c r="G233" s="44" t="s">
        <v>105</v>
      </c>
      <c r="H233" s="3">
        <v>2022</v>
      </c>
      <c r="I233" s="3" t="s">
        <v>103</v>
      </c>
      <c r="J233" s="3" t="s">
        <v>77</v>
      </c>
      <c r="K233" s="14">
        <v>45057</v>
      </c>
      <c r="L233" s="3" t="s">
        <v>75</v>
      </c>
    </row>
    <row r="234" spans="1:12" ht="16.5" customHeight="1" x14ac:dyDescent="0.3">
      <c r="A234" s="11">
        <v>2312111</v>
      </c>
      <c r="B234" s="11">
        <v>5027331</v>
      </c>
      <c r="C234" s="42" t="s">
        <v>370</v>
      </c>
      <c r="D234" s="3" t="s">
        <v>371</v>
      </c>
      <c r="E234" s="3" t="s">
        <v>100</v>
      </c>
      <c r="F234" s="3" t="s">
        <v>193</v>
      </c>
      <c r="G234" s="44" t="s">
        <v>105</v>
      </c>
      <c r="H234" s="3">
        <v>2022</v>
      </c>
      <c r="I234" s="3" t="s">
        <v>103</v>
      </c>
      <c r="J234" s="3" t="s">
        <v>77</v>
      </c>
      <c r="K234" s="14">
        <v>45057</v>
      </c>
      <c r="L234" s="3" t="s">
        <v>75</v>
      </c>
    </row>
    <row r="235" spans="1:12" ht="16.5" customHeight="1" x14ac:dyDescent="0.3">
      <c r="A235" s="11">
        <v>2329148</v>
      </c>
      <c r="B235" s="11">
        <v>5026717</v>
      </c>
      <c r="C235" s="42" t="s">
        <v>76</v>
      </c>
      <c r="D235" s="3" t="s">
        <v>372</v>
      </c>
      <c r="E235" s="3" t="s">
        <v>100</v>
      </c>
      <c r="F235" s="3" t="s">
        <v>100</v>
      </c>
      <c r="G235" s="3" t="s">
        <v>116</v>
      </c>
      <c r="H235" s="3">
        <v>2022</v>
      </c>
      <c r="I235" s="3" t="s">
        <v>103</v>
      </c>
      <c r="J235" s="3" t="s">
        <v>77</v>
      </c>
      <c r="K235" s="14">
        <v>45057</v>
      </c>
      <c r="L235" s="3" t="s">
        <v>75</v>
      </c>
    </row>
    <row r="236" spans="1:12" ht="16.5" customHeight="1" x14ac:dyDescent="0.3">
      <c r="A236" s="11">
        <v>2273502</v>
      </c>
      <c r="B236" s="11">
        <v>5024396</v>
      </c>
      <c r="C236" s="43" t="s">
        <v>79</v>
      </c>
      <c r="D236" t="s">
        <v>373</v>
      </c>
      <c r="E236" s="44" t="s">
        <v>100</v>
      </c>
      <c r="F236" s="44" t="s">
        <v>120</v>
      </c>
      <c r="G236" s="44" t="s">
        <v>105</v>
      </c>
      <c r="H236" s="3">
        <v>2022</v>
      </c>
      <c r="I236" s="3" t="s">
        <v>103</v>
      </c>
      <c r="J236" s="44" t="s">
        <v>80</v>
      </c>
      <c r="K236" s="14">
        <v>45029</v>
      </c>
      <c r="L236" s="45" t="s">
        <v>78</v>
      </c>
    </row>
    <row r="237" spans="1:12" ht="16.5" customHeight="1" x14ac:dyDescent="0.3">
      <c r="A237" s="11">
        <v>2283663</v>
      </c>
      <c r="B237" s="11">
        <v>5024396</v>
      </c>
      <c r="C237" s="42" t="s">
        <v>79</v>
      </c>
      <c r="D237" t="s">
        <v>374</v>
      </c>
      <c r="E237" s="3" t="s">
        <v>100</v>
      </c>
      <c r="F237" s="3" t="s">
        <v>100</v>
      </c>
      <c r="G237" s="3" t="s">
        <v>105</v>
      </c>
      <c r="H237" s="3">
        <v>2022</v>
      </c>
      <c r="I237" s="3" t="s">
        <v>103</v>
      </c>
      <c r="J237" s="44" t="s">
        <v>80</v>
      </c>
      <c r="K237" s="14">
        <v>45029</v>
      </c>
      <c r="L237" s="45" t="s">
        <v>78</v>
      </c>
    </row>
    <row r="238" spans="1:12" ht="16.5" customHeight="1" x14ac:dyDescent="0.3">
      <c r="A238" s="11">
        <v>2279666</v>
      </c>
      <c r="B238" s="11">
        <v>5024396</v>
      </c>
      <c r="C238" s="42" t="s">
        <v>79</v>
      </c>
      <c r="D238" t="s">
        <v>375</v>
      </c>
      <c r="E238" s="3" t="s">
        <v>180</v>
      </c>
      <c r="F238" s="3" t="s">
        <v>180</v>
      </c>
      <c r="G238" s="3" t="s">
        <v>102</v>
      </c>
      <c r="H238" s="3">
        <v>2022</v>
      </c>
      <c r="I238" s="3" t="s">
        <v>103</v>
      </c>
      <c r="J238" s="44" t="s">
        <v>80</v>
      </c>
      <c r="K238" s="14">
        <v>45029</v>
      </c>
      <c r="L238" s="45" t="s">
        <v>78</v>
      </c>
    </row>
    <row r="239" spans="1:12" ht="16.5" customHeight="1" x14ac:dyDescent="0.3">
      <c r="A239" s="11">
        <v>2251138</v>
      </c>
      <c r="B239" s="11">
        <v>5024396</v>
      </c>
      <c r="C239" s="42" t="s">
        <v>79</v>
      </c>
      <c r="D239" t="s">
        <v>376</v>
      </c>
      <c r="E239" s="3" t="s">
        <v>100</v>
      </c>
      <c r="F239" s="3" t="s">
        <v>171</v>
      </c>
      <c r="G239" s="3" t="s">
        <v>105</v>
      </c>
      <c r="H239" s="3">
        <v>2022</v>
      </c>
      <c r="I239" s="3" t="s">
        <v>103</v>
      </c>
      <c r="J239" s="44" t="s">
        <v>80</v>
      </c>
      <c r="K239" s="14">
        <v>45029</v>
      </c>
      <c r="L239" s="45" t="s">
        <v>78</v>
      </c>
    </row>
    <row r="240" spans="1:12" ht="16.5" customHeight="1" x14ac:dyDescent="0.3">
      <c r="A240" s="11">
        <v>2270253</v>
      </c>
      <c r="B240" s="11">
        <v>5024396</v>
      </c>
      <c r="C240" s="42" t="s">
        <v>79</v>
      </c>
      <c r="D240" t="s">
        <v>377</v>
      </c>
      <c r="E240" s="3" t="s">
        <v>100</v>
      </c>
      <c r="F240" s="3" t="s">
        <v>171</v>
      </c>
      <c r="G240" s="3" t="s">
        <v>105</v>
      </c>
      <c r="H240" s="3">
        <v>2022</v>
      </c>
      <c r="I240" s="3" t="s">
        <v>103</v>
      </c>
      <c r="J240" s="44" t="s">
        <v>80</v>
      </c>
      <c r="K240" s="14">
        <v>45029</v>
      </c>
      <c r="L240" s="45" t="s">
        <v>78</v>
      </c>
    </row>
    <row r="241" spans="1:12" ht="16.5" customHeight="1" x14ac:dyDescent="0.3">
      <c r="A241" s="11">
        <v>2168305</v>
      </c>
      <c r="B241" s="11">
        <v>5024396</v>
      </c>
      <c r="C241" s="42" t="s">
        <v>79</v>
      </c>
      <c r="D241" t="s">
        <v>378</v>
      </c>
      <c r="E241" s="3" t="s">
        <v>100</v>
      </c>
      <c r="F241" s="3" t="s">
        <v>233</v>
      </c>
      <c r="G241" s="3" t="s">
        <v>105</v>
      </c>
      <c r="H241" s="3">
        <v>2022</v>
      </c>
      <c r="I241" s="3" t="s">
        <v>103</v>
      </c>
      <c r="J241" s="44" t="s">
        <v>80</v>
      </c>
      <c r="K241" s="14">
        <v>45029</v>
      </c>
      <c r="L241" s="45" t="s">
        <v>78</v>
      </c>
    </row>
    <row r="242" spans="1:12" ht="16.5" customHeight="1" x14ac:dyDescent="0.3">
      <c r="A242" s="11">
        <v>2290374</v>
      </c>
      <c r="B242" s="11">
        <v>4538581</v>
      </c>
      <c r="C242" s="42" t="s">
        <v>203</v>
      </c>
      <c r="D242" t="s">
        <v>204</v>
      </c>
      <c r="E242" s="3" t="s">
        <v>100</v>
      </c>
      <c r="F242" s="3" t="s">
        <v>127</v>
      </c>
      <c r="G242" s="3" t="s">
        <v>105</v>
      </c>
      <c r="H242" s="3">
        <v>2022</v>
      </c>
      <c r="I242" s="3" t="s">
        <v>103</v>
      </c>
      <c r="J242" s="44" t="s">
        <v>80</v>
      </c>
      <c r="K242" s="14">
        <v>45029</v>
      </c>
      <c r="L242" s="45" t="s">
        <v>78</v>
      </c>
    </row>
    <row r="243" spans="1:12" ht="16.5" customHeight="1" x14ac:dyDescent="0.3">
      <c r="A243" s="11">
        <v>2255710</v>
      </c>
      <c r="B243" s="11">
        <v>5024396</v>
      </c>
      <c r="C243" s="42" t="s">
        <v>79</v>
      </c>
      <c r="D243" t="s">
        <v>379</v>
      </c>
      <c r="E243" s="3" t="s">
        <v>380</v>
      </c>
      <c r="F243" s="3" t="s">
        <v>380</v>
      </c>
      <c r="G243" s="3" t="s">
        <v>102</v>
      </c>
      <c r="H243" s="3">
        <v>2022</v>
      </c>
      <c r="I243" s="3" t="s">
        <v>103</v>
      </c>
      <c r="J243" s="44" t="s">
        <v>80</v>
      </c>
      <c r="K243" s="14">
        <v>45029</v>
      </c>
      <c r="L243" s="45" t="s">
        <v>78</v>
      </c>
    </row>
    <row r="244" spans="1:12" ht="16.5" customHeight="1" x14ac:dyDescent="0.3">
      <c r="A244" s="11">
        <v>2214981</v>
      </c>
      <c r="B244" s="11">
        <v>5024396</v>
      </c>
      <c r="C244" s="42" t="s">
        <v>79</v>
      </c>
      <c r="D244" t="s">
        <v>381</v>
      </c>
      <c r="E244" s="3" t="s">
        <v>100</v>
      </c>
      <c r="F244" s="3" t="s">
        <v>193</v>
      </c>
      <c r="G244" s="3" t="s">
        <v>116</v>
      </c>
      <c r="H244" s="3">
        <v>2022</v>
      </c>
      <c r="I244" s="3" t="s">
        <v>103</v>
      </c>
      <c r="J244" s="44" t="s">
        <v>80</v>
      </c>
      <c r="K244" s="14">
        <v>45029</v>
      </c>
      <c r="L244" s="45" t="s">
        <v>78</v>
      </c>
    </row>
    <row r="245" spans="1:12" ht="16.5" customHeight="1" x14ac:dyDescent="0.3">
      <c r="A245" s="11">
        <v>2043384</v>
      </c>
      <c r="B245" s="11">
        <v>5023127</v>
      </c>
      <c r="C245" s="43" t="s">
        <v>82</v>
      </c>
      <c r="D245" t="s">
        <v>382</v>
      </c>
      <c r="E245" s="44" t="s">
        <v>107</v>
      </c>
      <c r="F245" s="44" t="s">
        <v>118</v>
      </c>
      <c r="G245" s="44" t="s">
        <v>102</v>
      </c>
      <c r="H245" s="3">
        <v>2022</v>
      </c>
      <c r="I245" s="3" t="s">
        <v>103</v>
      </c>
      <c r="J245" s="3" t="s">
        <v>83</v>
      </c>
      <c r="K245" s="14">
        <v>45000</v>
      </c>
      <c r="L245" s="45" t="s">
        <v>81</v>
      </c>
    </row>
    <row r="246" spans="1:12" ht="16.5" customHeight="1" x14ac:dyDescent="0.3">
      <c r="A246" s="11">
        <v>2119277</v>
      </c>
      <c r="B246" s="11">
        <v>5023127</v>
      </c>
      <c r="C246" s="43" t="s">
        <v>82</v>
      </c>
      <c r="D246" t="s">
        <v>383</v>
      </c>
      <c r="E246" s="44" t="s">
        <v>100</v>
      </c>
      <c r="F246" s="44" t="s">
        <v>120</v>
      </c>
      <c r="G246" s="44" t="s">
        <v>102</v>
      </c>
      <c r="H246" s="3">
        <v>2022</v>
      </c>
      <c r="I246" s="3" t="s">
        <v>103</v>
      </c>
      <c r="J246" s="3" t="s">
        <v>83</v>
      </c>
      <c r="K246" s="14">
        <v>45000</v>
      </c>
      <c r="L246" s="45" t="s">
        <v>81</v>
      </c>
    </row>
    <row r="247" spans="1:12" ht="16.5" customHeight="1" x14ac:dyDescent="0.3">
      <c r="A247" s="11">
        <v>2163005</v>
      </c>
      <c r="B247" s="11">
        <v>5023127</v>
      </c>
      <c r="C247" s="43" t="s">
        <v>82</v>
      </c>
      <c r="D247" t="s">
        <v>384</v>
      </c>
      <c r="E247" s="44" t="s">
        <v>100</v>
      </c>
      <c r="F247" s="44" t="s">
        <v>120</v>
      </c>
      <c r="G247" s="44" t="s">
        <v>105</v>
      </c>
      <c r="H247" s="3">
        <v>2022</v>
      </c>
      <c r="I247" s="3" t="s">
        <v>103</v>
      </c>
      <c r="J247" s="3" t="s">
        <v>83</v>
      </c>
      <c r="K247" s="14">
        <v>45000</v>
      </c>
      <c r="L247" s="45" t="s">
        <v>81</v>
      </c>
    </row>
    <row r="248" spans="1:12" ht="16.5" customHeight="1" x14ac:dyDescent="0.3">
      <c r="A248" s="11">
        <v>2217522</v>
      </c>
      <c r="B248" s="11">
        <v>5023127</v>
      </c>
      <c r="C248" s="43" t="s">
        <v>82</v>
      </c>
      <c r="D248" t="s">
        <v>385</v>
      </c>
      <c r="E248" s="44" t="s">
        <v>100</v>
      </c>
      <c r="F248" s="44" t="s">
        <v>127</v>
      </c>
      <c r="G248" s="44" t="s">
        <v>105</v>
      </c>
      <c r="H248" s="3">
        <v>2022</v>
      </c>
      <c r="I248" s="3" t="s">
        <v>103</v>
      </c>
      <c r="J248" s="3" t="s">
        <v>83</v>
      </c>
      <c r="K248" s="14">
        <v>45000</v>
      </c>
      <c r="L248" s="45" t="s">
        <v>81</v>
      </c>
    </row>
    <row r="249" spans="1:12" ht="16.5" customHeight="1" x14ac:dyDescent="0.3">
      <c r="A249" s="11">
        <v>2217553</v>
      </c>
      <c r="B249" s="11">
        <v>5023127</v>
      </c>
      <c r="C249" s="43" t="s">
        <v>82</v>
      </c>
      <c r="D249" t="s">
        <v>386</v>
      </c>
      <c r="E249" s="44" t="s">
        <v>100</v>
      </c>
      <c r="F249" s="44" t="s">
        <v>127</v>
      </c>
      <c r="G249" s="44" t="s">
        <v>105</v>
      </c>
      <c r="H249" s="3">
        <v>2022</v>
      </c>
      <c r="I249" s="3" t="s">
        <v>103</v>
      </c>
      <c r="J249" s="3" t="s">
        <v>83</v>
      </c>
      <c r="K249" s="14">
        <v>45000</v>
      </c>
      <c r="L249" s="45" t="s">
        <v>81</v>
      </c>
    </row>
    <row r="250" spans="1:12" ht="16.5" customHeight="1" x14ac:dyDescent="0.3">
      <c r="A250" s="11">
        <v>2223628</v>
      </c>
      <c r="B250" s="11">
        <v>5023127</v>
      </c>
      <c r="C250" s="43" t="s">
        <v>82</v>
      </c>
      <c r="D250" t="s">
        <v>387</v>
      </c>
      <c r="E250" s="44" t="s">
        <v>100</v>
      </c>
      <c r="F250" s="44" t="s">
        <v>120</v>
      </c>
      <c r="G250" s="44" t="s">
        <v>102</v>
      </c>
      <c r="H250" s="3">
        <v>2022</v>
      </c>
      <c r="I250" s="3" t="s">
        <v>103</v>
      </c>
      <c r="J250" s="3" t="s">
        <v>83</v>
      </c>
      <c r="K250" s="14">
        <v>45000</v>
      </c>
      <c r="L250" s="45" t="s">
        <v>81</v>
      </c>
    </row>
    <row r="251" spans="1:12" ht="16.5" customHeight="1" x14ac:dyDescent="0.3">
      <c r="A251" s="11">
        <v>2230926</v>
      </c>
      <c r="B251" s="11">
        <v>5024352</v>
      </c>
      <c r="C251" s="43" t="s">
        <v>388</v>
      </c>
      <c r="D251" t="s">
        <v>389</v>
      </c>
      <c r="E251" s="44" t="s">
        <v>100</v>
      </c>
      <c r="F251" s="44" t="s">
        <v>193</v>
      </c>
      <c r="G251" s="44" t="s">
        <v>116</v>
      </c>
      <c r="H251" s="3">
        <v>2022</v>
      </c>
      <c r="I251" s="3" t="s">
        <v>103</v>
      </c>
      <c r="J251" s="3" t="s">
        <v>83</v>
      </c>
      <c r="K251" s="14">
        <v>45000</v>
      </c>
      <c r="L251" s="45" t="s">
        <v>81</v>
      </c>
    </row>
    <row r="252" spans="1:12" ht="16.5" customHeight="1" x14ac:dyDescent="0.3">
      <c r="A252" s="11">
        <v>2231144</v>
      </c>
      <c r="B252" s="11">
        <v>5023127</v>
      </c>
      <c r="C252" s="43" t="s">
        <v>82</v>
      </c>
      <c r="D252" t="s">
        <v>390</v>
      </c>
      <c r="E252" s="44" t="s">
        <v>100</v>
      </c>
      <c r="F252" s="44" t="s">
        <v>113</v>
      </c>
      <c r="G252" s="44" t="s">
        <v>105</v>
      </c>
      <c r="H252" s="3">
        <v>2022</v>
      </c>
      <c r="I252" s="3" t="s">
        <v>103</v>
      </c>
      <c r="J252" s="3" t="s">
        <v>83</v>
      </c>
      <c r="K252" s="14">
        <v>45000</v>
      </c>
      <c r="L252" s="45" t="s">
        <v>81</v>
      </c>
    </row>
    <row r="253" spans="1:12" ht="16.5" customHeight="1" x14ac:dyDescent="0.3">
      <c r="A253" s="11">
        <v>2232487</v>
      </c>
      <c r="B253" s="11">
        <v>5023127</v>
      </c>
      <c r="C253" s="43" t="s">
        <v>82</v>
      </c>
      <c r="D253" t="s">
        <v>391</v>
      </c>
      <c r="E253" s="44" t="s">
        <v>100</v>
      </c>
      <c r="F253" s="44" t="s">
        <v>171</v>
      </c>
      <c r="G253" s="44" t="s">
        <v>105</v>
      </c>
      <c r="H253" s="3">
        <v>2022</v>
      </c>
      <c r="I253" s="3" t="s">
        <v>103</v>
      </c>
      <c r="J253" s="3" t="s">
        <v>83</v>
      </c>
      <c r="K253" s="14">
        <v>45000</v>
      </c>
      <c r="L253" s="45" t="s">
        <v>81</v>
      </c>
    </row>
    <row r="254" spans="1:12" ht="16.5" customHeight="1" x14ac:dyDescent="0.3">
      <c r="A254" s="11">
        <v>2216691</v>
      </c>
      <c r="B254" s="11">
        <v>5023127</v>
      </c>
      <c r="C254" s="43" t="s">
        <v>82</v>
      </c>
      <c r="D254" t="s">
        <v>392</v>
      </c>
      <c r="E254" s="44" t="s">
        <v>100</v>
      </c>
      <c r="F254" s="44" t="s">
        <v>120</v>
      </c>
      <c r="G254" s="44" t="s">
        <v>105</v>
      </c>
      <c r="H254" s="3">
        <v>2022</v>
      </c>
      <c r="I254" s="3" t="s">
        <v>103</v>
      </c>
      <c r="J254" s="3" t="s">
        <v>83</v>
      </c>
      <c r="K254" s="14">
        <v>45000</v>
      </c>
      <c r="L254" s="45" t="s">
        <v>81</v>
      </c>
    </row>
    <row r="255" spans="1:12" ht="16.5" customHeight="1" x14ac:dyDescent="0.3">
      <c r="A255" s="11">
        <v>2234321</v>
      </c>
      <c r="B255" s="11">
        <v>5023127</v>
      </c>
      <c r="C255" s="43" t="s">
        <v>82</v>
      </c>
      <c r="D255" t="s">
        <v>392</v>
      </c>
      <c r="E255" s="44" t="s">
        <v>100</v>
      </c>
      <c r="F255" s="44" t="s">
        <v>120</v>
      </c>
      <c r="G255" s="44" t="s">
        <v>105</v>
      </c>
      <c r="H255" s="3">
        <v>2022</v>
      </c>
      <c r="I255" s="3" t="s">
        <v>103</v>
      </c>
      <c r="J255" s="3" t="s">
        <v>83</v>
      </c>
      <c r="K255" s="14">
        <v>45000</v>
      </c>
      <c r="L255" s="45" t="s">
        <v>81</v>
      </c>
    </row>
    <row r="256" spans="1:12" ht="16.5" customHeight="1" x14ac:dyDescent="0.3">
      <c r="A256" s="11">
        <v>2205260</v>
      </c>
      <c r="B256" s="11">
        <v>5023127</v>
      </c>
      <c r="C256" s="43" t="s">
        <v>82</v>
      </c>
      <c r="D256" t="s">
        <v>392</v>
      </c>
      <c r="E256" s="44" t="s">
        <v>100</v>
      </c>
      <c r="F256" s="44" t="s">
        <v>120</v>
      </c>
      <c r="G256" s="44" t="s">
        <v>105</v>
      </c>
      <c r="H256" s="3">
        <v>2022</v>
      </c>
      <c r="I256" s="3" t="s">
        <v>103</v>
      </c>
      <c r="J256" s="3" t="s">
        <v>83</v>
      </c>
      <c r="K256" s="14">
        <v>45000</v>
      </c>
      <c r="L256" s="45" t="s">
        <v>81</v>
      </c>
    </row>
    <row r="257" spans="1:12" ht="16.5" customHeight="1" x14ac:dyDescent="0.3">
      <c r="A257" s="11">
        <v>2217036</v>
      </c>
      <c r="B257" s="11">
        <v>5017009</v>
      </c>
      <c r="C257" s="43" t="s">
        <v>393</v>
      </c>
      <c r="D257" t="s">
        <v>394</v>
      </c>
      <c r="E257" s="44" t="s">
        <v>100</v>
      </c>
      <c r="F257" s="44" t="s">
        <v>120</v>
      </c>
      <c r="G257" s="44" t="s">
        <v>105</v>
      </c>
      <c r="H257" s="3">
        <v>2022</v>
      </c>
      <c r="I257" s="3" t="s">
        <v>103</v>
      </c>
      <c r="J257" s="3" t="s">
        <v>83</v>
      </c>
      <c r="K257" s="14">
        <v>45000</v>
      </c>
      <c r="L257" s="45" t="s">
        <v>81</v>
      </c>
    </row>
    <row r="258" spans="1:12" ht="16.5" customHeight="1" x14ac:dyDescent="0.3">
      <c r="A258" s="11">
        <v>1993393</v>
      </c>
      <c r="B258" s="11">
        <v>5022375</v>
      </c>
      <c r="C258" s="42" t="s">
        <v>85</v>
      </c>
      <c r="D258" s="3" t="s">
        <v>395</v>
      </c>
      <c r="E258" s="3" t="s">
        <v>100</v>
      </c>
      <c r="F258" s="3" t="s">
        <v>233</v>
      </c>
      <c r="G258" s="3" t="s">
        <v>105</v>
      </c>
      <c r="H258" s="3">
        <v>2022</v>
      </c>
      <c r="I258" s="3" t="s">
        <v>103</v>
      </c>
      <c r="J258" s="3" t="s">
        <v>86</v>
      </c>
      <c r="K258" s="14">
        <v>44973</v>
      </c>
      <c r="L258" s="3" t="s">
        <v>84</v>
      </c>
    </row>
    <row r="259" spans="1:12" ht="16.5" customHeight="1" x14ac:dyDescent="0.3">
      <c r="A259" s="11">
        <v>2162849</v>
      </c>
      <c r="B259" s="11">
        <v>5022375</v>
      </c>
      <c r="C259" s="42" t="s">
        <v>85</v>
      </c>
      <c r="D259" s="3" t="s">
        <v>396</v>
      </c>
      <c r="E259" s="3" t="s">
        <v>100</v>
      </c>
      <c r="F259" s="3" t="s">
        <v>165</v>
      </c>
      <c r="G259" s="3" t="s">
        <v>105</v>
      </c>
      <c r="H259" s="3">
        <v>2022</v>
      </c>
      <c r="I259" s="3" t="s">
        <v>103</v>
      </c>
      <c r="J259" s="3" t="s">
        <v>86</v>
      </c>
      <c r="K259" s="14">
        <v>44973</v>
      </c>
      <c r="L259" s="3" t="s">
        <v>84</v>
      </c>
    </row>
    <row r="260" spans="1:12" ht="16.5" customHeight="1" x14ac:dyDescent="0.3">
      <c r="A260" s="11">
        <v>2113374</v>
      </c>
      <c r="B260" s="11">
        <v>5022375</v>
      </c>
      <c r="C260" s="42" t="s">
        <v>85</v>
      </c>
      <c r="D260" s="3" t="s">
        <v>397</v>
      </c>
      <c r="E260" s="3" t="s">
        <v>100</v>
      </c>
      <c r="F260" s="3" t="s">
        <v>269</v>
      </c>
      <c r="G260" s="3" t="s">
        <v>105</v>
      </c>
      <c r="H260" s="3">
        <v>2022</v>
      </c>
      <c r="I260" s="3" t="s">
        <v>103</v>
      </c>
      <c r="J260" s="3" t="s">
        <v>86</v>
      </c>
      <c r="K260" s="14">
        <v>44973</v>
      </c>
      <c r="L260" s="3" t="s">
        <v>84</v>
      </c>
    </row>
    <row r="261" spans="1:12" ht="16.5" customHeight="1" x14ac:dyDescent="0.3">
      <c r="A261" s="11">
        <v>2113832</v>
      </c>
      <c r="B261" s="11">
        <v>5022375</v>
      </c>
      <c r="C261" s="42" t="s">
        <v>85</v>
      </c>
      <c r="D261" s="3" t="s">
        <v>398</v>
      </c>
      <c r="E261" s="3" t="s">
        <v>180</v>
      </c>
      <c r="F261" s="3" t="s">
        <v>180</v>
      </c>
      <c r="G261" s="3" t="s">
        <v>102</v>
      </c>
      <c r="H261" s="3">
        <v>2022</v>
      </c>
      <c r="I261" s="3" t="s">
        <v>103</v>
      </c>
      <c r="J261" s="3" t="s">
        <v>86</v>
      </c>
      <c r="K261" s="14">
        <v>44973</v>
      </c>
      <c r="L261" s="3" t="s">
        <v>84</v>
      </c>
    </row>
    <row r="262" spans="1:12" ht="16.5" customHeight="1" x14ac:dyDescent="0.3">
      <c r="A262" s="11">
        <v>2114313</v>
      </c>
      <c r="B262" s="11">
        <v>5022375</v>
      </c>
      <c r="C262" s="42" t="s">
        <v>85</v>
      </c>
      <c r="D262" s="3" t="s">
        <v>399</v>
      </c>
      <c r="E262" s="3" t="s">
        <v>100</v>
      </c>
      <c r="F262" s="3" t="s">
        <v>264</v>
      </c>
      <c r="G262" s="3" t="s">
        <v>105</v>
      </c>
      <c r="H262" s="3">
        <v>2022</v>
      </c>
      <c r="I262" s="3" t="s">
        <v>103</v>
      </c>
      <c r="J262" s="3" t="s">
        <v>86</v>
      </c>
      <c r="K262" s="14">
        <v>44973</v>
      </c>
      <c r="L262" s="3" t="s">
        <v>84</v>
      </c>
    </row>
    <row r="263" spans="1:12" ht="16.5" customHeight="1" x14ac:dyDescent="0.3">
      <c r="A263" s="11">
        <v>2114695</v>
      </c>
      <c r="B263" s="11">
        <v>5022375</v>
      </c>
      <c r="C263" s="42" t="s">
        <v>85</v>
      </c>
      <c r="D263" s="3" t="s">
        <v>400</v>
      </c>
      <c r="E263" s="3" t="s">
        <v>100</v>
      </c>
      <c r="F263" s="3" t="s">
        <v>123</v>
      </c>
      <c r="G263" s="3" t="s">
        <v>105</v>
      </c>
      <c r="H263" s="3">
        <v>2022</v>
      </c>
      <c r="I263" s="3" t="s">
        <v>103</v>
      </c>
      <c r="J263" s="3" t="s">
        <v>86</v>
      </c>
      <c r="K263" s="14">
        <v>44973</v>
      </c>
      <c r="L263" s="3" t="s">
        <v>84</v>
      </c>
    </row>
    <row r="264" spans="1:12" ht="16.5" customHeight="1" x14ac:dyDescent="0.3">
      <c r="A264" s="11">
        <v>2115275</v>
      </c>
      <c r="B264" s="11">
        <v>5022375</v>
      </c>
      <c r="C264" s="42" t="s">
        <v>85</v>
      </c>
      <c r="D264" s="3" t="s">
        <v>401</v>
      </c>
      <c r="E264" s="3" t="s">
        <v>180</v>
      </c>
      <c r="F264" s="3" t="s">
        <v>180</v>
      </c>
      <c r="G264" s="3" t="s">
        <v>102</v>
      </c>
      <c r="H264" s="3">
        <v>2022</v>
      </c>
      <c r="I264" s="3" t="s">
        <v>103</v>
      </c>
      <c r="J264" s="3" t="s">
        <v>86</v>
      </c>
      <c r="K264" s="14">
        <v>44973</v>
      </c>
      <c r="L264" s="3" t="s">
        <v>84</v>
      </c>
    </row>
    <row r="265" spans="1:12" ht="16.5" customHeight="1" x14ac:dyDescent="0.3">
      <c r="A265" s="11">
        <v>2115768</v>
      </c>
      <c r="B265" s="11">
        <v>5022375</v>
      </c>
      <c r="C265" s="42" t="s">
        <v>85</v>
      </c>
      <c r="D265" s="3" t="s">
        <v>402</v>
      </c>
      <c r="E265" s="3" t="s">
        <v>100</v>
      </c>
      <c r="F265" s="3" t="s">
        <v>110</v>
      </c>
      <c r="G265" s="3" t="s">
        <v>105</v>
      </c>
      <c r="H265" s="3">
        <v>2022</v>
      </c>
      <c r="I265" s="3" t="s">
        <v>103</v>
      </c>
      <c r="J265" s="3" t="s">
        <v>86</v>
      </c>
      <c r="K265" s="14">
        <v>44973</v>
      </c>
      <c r="L265" s="3" t="s">
        <v>84</v>
      </c>
    </row>
    <row r="266" spans="1:12" ht="16.5" customHeight="1" x14ac:dyDescent="0.3">
      <c r="A266" s="11">
        <v>2153494</v>
      </c>
      <c r="B266" s="11">
        <v>5022375</v>
      </c>
      <c r="C266" s="42" t="s">
        <v>85</v>
      </c>
      <c r="D266" s="3" t="s">
        <v>403</v>
      </c>
      <c r="E266" s="3" t="s">
        <v>100</v>
      </c>
      <c r="F266" s="3" t="s">
        <v>233</v>
      </c>
      <c r="G266" s="3" t="s">
        <v>105</v>
      </c>
      <c r="H266" s="3">
        <v>2022</v>
      </c>
      <c r="I266" s="3" t="s">
        <v>103</v>
      </c>
      <c r="J266" s="3" t="s">
        <v>86</v>
      </c>
      <c r="K266" s="14">
        <v>44973</v>
      </c>
      <c r="L266" s="3" t="s">
        <v>84</v>
      </c>
    </row>
    <row r="267" spans="1:12" ht="16.5" customHeight="1" x14ac:dyDescent="0.3">
      <c r="A267" s="11">
        <v>2154919</v>
      </c>
      <c r="B267" s="11">
        <v>5022375</v>
      </c>
      <c r="C267" s="42" t="s">
        <v>85</v>
      </c>
      <c r="D267" s="3" t="s">
        <v>404</v>
      </c>
      <c r="E267" s="3" t="s">
        <v>100</v>
      </c>
      <c r="F267" s="3" t="s">
        <v>123</v>
      </c>
      <c r="G267" s="3" t="s">
        <v>105</v>
      </c>
      <c r="H267" s="3">
        <v>2022</v>
      </c>
      <c r="I267" s="3" t="s">
        <v>103</v>
      </c>
      <c r="J267" s="3" t="s">
        <v>86</v>
      </c>
      <c r="K267" s="14">
        <v>44973</v>
      </c>
      <c r="L267" s="3" t="s">
        <v>84</v>
      </c>
    </row>
    <row r="268" spans="1:12" ht="16.5" customHeight="1" x14ac:dyDescent="0.3">
      <c r="A268" s="11">
        <v>2157874</v>
      </c>
      <c r="B268" s="11">
        <v>5022375</v>
      </c>
      <c r="C268" s="42" t="s">
        <v>85</v>
      </c>
      <c r="D268" s="3" t="s">
        <v>405</v>
      </c>
      <c r="E268" s="3" t="s">
        <v>406</v>
      </c>
      <c r="F268" s="3" t="s">
        <v>113</v>
      </c>
      <c r="G268" s="3" t="s">
        <v>105</v>
      </c>
      <c r="H268" s="3">
        <v>2022</v>
      </c>
      <c r="I268" s="3" t="s">
        <v>103</v>
      </c>
      <c r="J268" s="3" t="s">
        <v>86</v>
      </c>
      <c r="K268" s="14">
        <v>44973</v>
      </c>
      <c r="L268" s="3" t="s">
        <v>84</v>
      </c>
    </row>
    <row r="269" spans="1:12" ht="16.5" customHeight="1" x14ac:dyDescent="0.3">
      <c r="A269" s="11">
        <v>2158583</v>
      </c>
      <c r="B269" s="11">
        <v>5022375</v>
      </c>
      <c r="C269" s="42" t="s">
        <v>85</v>
      </c>
      <c r="D269" s="3" t="s">
        <v>399</v>
      </c>
      <c r="E269" s="3" t="s">
        <v>100</v>
      </c>
      <c r="F269" s="3" t="s">
        <v>264</v>
      </c>
      <c r="G269" s="3" t="s">
        <v>105</v>
      </c>
      <c r="H269" s="3">
        <v>2022</v>
      </c>
      <c r="I269" s="3" t="s">
        <v>103</v>
      </c>
      <c r="J269" s="3" t="s">
        <v>86</v>
      </c>
      <c r="K269" s="14">
        <v>44973</v>
      </c>
      <c r="L269" s="3" t="s">
        <v>84</v>
      </c>
    </row>
    <row r="270" spans="1:12" ht="16.5" customHeight="1" x14ac:dyDescent="0.3">
      <c r="A270" s="11">
        <v>2159526</v>
      </c>
      <c r="B270" s="11">
        <v>5022375</v>
      </c>
      <c r="C270" s="42" t="s">
        <v>85</v>
      </c>
      <c r="D270" s="3" t="s">
        <v>407</v>
      </c>
      <c r="E270" s="3" t="s">
        <v>380</v>
      </c>
      <c r="F270" s="3" t="s">
        <v>380</v>
      </c>
      <c r="G270" s="3" t="s">
        <v>105</v>
      </c>
      <c r="H270" s="3">
        <v>2022</v>
      </c>
      <c r="I270" s="3" t="s">
        <v>103</v>
      </c>
      <c r="J270" s="3" t="s">
        <v>86</v>
      </c>
      <c r="K270" s="14">
        <v>44973</v>
      </c>
      <c r="L270" s="3" t="s">
        <v>84</v>
      </c>
    </row>
    <row r="271" spans="1:12" ht="16.5" customHeight="1" x14ac:dyDescent="0.3">
      <c r="A271" s="11">
        <v>2160880</v>
      </c>
      <c r="B271" s="11">
        <v>5022375</v>
      </c>
      <c r="C271" s="42" t="s">
        <v>85</v>
      </c>
      <c r="D271" s="3" t="s">
        <v>408</v>
      </c>
      <c r="E271" s="3" t="s">
        <v>100</v>
      </c>
      <c r="F271" s="3" t="s">
        <v>233</v>
      </c>
      <c r="G271" s="3" t="s">
        <v>105</v>
      </c>
      <c r="H271" s="3">
        <v>2022</v>
      </c>
      <c r="I271" s="3" t="s">
        <v>103</v>
      </c>
      <c r="J271" s="3" t="s">
        <v>86</v>
      </c>
      <c r="K271" s="14">
        <v>44973</v>
      </c>
      <c r="L271" s="3" t="s">
        <v>84</v>
      </c>
    </row>
    <row r="272" spans="1:12" ht="16.5" customHeight="1" x14ac:dyDescent="0.3">
      <c r="A272" s="11">
        <v>2160907</v>
      </c>
      <c r="B272" s="11">
        <v>5022375</v>
      </c>
      <c r="C272" s="42" t="s">
        <v>85</v>
      </c>
      <c r="D272" s="3" t="s">
        <v>409</v>
      </c>
      <c r="E272" s="3" t="s">
        <v>100</v>
      </c>
      <c r="F272" s="3" t="s">
        <v>120</v>
      </c>
      <c r="G272" s="3" t="s">
        <v>105</v>
      </c>
      <c r="H272" s="3">
        <v>2022</v>
      </c>
      <c r="I272" s="3" t="s">
        <v>103</v>
      </c>
      <c r="J272" s="3" t="s">
        <v>86</v>
      </c>
      <c r="K272" s="14">
        <v>44973</v>
      </c>
      <c r="L272" s="3" t="s">
        <v>84</v>
      </c>
    </row>
    <row r="273" spans="1:12" ht="16.5" customHeight="1" x14ac:dyDescent="0.3">
      <c r="A273" s="11">
        <v>2116378</v>
      </c>
      <c r="B273" s="11">
        <v>5022375</v>
      </c>
      <c r="C273" s="42" t="s">
        <v>85</v>
      </c>
      <c r="D273" s="3" t="s">
        <v>410</v>
      </c>
      <c r="E273" s="3" t="s">
        <v>100</v>
      </c>
      <c r="F273" s="3" t="s">
        <v>127</v>
      </c>
      <c r="G273" s="3" t="s">
        <v>105</v>
      </c>
      <c r="H273" s="3">
        <v>2022</v>
      </c>
      <c r="I273" s="3" t="s">
        <v>103</v>
      </c>
      <c r="J273" s="3" t="s">
        <v>86</v>
      </c>
      <c r="K273" s="14">
        <v>44973</v>
      </c>
      <c r="L273" s="3" t="s">
        <v>84</v>
      </c>
    </row>
    <row r="274" spans="1:12" ht="16.5" customHeight="1" x14ac:dyDescent="0.3">
      <c r="A274" s="11">
        <v>2117119</v>
      </c>
      <c r="B274" s="11">
        <v>5022375</v>
      </c>
      <c r="C274" s="42" t="s">
        <v>85</v>
      </c>
      <c r="D274" s="3" t="s">
        <v>411</v>
      </c>
      <c r="E274" s="3" t="s">
        <v>100</v>
      </c>
      <c r="F274" s="3" t="s">
        <v>137</v>
      </c>
      <c r="G274" s="3" t="s">
        <v>105</v>
      </c>
      <c r="H274" s="3">
        <v>2022</v>
      </c>
      <c r="I274" s="3" t="s">
        <v>103</v>
      </c>
      <c r="J274" s="3" t="s">
        <v>86</v>
      </c>
      <c r="K274" s="14">
        <v>44973</v>
      </c>
      <c r="L274" s="3" t="s">
        <v>84</v>
      </c>
    </row>
    <row r="275" spans="1:12" ht="16.5" customHeight="1" x14ac:dyDescent="0.3">
      <c r="A275" s="11">
        <v>2117122</v>
      </c>
      <c r="B275" s="11">
        <v>5022375</v>
      </c>
      <c r="C275" s="42" t="s">
        <v>85</v>
      </c>
      <c r="D275" s="3" t="s">
        <v>412</v>
      </c>
      <c r="E275" s="3" t="s">
        <v>100</v>
      </c>
      <c r="F275" s="3" t="s">
        <v>137</v>
      </c>
      <c r="G275" s="3" t="s">
        <v>105</v>
      </c>
      <c r="H275" s="3">
        <v>2022</v>
      </c>
      <c r="I275" s="3" t="s">
        <v>103</v>
      </c>
      <c r="J275" s="3" t="s">
        <v>86</v>
      </c>
      <c r="K275" s="14">
        <v>44973</v>
      </c>
      <c r="L275" s="3" t="s">
        <v>84</v>
      </c>
    </row>
    <row r="276" spans="1:12" ht="16.5" customHeight="1" x14ac:dyDescent="0.3">
      <c r="A276" s="11">
        <v>2117214</v>
      </c>
      <c r="B276" s="11">
        <v>5022375</v>
      </c>
      <c r="C276" s="42" t="s">
        <v>85</v>
      </c>
      <c r="D276" s="3" t="s">
        <v>413</v>
      </c>
      <c r="E276" s="3" t="s">
        <v>100</v>
      </c>
      <c r="F276" s="3" t="s">
        <v>137</v>
      </c>
      <c r="G276" s="3" t="s">
        <v>105</v>
      </c>
      <c r="H276" s="3">
        <v>2022</v>
      </c>
      <c r="I276" s="3" t="s">
        <v>103</v>
      </c>
      <c r="J276" s="3" t="s">
        <v>86</v>
      </c>
      <c r="K276" s="14">
        <v>44973</v>
      </c>
      <c r="L276" s="3" t="s">
        <v>84</v>
      </c>
    </row>
    <row r="277" spans="1:12" ht="16.5" customHeight="1" x14ac:dyDescent="0.3">
      <c r="A277" s="11">
        <v>2118401</v>
      </c>
      <c r="B277" s="11">
        <v>5022375</v>
      </c>
      <c r="C277" s="42" t="s">
        <v>85</v>
      </c>
      <c r="D277" s="3" t="s">
        <v>414</v>
      </c>
      <c r="E277" s="3" t="s">
        <v>100</v>
      </c>
      <c r="F277" s="3" t="s">
        <v>110</v>
      </c>
      <c r="G277" s="3" t="s">
        <v>105</v>
      </c>
      <c r="H277" s="3">
        <v>2022</v>
      </c>
      <c r="I277" s="3" t="s">
        <v>103</v>
      </c>
      <c r="J277" s="3" t="s">
        <v>86</v>
      </c>
      <c r="K277" s="14">
        <v>44973</v>
      </c>
      <c r="L277" s="3" t="s">
        <v>84</v>
      </c>
    </row>
    <row r="278" spans="1:12" ht="16.5" customHeight="1" x14ac:dyDescent="0.3">
      <c r="A278" s="11">
        <v>2118499</v>
      </c>
      <c r="B278" s="11">
        <v>5023236</v>
      </c>
      <c r="C278" s="42" t="s">
        <v>415</v>
      </c>
      <c r="D278" s="3" t="s">
        <v>416</v>
      </c>
      <c r="E278" s="3" t="s">
        <v>100</v>
      </c>
      <c r="F278" s="3" t="s">
        <v>137</v>
      </c>
      <c r="G278" s="3" t="s">
        <v>102</v>
      </c>
      <c r="H278" s="3">
        <v>2022</v>
      </c>
      <c r="I278" s="3" t="s">
        <v>103</v>
      </c>
      <c r="J278" s="3" t="s">
        <v>86</v>
      </c>
      <c r="K278" s="14">
        <v>44973</v>
      </c>
      <c r="L278" s="3" t="s">
        <v>84</v>
      </c>
    </row>
    <row r="279" spans="1:12" ht="16.5" customHeight="1" x14ac:dyDescent="0.3">
      <c r="A279" s="11">
        <v>2120696</v>
      </c>
      <c r="B279" s="11">
        <v>5022375</v>
      </c>
      <c r="C279" s="42" t="s">
        <v>85</v>
      </c>
      <c r="D279" s="3" t="s">
        <v>417</v>
      </c>
      <c r="E279" s="3" t="s">
        <v>100</v>
      </c>
      <c r="F279" s="3" t="s">
        <v>127</v>
      </c>
      <c r="G279" s="3" t="s">
        <v>105</v>
      </c>
      <c r="H279" s="3">
        <v>2022</v>
      </c>
      <c r="I279" s="3" t="s">
        <v>103</v>
      </c>
      <c r="J279" s="3" t="s">
        <v>86</v>
      </c>
      <c r="K279" s="14">
        <v>44973</v>
      </c>
      <c r="L279" s="3" t="s">
        <v>84</v>
      </c>
    </row>
    <row r="280" spans="1:12" ht="16.5" customHeight="1" x14ac:dyDescent="0.3">
      <c r="A280" s="11">
        <v>2120777</v>
      </c>
      <c r="B280" s="11">
        <v>5022375</v>
      </c>
      <c r="C280" s="42" t="s">
        <v>85</v>
      </c>
      <c r="D280" s="3" t="s">
        <v>418</v>
      </c>
      <c r="E280" s="3" t="s">
        <v>211</v>
      </c>
      <c r="F280" s="3" t="s">
        <v>211</v>
      </c>
      <c r="G280" s="3" t="s">
        <v>102</v>
      </c>
      <c r="H280" s="3">
        <v>2022</v>
      </c>
      <c r="I280" s="3" t="s">
        <v>103</v>
      </c>
      <c r="J280" s="3" t="s">
        <v>86</v>
      </c>
      <c r="K280" s="14">
        <v>44973</v>
      </c>
      <c r="L280" s="3" t="s">
        <v>84</v>
      </c>
    </row>
    <row r="281" spans="1:12" ht="16.5" customHeight="1" x14ac:dyDescent="0.3">
      <c r="A281" s="11">
        <v>2123504</v>
      </c>
      <c r="B281" s="11">
        <v>5022375</v>
      </c>
      <c r="C281" s="42" t="s">
        <v>85</v>
      </c>
      <c r="D281" s="3" t="s">
        <v>419</v>
      </c>
      <c r="E281" s="3" t="s">
        <v>100</v>
      </c>
      <c r="F281" s="3" t="s">
        <v>148</v>
      </c>
      <c r="G281" s="3" t="s">
        <v>105</v>
      </c>
      <c r="H281" s="3">
        <v>2022</v>
      </c>
      <c r="I281" s="3" t="s">
        <v>103</v>
      </c>
      <c r="J281" s="3" t="s">
        <v>86</v>
      </c>
      <c r="K281" s="14">
        <v>44973</v>
      </c>
      <c r="L281" s="3" t="s">
        <v>84</v>
      </c>
    </row>
    <row r="282" spans="1:12" ht="16.5" customHeight="1" x14ac:dyDescent="0.3">
      <c r="A282" s="11">
        <v>2125981</v>
      </c>
      <c r="B282" s="11">
        <v>5022375</v>
      </c>
      <c r="C282" s="42" t="s">
        <v>85</v>
      </c>
      <c r="D282" s="3" t="s">
        <v>420</v>
      </c>
      <c r="E282" s="3" t="s">
        <v>100</v>
      </c>
      <c r="F282" s="3" t="s">
        <v>137</v>
      </c>
      <c r="G282" s="3" t="s">
        <v>105</v>
      </c>
      <c r="H282" s="3">
        <v>2022</v>
      </c>
      <c r="I282" s="3" t="s">
        <v>103</v>
      </c>
      <c r="J282" s="3" t="s">
        <v>86</v>
      </c>
      <c r="K282" s="14">
        <v>44973</v>
      </c>
      <c r="L282" s="3" t="s">
        <v>84</v>
      </c>
    </row>
    <row r="283" spans="1:12" ht="16.5" customHeight="1" x14ac:dyDescent="0.3">
      <c r="A283" s="11">
        <v>2129326</v>
      </c>
      <c r="B283" s="11">
        <v>5022375</v>
      </c>
      <c r="C283" s="42" t="s">
        <v>85</v>
      </c>
      <c r="D283" s="3" t="s">
        <v>421</v>
      </c>
      <c r="E283" s="3" t="s">
        <v>100</v>
      </c>
      <c r="F283" s="3" t="s">
        <v>120</v>
      </c>
      <c r="G283" s="3" t="s">
        <v>105</v>
      </c>
      <c r="H283" s="3">
        <v>2022</v>
      </c>
      <c r="I283" s="3" t="s">
        <v>103</v>
      </c>
      <c r="J283" s="3" t="s">
        <v>86</v>
      </c>
      <c r="K283" s="14">
        <v>44973</v>
      </c>
      <c r="L283" s="3" t="s">
        <v>84</v>
      </c>
    </row>
    <row r="284" spans="1:12" ht="16.5" customHeight="1" x14ac:dyDescent="0.3">
      <c r="A284" s="11">
        <v>2130492</v>
      </c>
      <c r="B284" s="11">
        <v>5022375</v>
      </c>
      <c r="C284" s="42" t="s">
        <v>85</v>
      </c>
      <c r="D284" s="3" t="s">
        <v>422</v>
      </c>
      <c r="E284" s="3" t="s">
        <v>100</v>
      </c>
      <c r="F284" s="3" t="s">
        <v>120</v>
      </c>
      <c r="G284" s="3" t="s">
        <v>105</v>
      </c>
      <c r="H284" s="3">
        <v>2022</v>
      </c>
      <c r="I284" s="3" t="s">
        <v>103</v>
      </c>
      <c r="J284" s="3" t="s">
        <v>86</v>
      </c>
      <c r="K284" s="14">
        <v>44973</v>
      </c>
      <c r="L284" s="3" t="s">
        <v>84</v>
      </c>
    </row>
    <row r="285" spans="1:12" ht="16.5" customHeight="1" x14ac:dyDescent="0.3">
      <c r="A285" s="11">
        <v>2131225</v>
      </c>
      <c r="B285" s="11">
        <v>5022375</v>
      </c>
      <c r="C285" s="42" t="s">
        <v>85</v>
      </c>
      <c r="D285" s="3" t="s">
        <v>423</v>
      </c>
      <c r="E285" s="3" t="s">
        <v>100</v>
      </c>
      <c r="F285" s="3" t="s">
        <v>137</v>
      </c>
      <c r="G285" s="3" t="s">
        <v>102</v>
      </c>
      <c r="H285" s="3">
        <v>2022</v>
      </c>
      <c r="I285" s="3" t="s">
        <v>103</v>
      </c>
      <c r="J285" s="3" t="s">
        <v>86</v>
      </c>
      <c r="K285" s="14">
        <v>44973</v>
      </c>
      <c r="L285" s="3" t="s">
        <v>84</v>
      </c>
    </row>
    <row r="286" spans="1:12" ht="16.5" customHeight="1" x14ac:dyDescent="0.3">
      <c r="A286" s="11">
        <v>2135970</v>
      </c>
      <c r="B286" s="11">
        <v>5022375</v>
      </c>
      <c r="C286" s="42" t="s">
        <v>85</v>
      </c>
      <c r="D286" s="3" t="s">
        <v>424</v>
      </c>
      <c r="E286" s="3" t="s">
        <v>100</v>
      </c>
      <c r="F286" s="3" t="s">
        <v>139</v>
      </c>
      <c r="G286" s="3" t="s">
        <v>105</v>
      </c>
      <c r="H286" s="3">
        <v>2022</v>
      </c>
      <c r="I286" s="3" t="s">
        <v>103</v>
      </c>
      <c r="J286" s="3" t="s">
        <v>86</v>
      </c>
      <c r="K286" s="14">
        <v>44973</v>
      </c>
      <c r="L286" s="3" t="s">
        <v>84</v>
      </c>
    </row>
    <row r="287" spans="1:12" ht="16.5" customHeight="1" x14ac:dyDescent="0.3">
      <c r="A287" s="11">
        <v>2137927</v>
      </c>
      <c r="B287" s="11">
        <v>5022375</v>
      </c>
      <c r="C287" s="42" t="s">
        <v>85</v>
      </c>
      <c r="D287" s="3" t="s">
        <v>425</v>
      </c>
      <c r="E287" s="3" t="s">
        <v>100</v>
      </c>
      <c r="F287" s="3" t="s">
        <v>159</v>
      </c>
      <c r="G287" s="3" t="s">
        <v>105</v>
      </c>
      <c r="H287" s="3">
        <v>2022</v>
      </c>
      <c r="I287" s="3" t="s">
        <v>103</v>
      </c>
      <c r="J287" s="3" t="s">
        <v>86</v>
      </c>
      <c r="K287" s="14">
        <v>44973</v>
      </c>
      <c r="L287" s="3" t="s">
        <v>84</v>
      </c>
    </row>
    <row r="288" spans="1:12" ht="16.5" customHeight="1" x14ac:dyDescent="0.3">
      <c r="A288" s="11">
        <v>2138330</v>
      </c>
      <c r="B288" s="11">
        <v>5022375</v>
      </c>
      <c r="C288" s="42" t="s">
        <v>85</v>
      </c>
      <c r="D288" s="3" t="s">
        <v>426</v>
      </c>
      <c r="E288" s="3" t="s">
        <v>100</v>
      </c>
      <c r="F288" s="3" t="s">
        <v>120</v>
      </c>
      <c r="G288" s="3" t="s">
        <v>105</v>
      </c>
      <c r="H288" s="3">
        <v>2022</v>
      </c>
      <c r="I288" s="3" t="s">
        <v>103</v>
      </c>
      <c r="J288" s="3" t="s">
        <v>86</v>
      </c>
      <c r="K288" s="14">
        <v>44973</v>
      </c>
      <c r="L288" s="3" t="s">
        <v>84</v>
      </c>
    </row>
    <row r="289" spans="1:12" ht="16.5" customHeight="1" x14ac:dyDescent="0.3">
      <c r="A289" s="11">
        <v>2138691</v>
      </c>
      <c r="B289" s="11">
        <v>5022375</v>
      </c>
      <c r="C289" s="42" t="s">
        <v>85</v>
      </c>
      <c r="D289" s="3" t="s">
        <v>427</v>
      </c>
      <c r="E289" s="3" t="s">
        <v>100</v>
      </c>
      <c r="F289" s="3" t="s">
        <v>120</v>
      </c>
      <c r="G289" s="3" t="s">
        <v>102</v>
      </c>
      <c r="H289" s="3">
        <v>2022</v>
      </c>
      <c r="I289" s="3" t="s">
        <v>103</v>
      </c>
      <c r="J289" s="3" t="s">
        <v>86</v>
      </c>
      <c r="K289" s="14">
        <v>44973</v>
      </c>
      <c r="L289" s="3" t="s">
        <v>84</v>
      </c>
    </row>
    <row r="290" spans="1:12" ht="16.5" customHeight="1" x14ac:dyDescent="0.3">
      <c r="A290" s="11">
        <v>2138926</v>
      </c>
      <c r="B290" s="11">
        <v>5022375</v>
      </c>
      <c r="C290" s="42" t="s">
        <v>85</v>
      </c>
      <c r="D290" s="3" t="s">
        <v>428</v>
      </c>
      <c r="E290" s="3" t="s">
        <v>100</v>
      </c>
      <c r="F290" s="3" t="s">
        <v>125</v>
      </c>
      <c r="G290" s="3" t="s">
        <v>105</v>
      </c>
      <c r="H290" s="3">
        <v>2022</v>
      </c>
      <c r="I290" s="3" t="s">
        <v>103</v>
      </c>
      <c r="J290" s="3" t="s">
        <v>86</v>
      </c>
      <c r="K290" s="14">
        <v>44973</v>
      </c>
      <c r="L290" s="3" t="s">
        <v>84</v>
      </c>
    </row>
    <row r="291" spans="1:12" ht="16.5" customHeight="1" x14ac:dyDescent="0.3">
      <c r="A291" s="11">
        <v>2151109</v>
      </c>
      <c r="B291" s="11">
        <v>5022375</v>
      </c>
      <c r="C291" s="42" t="s">
        <v>85</v>
      </c>
      <c r="D291" s="3" t="s">
        <v>429</v>
      </c>
      <c r="E291" s="3" t="s">
        <v>100</v>
      </c>
      <c r="F291" s="3" t="s">
        <v>120</v>
      </c>
      <c r="G291" s="3" t="s">
        <v>105</v>
      </c>
      <c r="H291" s="3">
        <v>2022</v>
      </c>
      <c r="I291" s="3" t="s">
        <v>103</v>
      </c>
      <c r="J291" s="3" t="s">
        <v>86</v>
      </c>
      <c r="K291" s="14">
        <v>44973</v>
      </c>
      <c r="L291" s="3" t="s">
        <v>84</v>
      </c>
    </row>
    <row r="292" spans="1:12" ht="16.5" customHeight="1" x14ac:dyDescent="0.3">
      <c r="A292" s="11">
        <v>2098401</v>
      </c>
      <c r="B292" s="11">
        <v>5022375</v>
      </c>
      <c r="C292" s="42" t="s">
        <v>85</v>
      </c>
      <c r="D292" s="3" t="s">
        <v>430</v>
      </c>
      <c r="E292" s="3" t="s">
        <v>100</v>
      </c>
      <c r="F292" s="3" t="s">
        <v>139</v>
      </c>
      <c r="G292" s="3" t="s">
        <v>105</v>
      </c>
      <c r="H292" s="3">
        <v>2022</v>
      </c>
      <c r="I292" s="3" t="s">
        <v>103</v>
      </c>
      <c r="J292" s="3" t="s">
        <v>86</v>
      </c>
      <c r="K292" s="14">
        <v>44973</v>
      </c>
      <c r="L292" s="3" t="s">
        <v>84</v>
      </c>
    </row>
    <row r="293" spans="1:12" ht="16.5" customHeight="1" x14ac:dyDescent="0.3">
      <c r="A293" s="11">
        <v>2100518</v>
      </c>
      <c r="B293" s="11">
        <v>5022375</v>
      </c>
      <c r="C293" s="42" t="s">
        <v>85</v>
      </c>
      <c r="D293" s="3" t="s">
        <v>431</v>
      </c>
      <c r="E293" s="3" t="s">
        <v>100</v>
      </c>
      <c r="F293" s="3" t="s">
        <v>137</v>
      </c>
      <c r="G293" s="3" t="s">
        <v>105</v>
      </c>
      <c r="H293" s="3">
        <v>2022</v>
      </c>
      <c r="I293" s="3" t="s">
        <v>103</v>
      </c>
      <c r="J293" s="3" t="s">
        <v>86</v>
      </c>
      <c r="K293" s="14">
        <v>44973</v>
      </c>
      <c r="L293" s="3" t="s">
        <v>84</v>
      </c>
    </row>
    <row r="294" spans="1:12" ht="16.5" customHeight="1" x14ac:dyDescent="0.3">
      <c r="A294" s="11">
        <v>2101033</v>
      </c>
      <c r="B294" s="11">
        <v>5022375</v>
      </c>
      <c r="C294" s="46" t="s">
        <v>85</v>
      </c>
      <c r="D294" s="13" t="s">
        <v>432</v>
      </c>
      <c r="E294" s="13" t="s">
        <v>100</v>
      </c>
      <c r="F294" s="13" t="s">
        <v>137</v>
      </c>
      <c r="G294" s="13" t="s">
        <v>105</v>
      </c>
      <c r="H294" s="3">
        <v>2022</v>
      </c>
      <c r="I294" s="13" t="s">
        <v>103</v>
      </c>
      <c r="J294" s="13" t="s">
        <v>86</v>
      </c>
      <c r="K294" s="14">
        <v>44973</v>
      </c>
      <c r="L294" s="13" t="s">
        <v>84</v>
      </c>
    </row>
    <row r="295" spans="1:12" ht="16.5" customHeight="1" x14ac:dyDescent="0.3">
      <c r="A295" s="11">
        <v>2101035</v>
      </c>
      <c r="B295" s="11">
        <v>5022375</v>
      </c>
      <c r="C295" s="42" t="s">
        <v>85</v>
      </c>
      <c r="D295" s="13" t="s">
        <v>433</v>
      </c>
      <c r="E295" s="13" t="s">
        <v>100</v>
      </c>
      <c r="F295" s="13" t="s">
        <v>137</v>
      </c>
      <c r="G295" s="13" t="s">
        <v>105</v>
      </c>
      <c r="H295" s="3">
        <v>2022</v>
      </c>
      <c r="I295" s="13" t="s">
        <v>103</v>
      </c>
      <c r="J295" s="13" t="s">
        <v>86</v>
      </c>
      <c r="K295" s="14">
        <v>44973</v>
      </c>
      <c r="L295" s="13" t="s">
        <v>84</v>
      </c>
    </row>
    <row r="296" spans="1:12" ht="16.5" customHeight="1" x14ac:dyDescent="0.3">
      <c r="A296" s="11">
        <v>2104416</v>
      </c>
      <c r="B296" s="11">
        <v>5022375</v>
      </c>
      <c r="C296" s="42" t="s">
        <v>85</v>
      </c>
      <c r="D296" s="3" t="s">
        <v>434</v>
      </c>
      <c r="E296" s="3" t="s">
        <v>100</v>
      </c>
      <c r="F296" s="3" t="s">
        <v>120</v>
      </c>
      <c r="G296" s="3" t="s">
        <v>102</v>
      </c>
      <c r="H296" s="3">
        <v>2022</v>
      </c>
      <c r="I296" s="3" t="s">
        <v>103</v>
      </c>
      <c r="J296" s="3" t="s">
        <v>86</v>
      </c>
      <c r="K296" s="14">
        <v>44973</v>
      </c>
      <c r="L296" s="3" t="s">
        <v>84</v>
      </c>
    </row>
    <row r="297" spans="1:12" ht="16.5" customHeight="1" x14ac:dyDescent="0.3">
      <c r="A297" s="11">
        <v>2105584</v>
      </c>
      <c r="B297" s="11">
        <v>5022375</v>
      </c>
      <c r="C297" s="42" t="s">
        <v>85</v>
      </c>
      <c r="D297" s="3" t="s">
        <v>435</v>
      </c>
      <c r="E297" s="3" t="s">
        <v>100</v>
      </c>
      <c r="F297" s="3" t="s">
        <v>148</v>
      </c>
      <c r="G297" s="3" t="s">
        <v>105</v>
      </c>
      <c r="H297" s="3">
        <v>2022</v>
      </c>
      <c r="I297" s="3" t="s">
        <v>103</v>
      </c>
      <c r="J297" s="3" t="s">
        <v>86</v>
      </c>
      <c r="K297" s="14">
        <v>44973</v>
      </c>
      <c r="L297" s="3" t="s">
        <v>84</v>
      </c>
    </row>
    <row r="298" spans="1:12" ht="16.5" customHeight="1" x14ac:dyDescent="0.3">
      <c r="A298" s="11">
        <v>1860413</v>
      </c>
      <c r="B298" s="11">
        <v>5022375</v>
      </c>
      <c r="C298" s="42" t="s">
        <v>85</v>
      </c>
      <c r="D298" s="3" t="s">
        <v>436</v>
      </c>
      <c r="E298" s="3" t="s">
        <v>100</v>
      </c>
      <c r="F298" s="3" t="s">
        <v>127</v>
      </c>
      <c r="G298" s="3" t="s">
        <v>105</v>
      </c>
      <c r="H298" s="3">
        <v>2022</v>
      </c>
      <c r="I298" s="3" t="s">
        <v>103</v>
      </c>
      <c r="J298" s="3" t="s">
        <v>86</v>
      </c>
      <c r="K298" s="14">
        <v>44973</v>
      </c>
      <c r="L298" s="3" t="s">
        <v>84</v>
      </c>
    </row>
    <row r="299" spans="1:12" ht="16.5" customHeight="1" x14ac:dyDescent="0.3">
      <c r="A299" s="11">
        <v>1862944</v>
      </c>
      <c r="B299" s="11">
        <v>5022375</v>
      </c>
      <c r="C299" s="42" t="s">
        <v>85</v>
      </c>
      <c r="D299" s="3" t="s">
        <v>437</v>
      </c>
      <c r="E299" s="3" t="s">
        <v>100</v>
      </c>
      <c r="F299" s="3" t="s">
        <v>145</v>
      </c>
      <c r="G299" s="3" t="s">
        <v>105</v>
      </c>
      <c r="H299" s="3">
        <v>2022</v>
      </c>
      <c r="I299" s="3" t="s">
        <v>103</v>
      </c>
      <c r="J299" s="3" t="s">
        <v>86</v>
      </c>
      <c r="K299" s="14">
        <v>44973</v>
      </c>
      <c r="L299" s="3" t="s">
        <v>84</v>
      </c>
    </row>
    <row r="300" spans="1:12" ht="16.5" customHeight="1" x14ac:dyDescent="0.3">
      <c r="A300" s="11">
        <v>1948145</v>
      </c>
      <c r="B300" s="11">
        <v>5022375</v>
      </c>
      <c r="C300" s="42" t="s">
        <v>85</v>
      </c>
      <c r="D300" s="3" t="s">
        <v>438</v>
      </c>
      <c r="E300" s="3" t="s">
        <v>100</v>
      </c>
      <c r="F300" s="3" t="s">
        <v>233</v>
      </c>
      <c r="G300" s="3" t="s">
        <v>105</v>
      </c>
      <c r="H300" s="3">
        <v>2022</v>
      </c>
      <c r="I300" s="3" t="s">
        <v>103</v>
      </c>
      <c r="J300" s="3" t="s">
        <v>86</v>
      </c>
      <c r="K300" s="14">
        <v>44973</v>
      </c>
      <c r="L300" s="3" t="s">
        <v>84</v>
      </c>
    </row>
    <row r="301" spans="1:12" ht="16.5" customHeight="1" x14ac:dyDescent="0.3">
      <c r="A301" s="11">
        <v>1959261</v>
      </c>
      <c r="B301" s="11">
        <v>5022375</v>
      </c>
      <c r="C301" s="42" t="s">
        <v>85</v>
      </c>
      <c r="D301" s="3" t="s">
        <v>439</v>
      </c>
      <c r="E301" s="3" t="s">
        <v>100</v>
      </c>
      <c r="F301" s="3" t="s">
        <v>120</v>
      </c>
      <c r="G301" s="3" t="s">
        <v>102</v>
      </c>
      <c r="H301" s="3">
        <v>2022</v>
      </c>
      <c r="I301" s="3" t="s">
        <v>103</v>
      </c>
      <c r="J301" s="3" t="s">
        <v>86</v>
      </c>
      <c r="K301" s="14">
        <v>44973</v>
      </c>
      <c r="L301" s="3" t="s">
        <v>84</v>
      </c>
    </row>
    <row r="302" spans="1:12" ht="16.5" customHeight="1" x14ac:dyDescent="0.3">
      <c r="A302" s="11">
        <v>1967560</v>
      </c>
      <c r="B302" s="11">
        <v>5022375</v>
      </c>
      <c r="C302" s="42" t="s">
        <v>85</v>
      </c>
      <c r="D302" s="3" t="s">
        <v>440</v>
      </c>
      <c r="E302" s="3" t="s">
        <v>100</v>
      </c>
      <c r="F302" s="3" t="s">
        <v>120</v>
      </c>
      <c r="G302" s="3" t="s">
        <v>102</v>
      </c>
      <c r="H302" s="3">
        <v>2022</v>
      </c>
      <c r="I302" s="3" t="s">
        <v>103</v>
      </c>
      <c r="J302" s="3" t="s">
        <v>86</v>
      </c>
      <c r="K302" s="14">
        <v>44973</v>
      </c>
      <c r="L302" s="3" t="s">
        <v>84</v>
      </c>
    </row>
    <row r="303" spans="1:12" ht="16.5" customHeight="1" x14ac:dyDescent="0.3">
      <c r="A303" s="11">
        <v>2008855</v>
      </c>
      <c r="B303" s="11">
        <v>5022375</v>
      </c>
      <c r="C303" s="42" t="s">
        <v>85</v>
      </c>
      <c r="D303" s="3" t="s">
        <v>441</v>
      </c>
      <c r="E303" s="3" t="s">
        <v>380</v>
      </c>
      <c r="F303" s="3" t="s">
        <v>380</v>
      </c>
      <c r="G303" s="3" t="s">
        <v>102</v>
      </c>
      <c r="H303" s="3">
        <v>2022</v>
      </c>
      <c r="I303" s="3" t="s">
        <v>103</v>
      </c>
      <c r="J303" s="3" t="s">
        <v>86</v>
      </c>
      <c r="K303" s="14">
        <v>44973</v>
      </c>
      <c r="L303" s="3" t="s">
        <v>84</v>
      </c>
    </row>
    <row r="304" spans="1:12" ht="16.5" customHeight="1" x14ac:dyDescent="0.3">
      <c r="A304" s="11">
        <v>2009090</v>
      </c>
      <c r="B304" s="11">
        <v>5022375</v>
      </c>
      <c r="C304" s="42" t="s">
        <v>85</v>
      </c>
      <c r="D304" s="3" t="s">
        <v>442</v>
      </c>
      <c r="E304" s="3" t="s">
        <v>100</v>
      </c>
      <c r="F304" s="3" t="s">
        <v>127</v>
      </c>
      <c r="G304" s="3" t="s">
        <v>105</v>
      </c>
      <c r="H304" s="3">
        <v>2022</v>
      </c>
      <c r="I304" s="3" t="s">
        <v>103</v>
      </c>
      <c r="J304" s="3" t="s">
        <v>86</v>
      </c>
      <c r="K304" s="14">
        <v>44973</v>
      </c>
      <c r="L304" s="3" t="s">
        <v>84</v>
      </c>
    </row>
    <row r="305" spans="1:12" ht="16.5" customHeight="1" x14ac:dyDescent="0.3">
      <c r="A305" s="11">
        <v>2021487</v>
      </c>
      <c r="B305" s="11">
        <v>5022375</v>
      </c>
      <c r="C305" s="42" t="s">
        <v>85</v>
      </c>
      <c r="D305" s="3" t="s">
        <v>443</v>
      </c>
      <c r="E305" s="3" t="s">
        <v>100</v>
      </c>
      <c r="F305" s="3" t="s">
        <v>100</v>
      </c>
      <c r="G305" s="3" t="s">
        <v>105</v>
      </c>
      <c r="H305" s="3">
        <v>2022</v>
      </c>
      <c r="I305" s="3" t="s">
        <v>103</v>
      </c>
      <c r="J305" s="3" t="s">
        <v>86</v>
      </c>
      <c r="K305" s="14">
        <v>44973</v>
      </c>
      <c r="L305" s="3" t="s">
        <v>84</v>
      </c>
    </row>
    <row r="306" spans="1:12" ht="16.5" customHeight="1" x14ac:dyDescent="0.3">
      <c r="A306" s="11">
        <v>2042238</v>
      </c>
      <c r="B306" s="11">
        <v>5022375</v>
      </c>
      <c r="C306" s="42" t="s">
        <v>85</v>
      </c>
      <c r="D306" s="3" t="s">
        <v>444</v>
      </c>
      <c r="E306" s="3" t="s">
        <v>211</v>
      </c>
      <c r="F306" s="3" t="s">
        <v>211</v>
      </c>
      <c r="G306" s="3" t="s">
        <v>105</v>
      </c>
      <c r="H306" s="3">
        <v>2022</v>
      </c>
      <c r="I306" s="3" t="s">
        <v>103</v>
      </c>
      <c r="J306" s="3" t="s">
        <v>86</v>
      </c>
      <c r="K306" s="14">
        <v>44973</v>
      </c>
      <c r="L306" s="3" t="s">
        <v>84</v>
      </c>
    </row>
    <row r="307" spans="1:12" ht="16.5" customHeight="1" x14ac:dyDescent="0.3">
      <c r="A307" s="11">
        <v>2043012</v>
      </c>
      <c r="B307" s="11">
        <v>4538581</v>
      </c>
      <c r="C307" s="42" t="str">
        <f>HYPERLINK("https://support.microsoft.com/kb/"&amp;B307)</f>
        <v>https://support.microsoft.com/kb/4538581</v>
      </c>
      <c r="D307" s="3" t="s">
        <v>204</v>
      </c>
      <c r="E307" s="3" t="s">
        <v>100</v>
      </c>
      <c r="F307" s="3" t="s">
        <v>127</v>
      </c>
      <c r="G307" s="3" t="s">
        <v>105</v>
      </c>
      <c r="H307" s="3">
        <v>2022</v>
      </c>
      <c r="I307" s="3" t="s">
        <v>103</v>
      </c>
      <c r="J307" s="3" t="s">
        <v>86</v>
      </c>
      <c r="K307" s="14">
        <v>44973</v>
      </c>
      <c r="L307" s="3" t="s">
        <v>84</v>
      </c>
    </row>
    <row r="308" spans="1:12" ht="16.5" customHeight="1" x14ac:dyDescent="0.3">
      <c r="A308" s="11">
        <v>2049442</v>
      </c>
      <c r="B308" s="11">
        <v>5022375</v>
      </c>
      <c r="C308" s="42" t="s">
        <v>85</v>
      </c>
      <c r="D308" s="3" t="s">
        <v>445</v>
      </c>
      <c r="E308" s="3" t="s">
        <v>100</v>
      </c>
      <c r="F308" s="3" t="s">
        <v>120</v>
      </c>
      <c r="G308" s="3" t="s">
        <v>105</v>
      </c>
      <c r="H308" s="3">
        <v>2022</v>
      </c>
      <c r="I308" s="3" t="s">
        <v>103</v>
      </c>
      <c r="J308" s="3" t="s">
        <v>86</v>
      </c>
      <c r="K308" s="14">
        <v>44973</v>
      </c>
      <c r="L308" s="3" t="s">
        <v>84</v>
      </c>
    </row>
    <row r="309" spans="1:12" ht="16.5" customHeight="1" x14ac:dyDescent="0.3">
      <c r="A309" s="11">
        <v>2058060</v>
      </c>
      <c r="B309" s="11">
        <v>5022375</v>
      </c>
      <c r="C309" s="42" t="s">
        <v>85</v>
      </c>
      <c r="D309" s="3" t="s">
        <v>446</v>
      </c>
      <c r="E309" s="3" t="s">
        <v>100</v>
      </c>
      <c r="F309" s="3" t="s">
        <v>137</v>
      </c>
      <c r="G309" s="3" t="s">
        <v>105</v>
      </c>
      <c r="H309" s="3">
        <v>2022</v>
      </c>
      <c r="I309" s="3" t="s">
        <v>103</v>
      </c>
      <c r="J309" s="3" t="s">
        <v>86</v>
      </c>
      <c r="K309" s="14">
        <v>44973</v>
      </c>
      <c r="L309" s="3" t="s">
        <v>84</v>
      </c>
    </row>
    <row r="310" spans="1:12" ht="16.5" customHeight="1" x14ac:dyDescent="0.3">
      <c r="A310" s="11">
        <v>2068781</v>
      </c>
      <c r="B310" s="11">
        <v>5022375</v>
      </c>
      <c r="C310" s="42" t="s">
        <v>85</v>
      </c>
      <c r="D310" s="3" t="s">
        <v>447</v>
      </c>
      <c r="E310" s="3" t="s">
        <v>100</v>
      </c>
      <c r="F310" s="3" t="s">
        <v>120</v>
      </c>
      <c r="G310" s="3" t="s">
        <v>105</v>
      </c>
      <c r="H310" s="3">
        <v>2022</v>
      </c>
      <c r="I310" s="3" t="s">
        <v>103</v>
      </c>
      <c r="J310" s="3" t="s">
        <v>86</v>
      </c>
      <c r="K310" s="14">
        <v>44973</v>
      </c>
      <c r="L310" s="3" t="s">
        <v>84</v>
      </c>
    </row>
    <row r="311" spans="1:12" ht="16.5" customHeight="1" x14ac:dyDescent="0.3">
      <c r="A311" s="11">
        <v>2069101</v>
      </c>
      <c r="B311" s="11">
        <v>5022375</v>
      </c>
      <c r="C311" s="42" t="s">
        <v>85</v>
      </c>
      <c r="D311" s="3" t="s">
        <v>448</v>
      </c>
      <c r="E311" s="3" t="s">
        <v>107</v>
      </c>
      <c r="F311" s="3" t="s">
        <v>449</v>
      </c>
      <c r="G311" s="3" t="s">
        <v>105</v>
      </c>
      <c r="H311" s="3">
        <v>2022</v>
      </c>
      <c r="I311" s="3" t="s">
        <v>103</v>
      </c>
      <c r="J311" s="3" t="s">
        <v>86</v>
      </c>
      <c r="K311" s="14">
        <v>44973</v>
      </c>
      <c r="L311" s="3" t="s">
        <v>84</v>
      </c>
    </row>
    <row r="312" spans="1:12" ht="16.5" customHeight="1" x14ac:dyDescent="0.3">
      <c r="A312" s="11">
        <v>2075503</v>
      </c>
      <c r="B312" s="11">
        <v>5022375</v>
      </c>
      <c r="C312" s="42" t="s">
        <v>85</v>
      </c>
      <c r="D312" s="3" t="s">
        <v>450</v>
      </c>
      <c r="E312" s="3" t="s">
        <v>100</v>
      </c>
      <c r="F312" s="3" t="s">
        <v>101</v>
      </c>
      <c r="G312" s="3" t="s">
        <v>105</v>
      </c>
      <c r="H312" s="3">
        <v>2022</v>
      </c>
      <c r="I312" s="3" t="s">
        <v>103</v>
      </c>
      <c r="J312" s="3" t="s">
        <v>86</v>
      </c>
      <c r="K312" s="14">
        <v>44973</v>
      </c>
      <c r="L312" s="3" t="s">
        <v>84</v>
      </c>
    </row>
    <row r="313" spans="1:12" ht="16.5" customHeight="1" x14ac:dyDescent="0.3">
      <c r="A313" s="11">
        <v>2076990</v>
      </c>
      <c r="B313" s="11">
        <v>5022375</v>
      </c>
      <c r="C313" s="42" t="s">
        <v>85</v>
      </c>
      <c r="D313" s="3" t="s">
        <v>451</v>
      </c>
      <c r="E313" s="3" t="s">
        <v>380</v>
      </c>
      <c r="F313" s="3" t="s">
        <v>380</v>
      </c>
      <c r="G313" s="3" t="s">
        <v>102</v>
      </c>
      <c r="H313" s="3">
        <v>2022</v>
      </c>
      <c r="I313" s="3" t="s">
        <v>103</v>
      </c>
      <c r="J313" s="3" t="s">
        <v>86</v>
      </c>
      <c r="K313" s="14">
        <v>44973</v>
      </c>
      <c r="L313" s="3" t="s">
        <v>84</v>
      </c>
    </row>
    <row r="314" spans="1:12" ht="16.5" customHeight="1" x14ac:dyDescent="0.3">
      <c r="A314" s="11">
        <v>2078803</v>
      </c>
      <c r="B314" s="11">
        <v>5022375</v>
      </c>
      <c r="C314" s="42" t="s">
        <v>85</v>
      </c>
      <c r="D314" s="3" t="s">
        <v>452</v>
      </c>
      <c r="E314" s="3" t="s">
        <v>180</v>
      </c>
      <c r="F314" s="3" t="s">
        <v>180</v>
      </c>
      <c r="G314" s="3" t="s">
        <v>102</v>
      </c>
      <c r="H314" s="3">
        <v>2022</v>
      </c>
      <c r="I314" s="3" t="s">
        <v>103</v>
      </c>
      <c r="J314" s="3" t="s">
        <v>86</v>
      </c>
      <c r="K314" s="14">
        <v>44973</v>
      </c>
      <c r="L314" s="3" t="s">
        <v>84</v>
      </c>
    </row>
    <row r="315" spans="1:12" ht="16.5" customHeight="1" x14ac:dyDescent="0.3">
      <c r="A315" s="11">
        <v>2081891</v>
      </c>
      <c r="B315" s="11">
        <v>5022375</v>
      </c>
      <c r="C315" s="42" t="s">
        <v>85</v>
      </c>
      <c r="D315" s="3" t="s">
        <v>453</v>
      </c>
      <c r="E315" s="3" t="s">
        <v>100</v>
      </c>
      <c r="F315" s="3" t="s">
        <v>110</v>
      </c>
      <c r="G315" s="3" t="s">
        <v>105</v>
      </c>
      <c r="H315" s="3">
        <v>2022</v>
      </c>
      <c r="I315" s="3" t="s">
        <v>103</v>
      </c>
      <c r="J315" s="3" t="s">
        <v>86</v>
      </c>
      <c r="K315" s="14">
        <v>44973</v>
      </c>
      <c r="L315" s="3" t="s">
        <v>84</v>
      </c>
    </row>
    <row r="316" spans="1:12" ht="16.5" customHeight="1" x14ac:dyDescent="0.3">
      <c r="A316" s="11">
        <v>2082644</v>
      </c>
      <c r="B316" s="11">
        <v>5022375</v>
      </c>
      <c r="C316" s="42" t="s">
        <v>85</v>
      </c>
      <c r="D316" s="3" t="s">
        <v>454</v>
      </c>
      <c r="E316" s="3" t="s">
        <v>455</v>
      </c>
      <c r="F316" s="3" t="s">
        <v>456</v>
      </c>
      <c r="G316" s="3" t="s">
        <v>102</v>
      </c>
      <c r="H316" s="3">
        <v>2022</v>
      </c>
      <c r="I316" s="3" t="s">
        <v>103</v>
      </c>
      <c r="J316" s="3" t="s">
        <v>86</v>
      </c>
      <c r="K316" s="14">
        <v>44973</v>
      </c>
      <c r="L316" s="3" t="s">
        <v>84</v>
      </c>
    </row>
    <row r="317" spans="1:12" ht="16.5" customHeight="1" x14ac:dyDescent="0.3">
      <c r="A317" s="11">
        <v>2084307</v>
      </c>
      <c r="B317" s="11">
        <v>5022375</v>
      </c>
      <c r="C317" s="42" t="s">
        <v>85</v>
      </c>
      <c r="D317" s="3" t="s">
        <v>457</v>
      </c>
      <c r="E317" s="3" t="s">
        <v>100</v>
      </c>
      <c r="F317" s="3" t="s">
        <v>161</v>
      </c>
      <c r="G317" s="3" t="s">
        <v>105</v>
      </c>
      <c r="H317" s="3">
        <v>2022</v>
      </c>
      <c r="I317" s="3" t="s">
        <v>103</v>
      </c>
      <c r="J317" s="3" t="s">
        <v>86</v>
      </c>
      <c r="K317" s="14">
        <v>44973</v>
      </c>
      <c r="L317" s="3" t="s">
        <v>84</v>
      </c>
    </row>
    <row r="318" spans="1:12" ht="16.5" customHeight="1" x14ac:dyDescent="0.3">
      <c r="A318" s="11">
        <v>2086044</v>
      </c>
      <c r="B318" s="11">
        <v>5022375</v>
      </c>
      <c r="C318" s="42" t="s">
        <v>85</v>
      </c>
      <c r="D318" s="3" t="s">
        <v>458</v>
      </c>
      <c r="E318" s="3" t="s">
        <v>100</v>
      </c>
      <c r="F318" s="3" t="s">
        <v>113</v>
      </c>
      <c r="G318" s="3" t="s">
        <v>105</v>
      </c>
      <c r="H318" s="3">
        <v>2022</v>
      </c>
      <c r="I318" s="3" t="s">
        <v>103</v>
      </c>
      <c r="J318" s="3" t="s">
        <v>86</v>
      </c>
      <c r="K318" s="14">
        <v>44973</v>
      </c>
      <c r="L318" s="3" t="s">
        <v>84</v>
      </c>
    </row>
    <row r="319" spans="1:12" ht="16.5" customHeight="1" x14ac:dyDescent="0.3">
      <c r="A319" s="11">
        <v>2087479</v>
      </c>
      <c r="B319" s="11">
        <v>5022375</v>
      </c>
      <c r="C319" s="42" t="s">
        <v>85</v>
      </c>
      <c r="D319" s="3" t="s">
        <v>459</v>
      </c>
      <c r="E319" s="3" t="s">
        <v>100</v>
      </c>
      <c r="F319" s="3" t="s">
        <v>233</v>
      </c>
      <c r="G319" s="3" t="s">
        <v>102</v>
      </c>
      <c r="H319" s="3">
        <v>2022</v>
      </c>
      <c r="I319" s="3" t="s">
        <v>103</v>
      </c>
      <c r="J319" s="3" t="s">
        <v>86</v>
      </c>
      <c r="K319" s="14">
        <v>44973</v>
      </c>
      <c r="L319" s="3" t="s">
        <v>84</v>
      </c>
    </row>
    <row r="320" spans="1:12" ht="16.5" customHeight="1" x14ac:dyDescent="0.3">
      <c r="A320" s="11">
        <v>2088539</v>
      </c>
      <c r="B320" s="11">
        <v>5022375</v>
      </c>
      <c r="C320" s="42" t="s">
        <v>85</v>
      </c>
      <c r="D320" s="3" t="s">
        <v>460</v>
      </c>
      <c r="E320" s="3" t="s">
        <v>100</v>
      </c>
      <c r="F320" s="3" t="s">
        <v>137</v>
      </c>
      <c r="G320" s="3" t="s">
        <v>105</v>
      </c>
      <c r="H320" s="3">
        <v>2022</v>
      </c>
      <c r="I320" s="3" t="s">
        <v>103</v>
      </c>
      <c r="J320" s="3" t="s">
        <v>86</v>
      </c>
      <c r="K320" s="14">
        <v>44973</v>
      </c>
      <c r="L320" s="3" t="s">
        <v>84</v>
      </c>
    </row>
    <row r="321" spans="1:12" ht="16.5" customHeight="1" x14ac:dyDescent="0.3">
      <c r="A321" s="11">
        <v>2089261</v>
      </c>
      <c r="B321" s="11">
        <v>5022375</v>
      </c>
      <c r="C321" s="42" t="s">
        <v>85</v>
      </c>
      <c r="D321" s="3" t="s">
        <v>454</v>
      </c>
      <c r="E321" s="3" t="s">
        <v>455</v>
      </c>
      <c r="F321" s="3" t="s">
        <v>456</v>
      </c>
      <c r="G321" s="3" t="s">
        <v>102</v>
      </c>
      <c r="H321" s="3">
        <v>2022</v>
      </c>
      <c r="I321" s="3" t="s">
        <v>103</v>
      </c>
      <c r="J321" s="3" t="s">
        <v>86</v>
      </c>
      <c r="K321" s="14">
        <v>44973</v>
      </c>
      <c r="L321" s="3" t="s">
        <v>84</v>
      </c>
    </row>
    <row r="322" spans="1:12" ht="16.5" customHeight="1" x14ac:dyDescent="0.3">
      <c r="A322" s="11">
        <v>2033037</v>
      </c>
      <c r="B322" s="11">
        <v>5021522</v>
      </c>
      <c r="C322" s="43" t="str">
        <f>HYPERLINK("https://support.microsoft.com/kb/"&amp;B322)</f>
        <v>https://support.microsoft.com/kb/5021522</v>
      </c>
      <c r="D322" s="44" t="s">
        <v>461</v>
      </c>
      <c r="E322" s="44" t="s">
        <v>406</v>
      </c>
      <c r="F322" s="44" t="s">
        <v>113</v>
      </c>
      <c r="G322" s="44" t="s">
        <v>462</v>
      </c>
      <c r="H322" s="3">
        <v>2022</v>
      </c>
      <c r="I322" s="44" t="s">
        <v>89</v>
      </c>
      <c r="J322" s="44" t="s">
        <v>37</v>
      </c>
      <c r="K322" s="14">
        <v>44971</v>
      </c>
      <c r="L322" s="45" t="s">
        <v>87</v>
      </c>
    </row>
    <row r="323" spans="1:12" ht="16.5" customHeight="1" x14ac:dyDescent="0.3">
      <c r="A323" s="11">
        <v>2026953</v>
      </c>
      <c r="B323" s="11">
        <v>5021522</v>
      </c>
      <c r="C323" s="43" t="str">
        <f t="shared" ref="C323:C327" si="0">HYPERLINK("https://support.microsoft.com/kb/"&amp;B323)</f>
        <v>https://support.microsoft.com/kb/5021522</v>
      </c>
      <c r="D323" s="44" t="s">
        <v>463</v>
      </c>
      <c r="E323" s="44" t="s">
        <v>455</v>
      </c>
      <c r="F323" s="44" t="s">
        <v>456</v>
      </c>
      <c r="G323" s="44" t="s">
        <v>102</v>
      </c>
      <c r="H323" s="3">
        <v>2022</v>
      </c>
      <c r="I323" s="44" t="s">
        <v>89</v>
      </c>
      <c r="J323" s="44" t="s">
        <v>37</v>
      </c>
      <c r="K323" s="14">
        <v>44971</v>
      </c>
      <c r="L323" s="45" t="s">
        <v>87</v>
      </c>
    </row>
    <row r="324" spans="1:12" ht="16.5" customHeight="1" x14ac:dyDescent="0.3">
      <c r="A324" s="11">
        <v>2048784</v>
      </c>
      <c r="B324" s="11">
        <v>5021522</v>
      </c>
      <c r="C324" s="43" t="str">
        <f t="shared" si="0"/>
        <v>https://support.microsoft.com/kb/5021522</v>
      </c>
      <c r="D324" s="44" t="s">
        <v>464</v>
      </c>
      <c r="E324" s="44" t="s">
        <v>211</v>
      </c>
      <c r="F324" s="44" t="s">
        <v>211</v>
      </c>
      <c r="G324" s="44" t="s">
        <v>462</v>
      </c>
      <c r="H324" s="3">
        <v>2022</v>
      </c>
      <c r="I324" s="44" t="s">
        <v>89</v>
      </c>
      <c r="J324" s="44" t="s">
        <v>37</v>
      </c>
      <c r="K324" s="14">
        <v>44971</v>
      </c>
      <c r="L324" s="45" t="s">
        <v>87</v>
      </c>
    </row>
    <row r="325" spans="1:12" ht="16.5" customHeight="1" x14ac:dyDescent="0.3">
      <c r="A325" s="11">
        <v>2116918</v>
      </c>
      <c r="B325" s="11">
        <v>5021522</v>
      </c>
      <c r="C325" s="43" t="str">
        <f t="shared" si="0"/>
        <v>https://support.microsoft.com/kb/5021522</v>
      </c>
      <c r="D325" s="44" t="s">
        <v>465</v>
      </c>
      <c r="E325" s="44" t="s">
        <v>211</v>
      </c>
      <c r="F325" s="44" t="s">
        <v>211</v>
      </c>
      <c r="G325" s="44" t="s">
        <v>102</v>
      </c>
      <c r="H325" s="3">
        <v>2022</v>
      </c>
      <c r="I325" s="44" t="s">
        <v>89</v>
      </c>
      <c r="J325" s="44" t="s">
        <v>37</v>
      </c>
      <c r="K325" s="14">
        <v>44971</v>
      </c>
      <c r="L325" s="45" t="s">
        <v>87</v>
      </c>
    </row>
    <row r="326" spans="1:12" ht="16.5" customHeight="1" x14ac:dyDescent="0.3">
      <c r="A326" s="11">
        <v>2095172</v>
      </c>
      <c r="B326" s="11">
        <v>5021522</v>
      </c>
      <c r="C326" s="43" t="str">
        <f t="shared" si="0"/>
        <v>https://support.microsoft.com/kb/5021522</v>
      </c>
      <c r="D326" s="44" t="s">
        <v>466</v>
      </c>
      <c r="E326" s="44" t="s">
        <v>455</v>
      </c>
      <c r="F326" s="44" t="s">
        <v>456</v>
      </c>
      <c r="G326" s="44" t="s">
        <v>102</v>
      </c>
      <c r="H326" s="3">
        <v>2022</v>
      </c>
      <c r="I326" s="44" t="s">
        <v>89</v>
      </c>
      <c r="J326" s="44" t="s">
        <v>37</v>
      </c>
      <c r="K326" s="14">
        <v>44971</v>
      </c>
      <c r="L326" s="45" t="s">
        <v>87</v>
      </c>
    </row>
    <row r="327" spans="1:12" ht="16.5" customHeight="1" x14ac:dyDescent="0.3">
      <c r="A327" s="11">
        <v>2163971</v>
      </c>
      <c r="B327" s="11">
        <v>5021522</v>
      </c>
      <c r="C327" s="43" t="str">
        <f t="shared" si="0"/>
        <v>https://support.microsoft.com/kb/5021522</v>
      </c>
      <c r="D327" s="44" t="s">
        <v>467</v>
      </c>
      <c r="E327" s="44" t="s">
        <v>180</v>
      </c>
      <c r="F327" s="44" t="s">
        <v>180</v>
      </c>
      <c r="G327" s="44" t="s">
        <v>102</v>
      </c>
      <c r="H327" s="3">
        <v>2022</v>
      </c>
      <c r="I327" s="44" t="s">
        <v>89</v>
      </c>
      <c r="J327" s="44" t="s">
        <v>37</v>
      </c>
      <c r="K327" s="14">
        <v>44971</v>
      </c>
      <c r="L327" s="45" t="s">
        <v>87</v>
      </c>
    </row>
    <row r="328" spans="1:12" ht="16.5" customHeight="1" x14ac:dyDescent="0.3">
      <c r="A328" s="11"/>
      <c r="B328" s="11"/>
      <c r="C328" s="42"/>
      <c r="D328" s="3"/>
      <c r="E328" s="3"/>
      <c r="F328" s="3"/>
      <c r="G328" s="3"/>
      <c r="H328" s="3"/>
      <c r="I328" s="3"/>
      <c r="J328" s="3"/>
      <c r="K328" s="14"/>
      <c r="L328" s="3"/>
    </row>
    <row r="329" spans="1:12" ht="16.5" customHeight="1" x14ac:dyDescent="0.3">
      <c r="A329" s="11"/>
      <c r="B329" s="11"/>
      <c r="C329" s="42"/>
      <c r="D329" s="3"/>
      <c r="E329" s="3"/>
      <c r="F329" s="3"/>
      <c r="G329" s="3"/>
      <c r="H329" s="3"/>
      <c r="I329" s="3"/>
      <c r="J329" s="3"/>
      <c r="K329" s="14"/>
      <c r="L329" s="3"/>
    </row>
    <row r="330" spans="1:12" ht="16.5" customHeight="1" x14ac:dyDescent="0.3">
      <c r="A330" s="11"/>
      <c r="B330" s="11"/>
      <c r="C330" s="42"/>
      <c r="D330" s="3"/>
      <c r="E330" s="3"/>
      <c r="F330" s="3"/>
      <c r="G330" s="3"/>
      <c r="H330" s="3"/>
      <c r="I330" s="3"/>
      <c r="J330" s="3"/>
      <c r="K330" s="14"/>
      <c r="L330" s="3"/>
    </row>
    <row r="331" spans="1:12" ht="16.5" customHeight="1" x14ac:dyDescent="0.3">
      <c r="A331" s="11"/>
      <c r="B331" s="11"/>
      <c r="C331" s="42"/>
      <c r="D331" s="3"/>
      <c r="E331" s="3"/>
      <c r="F331" s="3"/>
      <c r="G331" s="3"/>
      <c r="H331" s="3"/>
      <c r="I331" s="3"/>
      <c r="J331" s="3"/>
      <c r="K331" s="14"/>
      <c r="L331" s="3"/>
    </row>
    <row r="332" spans="1:12" ht="16.5" customHeight="1" x14ac:dyDescent="0.3">
      <c r="A332" s="11"/>
      <c r="B332" s="11"/>
      <c r="C332" s="42"/>
      <c r="D332" s="3"/>
      <c r="E332" s="3"/>
      <c r="F332" s="3"/>
      <c r="G332" s="3"/>
      <c r="H332" s="3"/>
      <c r="I332" s="3"/>
      <c r="J332" s="3"/>
      <c r="K332" s="14"/>
      <c r="L332" s="3"/>
    </row>
    <row r="333" spans="1:12" ht="16.5" customHeight="1" x14ac:dyDescent="0.3">
      <c r="A333" s="11"/>
      <c r="B333" s="11"/>
      <c r="C333" s="42"/>
      <c r="D333" s="3"/>
      <c r="E333" s="3"/>
      <c r="F333" s="3"/>
      <c r="G333" s="3"/>
      <c r="H333" s="3"/>
      <c r="I333" s="3"/>
      <c r="J333" s="3"/>
      <c r="K333" s="14"/>
      <c r="L333" s="3"/>
    </row>
    <row r="334" spans="1:12" ht="16.5" customHeight="1" x14ac:dyDescent="0.3">
      <c r="A334" s="11"/>
      <c r="B334" s="11"/>
      <c r="C334" s="42"/>
      <c r="D334" s="3"/>
      <c r="E334" s="3"/>
      <c r="F334" s="3"/>
      <c r="G334" s="3"/>
      <c r="H334" s="3"/>
      <c r="I334" s="3"/>
      <c r="J334" s="3"/>
      <c r="K334" s="14"/>
      <c r="L334" s="3"/>
    </row>
    <row r="335" spans="1:12" ht="16.5" customHeight="1" x14ac:dyDescent="0.3">
      <c r="A335" s="11"/>
      <c r="B335" s="11"/>
      <c r="C335" s="42"/>
      <c r="D335" s="3"/>
      <c r="E335" s="3"/>
      <c r="F335" s="3"/>
      <c r="G335" s="3"/>
      <c r="H335" s="3"/>
      <c r="I335" s="3"/>
      <c r="J335" s="3"/>
      <c r="K335" s="14"/>
      <c r="L335" s="3"/>
    </row>
    <row r="336" spans="1:12" ht="16.5" customHeight="1" x14ac:dyDescent="0.3">
      <c r="A336" s="11"/>
      <c r="B336" s="11"/>
      <c r="C336" s="42"/>
      <c r="D336" s="3"/>
      <c r="E336" s="3"/>
      <c r="F336" s="3"/>
      <c r="G336" s="3"/>
      <c r="H336" s="3"/>
      <c r="I336" s="3"/>
      <c r="J336" s="3"/>
      <c r="K336" s="14"/>
      <c r="L336" s="3"/>
    </row>
    <row r="337" spans="1:12" ht="16.5" customHeight="1" x14ac:dyDescent="0.3">
      <c r="A337" s="11"/>
      <c r="B337" s="11"/>
      <c r="C337" s="42"/>
      <c r="D337" s="3"/>
      <c r="E337" s="3"/>
      <c r="F337" s="3"/>
      <c r="G337" s="3"/>
      <c r="H337" s="3"/>
      <c r="I337" s="3"/>
      <c r="J337" s="3"/>
      <c r="K337" s="14"/>
      <c r="L337" s="3"/>
    </row>
    <row r="338" spans="1:12" ht="16.5" customHeight="1" x14ac:dyDescent="0.3">
      <c r="A338" s="11"/>
      <c r="B338" s="11"/>
      <c r="C338" s="42"/>
      <c r="D338" s="3"/>
      <c r="E338" s="3"/>
      <c r="F338" s="3"/>
      <c r="G338" s="3"/>
      <c r="H338" s="3"/>
      <c r="I338" s="3"/>
      <c r="J338" s="3"/>
      <c r="K338" s="14"/>
      <c r="L338" s="3"/>
    </row>
    <row r="339" spans="1:12" ht="16.5" customHeight="1" x14ac:dyDescent="0.3">
      <c r="A339" s="11"/>
      <c r="B339" s="11"/>
      <c r="C339" s="42"/>
      <c r="D339" s="3"/>
      <c r="E339" s="3"/>
      <c r="F339" s="3"/>
      <c r="G339" s="3"/>
      <c r="H339" s="3"/>
      <c r="I339" s="3"/>
      <c r="J339" s="3"/>
      <c r="K339" s="14"/>
      <c r="L339" s="3"/>
    </row>
    <row r="340" spans="1:12" ht="16.5" customHeight="1" x14ac:dyDescent="0.3">
      <c r="A340" s="11"/>
      <c r="B340" s="11"/>
      <c r="C340" s="42"/>
      <c r="D340" s="3"/>
      <c r="E340" s="3"/>
      <c r="F340" s="3"/>
      <c r="G340" s="3"/>
      <c r="H340" s="3"/>
      <c r="I340" s="3"/>
      <c r="J340" s="3"/>
      <c r="K340" s="14"/>
      <c r="L340" s="3"/>
    </row>
    <row r="341" spans="1:12" ht="16.5" customHeight="1" x14ac:dyDescent="0.3">
      <c r="A341" s="11"/>
      <c r="B341" s="11"/>
      <c r="C341" s="42"/>
      <c r="D341" s="3"/>
      <c r="E341" s="3"/>
      <c r="F341" s="3"/>
      <c r="G341" s="3"/>
      <c r="H341" s="3"/>
      <c r="I341" s="3"/>
      <c r="J341" s="3"/>
      <c r="K341" s="14"/>
      <c r="L341" s="3"/>
    </row>
    <row r="342" spans="1:12" ht="16.5" customHeight="1" x14ac:dyDescent="0.3">
      <c r="A342" s="11"/>
      <c r="B342" s="11"/>
      <c r="C342" s="42"/>
      <c r="D342" s="3"/>
      <c r="E342" s="3"/>
      <c r="F342" s="3"/>
      <c r="G342" s="3"/>
      <c r="H342" s="3"/>
      <c r="I342" s="3"/>
      <c r="J342" s="3"/>
      <c r="K342" s="14"/>
      <c r="L342" s="3"/>
    </row>
    <row r="343" spans="1:12" ht="16.5" customHeight="1" x14ac:dyDescent="0.3">
      <c r="A343" s="11"/>
      <c r="B343" s="11"/>
      <c r="C343" s="42"/>
      <c r="D343" s="3"/>
      <c r="E343" s="3"/>
      <c r="F343" s="3"/>
      <c r="G343" s="3"/>
      <c r="H343" s="3"/>
      <c r="I343" s="3"/>
      <c r="J343" s="3"/>
      <c r="K343" s="14"/>
      <c r="L343" s="3"/>
    </row>
    <row r="344" spans="1:12" ht="16.5" customHeight="1" x14ac:dyDescent="0.3">
      <c r="A344" s="11"/>
      <c r="B344" s="11"/>
      <c r="C344" s="42"/>
      <c r="D344" s="3"/>
      <c r="E344" s="3"/>
      <c r="F344" s="3"/>
      <c r="G344" s="3"/>
      <c r="H344" s="3"/>
      <c r="I344" s="3"/>
      <c r="J344" s="3"/>
      <c r="K344" s="14"/>
      <c r="L344" s="3"/>
    </row>
    <row r="345" spans="1:12" ht="16.5" customHeight="1" x14ac:dyDescent="0.3">
      <c r="A345" s="11"/>
      <c r="B345" s="11"/>
      <c r="C345" s="42"/>
      <c r="D345" s="3"/>
      <c r="E345" s="3"/>
      <c r="F345" s="3"/>
      <c r="G345" s="3"/>
      <c r="H345" s="3"/>
      <c r="I345" s="3"/>
      <c r="J345" s="3"/>
      <c r="K345" s="14"/>
      <c r="L345" s="3"/>
    </row>
    <row r="346" spans="1:12" ht="16.5" customHeight="1" x14ac:dyDescent="0.3">
      <c r="A346" s="11"/>
      <c r="B346" s="11"/>
      <c r="C346" s="42"/>
      <c r="D346" s="3"/>
      <c r="E346" s="3"/>
      <c r="F346" s="3"/>
      <c r="G346" s="3"/>
      <c r="H346" s="3"/>
      <c r="I346" s="3"/>
      <c r="J346" s="3"/>
      <c r="K346" s="14"/>
      <c r="L346" s="3"/>
    </row>
    <row r="347" spans="1:12" ht="16.5" customHeight="1" x14ac:dyDescent="0.3">
      <c r="A347" s="11"/>
      <c r="B347" s="11"/>
      <c r="C347" s="42"/>
      <c r="D347" s="3"/>
      <c r="E347" s="3"/>
      <c r="F347" s="3"/>
      <c r="G347" s="3"/>
      <c r="H347" s="3"/>
      <c r="I347" s="3"/>
      <c r="J347" s="3"/>
      <c r="K347" s="14"/>
      <c r="L347" s="3"/>
    </row>
    <row r="348" spans="1:12" ht="16.5" customHeight="1" x14ac:dyDescent="0.3">
      <c r="A348" s="11"/>
      <c r="B348" s="11"/>
      <c r="C348" s="42"/>
      <c r="D348" s="3"/>
      <c r="E348" s="3"/>
      <c r="F348" s="3"/>
      <c r="G348" s="3"/>
      <c r="H348" s="3"/>
      <c r="I348" s="3"/>
      <c r="J348" s="3"/>
      <c r="K348" s="14"/>
      <c r="L348" s="3"/>
    </row>
    <row r="349" spans="1:12" ht="16.5" customHeight="1" x14ac:dyDescent="0.3">
      <c r="A349" s="11"/>
      <c r="B349" s="11"/>
      <c r="C349" s="42"/>
      <c r="D349" s="3"/>
      <c r="E349" s="3"/>
      <c r="F349" s="3"/>
      <c r="G349" s="3"/>
      <c r="H349" s="3"/>
      <c r="I349" s="3"/>
      <c r="J349" s="3"/>
      <c r="K349" s="14"/>
      <c r="L349" s="3"/>
    </row>
    <row r="350" spans="1:12" ht="16.5" customHeight="1" x14ac:dyDescent="0.3">
      <c r="A350" s="11"/>
      <c r="B350" s="11"/>
      <c r="C350" s="42"/>
      <c r="D350" s="3"/>
      <c r="E350" s="3"/>
      <c r="F350" s="3"/>
      <c r="G350" s="3"/>
      <c r="H350" s="3"/>
      <c r="I350" s="3"/>
      <c r="J350" s="3"/>
      <c r="K350" s="14"/>
      <c r="L350" s="3"/>
    </row>
    <row r="351" spans="1:12" ht="16.5" customHeight="1" x14ac:dyDescent="0.3">
      <c r="A351" s="11"/>
      <c r="B351" s="11"/>
      <c r="C351" s="42"/>
      <c r="D351" s="3"/>
      <c r="E351" s="3"/>
      <c r="F351" s="3"/>
      <c r="G351" s="3"/>
      <c r="H351" s="3"/>
      <c r="I351" s="3"/>
      <c r="J351" s="3"/>
      <c r="K351" s="14"/>
      <c r="L351" s="3"/>
    </row>
    <row r="352" spans="1:12" ht="16.5" customHeight="1" x14ac:dyDescent="0.3">
      <c r="A352" s="11"/>
      <c r="B352" s="11"/>
      <c r="C352" s="42"/>
      <c r="D352" s="3"/>
      <c r="E352" s="3"/>
      <c r="F352" s="3"/>
      <c r="G352" s="3"/>
      <c r="H352" s="3"/>
      <c r="I352" s="3"/>
      <c r="J352" s="3"/>
      <c r="K352" s="14"/>
      <c r="L352" s="3"/>
    </row>
    <row r="353" spans="1:12" ht="16.5" customHeight="1" x14ac:dyDescent="0.3">
      <c r="A353" s="11"/>
      <c r="B353" s="11"/>
      <c r="C353" s="42"/>
      <c r="D353" s="3"/>
      <c r="E353" s="3"/>
      <c r="F353" s="3"/>
      <c r="G353" s="3"/>
      <c r="H353" s="3"/>
      <c r="I353" s="3"/>
      <c r="J353" s="3"/>
      <c r="K353" s="14"/>
      <c r="L353" s="3"/>
    </row>
    <row r="354" spans="1:12" ht="16.5" customHeight="1" x14ac:dyDescent="0.3">
      <c r="A354" s="11"/>
      <c r="B354" s="11"/>
      <c r="C354" s="42"/>
      <c r="D354" s="3"/>
      <c r="E354" s="3"/>
      <c r="F354" s="3"/>
      <c r="G354" s="3"/>
      <c r="H354" s="3"/>
      <c r="I354" s="3"/>
      <c r="J354" s="3"/>
      <c r="K354" s="14"/>
      <c r="L354" s="3"/>
    </row>
    <row r="355" spans="1:12" ht="16.5" customHeight="1" x14ac:dyDescent="0.3">
      <c r="A355" s="11"/>
      <c r="B355" s="11"/>
      <c r="C355" s="42"/>
      <c r="D355" s="3"/>
      <c r="E355" s="3"/>
      <c r="F355" s="3"/>
      <c r="G355" s="3"/>
      <c r="H355" s="3"/>
      <c r="I355" s="3"/>
      <c r="J355" s="3"/>
      <c r="K355" s="14"/>
      <c r="L355" s="3"/>
    </row>
    <row r="356" spans="1:12" ht="16.5" customHeight="1" x14ac:dyDescent="0.3">
      <c r="A356" s="11"/>
      <c r="B356" s="11"/>
      <c r="C356" s="42"/>
      <c r="D356" s="3"/>
      <c r="E356" s="3"/>
      <c r="F356" s="3"/>
      <c r="G356" s="3"/>
      <c r="H356" s="3"/>
      <c r="I356" s="3"/>
      <c r="J356" s="3"/>
      <c r="K356" s="14"/>
      <c r="L356" s="3"/>
    </row>
    <row r="357" spans="1:12" ht="16.5" customHeight="1" x14ac:dyDescent="0.3">
      <c r="A357" s="11"/>
      <c r="B357" s="11"/>
      <c r="C357" s="42"/>
      <c r="D357" s="3"/>
      <c r="E357" s="3"/>
      <c r="F357" s="3"/>
      <c r="G357" s="3"/>
      <c r="H357" s="3"/>
      <c r="I357" s="3"/>
      <c r="J357" s="3"/>
      <c r="K357" s="14"/>
      <c r="L357" s="3"/>
    </row>
    <row r="358" spans="1:12" ht="16.5" customHeight="1" x14ac:dyDescent="0.3">
      <c r="A358" s="11"/>
      <c r="B358" s="11"/>
      <c r="C358" s="42"/>
      <c r="D358" s="3"/>
      <c r="E358" s="3"/>
      <c r="F358" s="3"/>
      <c r="G358" s="3"/>
      <c r="H358" s="3"/>
      <c r="I358" s="3"/>
      <c r="J358" s="3"/>
      <c r="K358" s="14"/>
      <c r="L358" s="3"/>
    </row>
    <row r="359" spans="1:12" ht="16.5" customHeight="1" x14ac:dyDescent="0.3">
      <c r="A359" s="11"/>
      <c r="B359" s="11"/>
      <c r="C359" s="42"/>
      <c r="D359" s="3"/>
      <c r="E359" s="3"/>
      <c r="F359" s="3"/>
      <c r="G359" s="3"/>
      <c r="H359" s="3"/>
      <c r="I359" s="3"/>
      <c r="J359" s="3"/>
      <c r="K359" s="14"/>
      <c r="L359" s="3"/>
    </row>
    <row r="360" spans="1:12" ht="16.5" customHeight="1" x14ac:dyDescent="0.3">
      <c r="A360" s="11"/>
      <c r="B360" s="11"/>
      <c r="C360" s="42"/>
      <c r="D360" s="3"/>
      <c r="E360" s="3"/>
      <c r="F360" s="3"/>
      <c r="G360" s="3"/>
      <c r="H360" s="3"/>
      <c r="I360" s="3"/>
      <c r="J360" s="3"/>
      <c r="K360" s="14"/>
      <c r="L360" s="3"/>
    </row>
    <row r="361" spans="1:12" ht="16.5" customHeight="1" x14ac:dyDescent="0.3">
      <c r="A361" s="11"/>
      <c r="B361" s="11"/>
      <c r="C361" s="42"/>
      <c r="D361" s="3"/>
      <c r="E361" s="3"/>
      <c r="F361" s="3"/>
      <c r="G361" s="3"/>
      <c r="H361" s="3"/>
      <c r="I361" s="3"/>
      <c r="J361" s="3"/>
      <c r="K361" s="14"/>
      <c r="L361" s="3"/>
    </row>
    <row r="362" spans="1:12" ht="16.5" customHeight="1" x14ac:dyDescent="0.3">
      <c r="A362" s="11"/>
      <c r="B362" s="11"/>
      <c r="C362" s="42"/>
      <c r="D362" s="3"/>
      <c r="E362" s="3"/>
      <c r="F362" s="3"/>
      <c r="G362" s="3"/>
      <c r="H362" s="3"/>
      <c r="I362" s="3"/>
      <c r="J362" s="3"/>
      <c r="K362" s="14"/>
      <c r="L362" s="3"/>
    </row>
    <row r="363" spans="1:12" ht="16.5" customHeight="1" x14ac:dyDescent="0.3">
      <c r="A363" s="11"/>
      <c r="B363" s="11"/>
      <c r="C363" s="42"/>
      <c r="D363" s="3"/>
      <c r="E363" s="3"/>
      <c r="F363" s="3"/>
      <c r="G363" s="3"/>
      <c r="H363" s="3"/>
      <c r="I363" s="3"/>
      <c r="J363" s="3"/>
      <c r="K363" s="14"/>
      <c r="L363" s="3"/>
    </row>
    <row r="364" spans="1:12" ht="16.5" customHeight="1" x14ac:dyDescent="0.3">
      <c r="A364" s="11"/>
      <c r="B364" s="11"/>
      <c r="C364" s="42"/>
      <c r="D364" s="3"/>
      <c r="E364" s="3"/>
      <c r="F364" s="3"/>
      <c r="G364" s="3"/>
      <c r="H364" s="3"/>
      <c r="I364" s="3"/>
      <c r="J364" s="3"/>
      <c r="K364" s="14"/>
      <c r="L364" s="3"/>
    </row>
    <row r="365" spans="1:12" ht="16.5" customHeight="1" x14ac:dyDescent="0.3">
      <c r="A365" s="11"/>
      <c r="B365" s="11"/>
      <c r="C365" s="42"/>
      <c r="D365" s="3"/>
      <c r="E365" s="3"/>
      <c r="F365" s="3"/>
      <c r="G365" s="3"/>
      <c r="H365" s="3"/>
      <c r="I365" s="3"/>
      <c r="J365" s="3"/>
      <c r="K365" s="14"/>
      <c r="L365" s="3"/>
    </row>
    <row r="366" spans="1:12" ht="16.5" customHeight="1" x14ac:dyDescent="0.3">
      <c r="A366" s="11"/>
      <c r="B366" s="11"/>
      <c r="C366" s="42"/>
      <c r="D366" s="3"/>
      <c r="E366" s="3"/>
      <c r="F366" s="3"/>
      <c r="G366" s="3"/>
      <c r="H366" s="3"/>
      <c r="I366" s="3"/>
      <c r="J366" s="3"/>
      <c r="K366" s="14"/>
      <c r="L366" s="3"/>
    </row>
    <row r="367" spans="1:12" ht="16.5" customHeight="1" x14ac:dyDescent="0.3">
      <c r="A367" s="11"/>
      <c r="B367" s="11"/>
      <c r="C367" s="42"/>
      <c r="D367" s="3"/>
      <c r="E367" s="3"/>
      <c r="F367" s="3"/>
      <c r="G367" s="3"/>
      <c r="H367" s="3"/>
      <c r="I367" s="3"/>
      <c r="J367" s="3"/>
      <c r="K367" s="14"/>
      <c r="L367" s="3"/>
    </row>
    <row r="368" spans="1:12" ht="16.5" customHeight="1" x14ac:dyDescent="0.3">
      <c r="A368" s="11"/>
      <c r="B368" s="11"/>
      <c r="C368" s="42"/>
      <c r="D368" s="3"/>
      <c r="E368" s="3"/>
      <c r="F368" s="3"/>
      <c r="G368" s="3"/>
      <c r="H368" s="3"/>
      <c r="I368" s="3"/>
      <c r="J368" s="3"/>
      <c r="K368" s="14"/>
      <c r="L368" s="3"/>
    </row>
    <row r="369" spans="1:12" ht="16.5" customHeight="1" x14ac:dyDescent="0.3">
      <c r="A369" s="11"/>
      <c r="B369" s="11"/>
      <c r="C369" s="42"/>
      <c r="D369" s="3"/>
      <c r="E369" s="3"/>
      <c r="F369" s="3"/>
      <c r="G369" s="3"/>
      <c r="H369" s="3"/>
      <c r="I369" s="3"/>
      <c r="J369" s="3"/>
      <c r="K369" s="14"/>
      <c r="L369" s="3"/>
    </row>
    <row r="370" spans="1:12" ht="16.5" customHeight="1" x14ac:dyDescent="0.3">
      <c r="A370" s="11"/>
      <c r="B370" s="11"/>
      <c r="C370" s="42"/>
      <c r="D370" s="3"/>
      <c r="E370" s="3"/>
      <c r="F370" s="3"/>
      <c r="G370" s="3"/>
      <c r="H370" s="3"/>
      <c r="I370" s="3"/>
      <c r="J370" s="3"/>
      <c r="K370" s="14"/>
      <c r="L370" s="3"/>
    </row>
    <row r="371" spans="1:12" ht="16.5" customHeight="1" x14ac:dyDescent="0.3">
      <c r="A371" s="11"/>
      <c r="B371" s="11"/>
      <c r="C371" s="42"/>
      <c r="D371" s="3"/>
      <c r="E371" s="3"/>
      <c r="F371" s="3"/>
      <c r="G371" s="3"/>
      <c r="H371" s="3"/>
      <c r="I371" s="3"/>
      <c r="J371" s="3"/>
      <c r="K371" s="14"/>
      <c r="L371" s="3"/>
    </row>
    <row r="372" spans="1:12" ht="16.5" customHeight="1" x14ac:dyDescent="0.3">
      <c r="A372" s="11"/>
      <c r="B372" s="11"/>
      <c r="C372" s="42"/>
      <c r="D372" s="3"/>
      <c r="E372" s="3"/>
      <c r="F372" s="3"/>
      <c r="G372" s="3"/>
      <c r="H372" s="3"/>
      <c r="I372" s="3"/>
      <c r="J372" s="3"/>
      <c r="K372" s="14"/>
      <c r="L372" s="3"/>
    </row>
    <row r="373" spans="1:12" ht="16.5" customHeight="1" x14ac:dyDescent="0.3">
      <c r="A373" s="11"/>
      <c r="B373" s="11"/>
      <c r="C373" s="42"/>
      <c r="D373" s="3"/>
      <c r="E373" s="3"/>
      <c r="F373" s="3"/>
      <c r="G373" s="3"/>
      <c r="H373" s="3"/>
      <c r="I373" s="3"/>
      <c r="J373" s="3"/>
      <c r="K373" s="14"/>
      <c r="L373" s="3"/>
    </row>
    <row r="374" spans="1:12" ht="16.5" customHeight="1" x14ac:dyDescent="0.3">
      <c r="A374" s="11"/>
      <c r="B374" s="11"/>
      <c r="C374" s="42"/>
      <c r="D374" s="3"/>
      <c r="E374" s="3"/>
      <c r="F374" s="3"/>
      <c r="G374" s="3"/>
      <c r="H374" s="3"/>
      <c r="I374" s="3"/>
      <c r="J374" s="3"/>
      <c r="K374" s="14"/>
      <c r="L374" s="3"/>
    </row>
    <row r="375" spans="1:12" ht="16.5" customHeight="1" x14ac:dyDescent="0.3">
      <c r="A375" s="11"/>
      <c r="B375" s="11"/>
      <c r="C375" s="42"/>
      <c r="D375" s="3"/>
      <c r="E375" s="3"/>
      <c r="F375" s="3"/>
      <c r="G375" s="3"/>
      <c r="H375" s="3"/>
      <c r="I375" s="3"/>
      <c r="J375" s="3"/>
      <c r="K375" s="14"/>
      <c r="L375" s="3"/>
    </row>
    <row r="376" spans="1:12" ht="16.5" customHeight="1" x14ac:dyDescent="0.3">
      <c r="A376" s="11"/>
      <c r="B376" s="11"/>
      <c r="C376" s="42"/>
      <c r="D376" s="3"/>
      <c r="E376" s="3"/>
      <c r="F376" s="3"/>
      <c r="G376" s="3"/>
      <c r="H376" s="3"/>
      <c r="I376" s="3"/>
      <c r="J376" s="3"/>
      <c r="K376" s="14"/>
      <c r="L376" s="3"/>
    </row>
    <row r="377" spans="1:12" ht="16.5" customHeight="1" x14ac:dyDescent="0.3">
      <c r="A377" s="11"/>
      <c r="B377" s="11"/>
      <c r="C377" s="42"/>
      <c r="D377" s="3"/>
      <c r="E377" s="3"/>
      <c r="F377" s="3"/>
      <c r="G377" s="3"/>
      <c r="H377" s="3"/>
      <c r="I377" s="3"/>
      <c r="J377" s="3"/>
      <c r="K377" s="14"/>
      <c r="L377" s="3"/>
    </row>
    <row r="378" spans="1:12" ht="16.5" customHeight="1" x14ac:dyDescent="0.3">
      <c r="A378" s="11"/>
      <c r="B378" s="11"/>
      <c r="C378" s="42"/>
      <c r="D378" s="3"/>
      <c r="E378" s="3"/>
      <c r="F378" s="3"/>
      <c r="G378" s="3"/>
      <c r="H378" s="3"/>
      <c r="I378" s="3"/>
      <c r="J378" s="3"/>
      <c r="K378" s="14"/>
      <c r="L378" s="3"/>
    </row>
    <row r="379" spans="1:12" ht="16.5" customHeight="1" x14ac:dyDescent="0.3">
      <c r="A379" s="11"/>
      <c r="B379" s="11"/>
      <c r="C379" s="42"/>
      <c r="D379" s="3"/>
      <c r="E379" s="3"/>
      <c r="F379" s="3"/>
      <c r="G379" s="3"/>
      <c r="H379" s="3"/>
      <c r="I379" s="3"/>
      <c r="J379" s="3"/>
      <c r="K379" s="14"/>
      <c r="L379" s="3"/>
    </row>
    <row r="380" spans="1:12" ht="16.5" customHeight="1" x14ac:dyDescent="0.3">
      <c r="A380" s="11"/>
      <c r="B380" s="11"/>
      <c r="C380" s="42"/>
      <c r="D380" s="3"/>
      <c r="E380" s="3"/>
      <c r="F380" s="3"/>
      <c r="G380" s="3"/>
      <c r="H380" s="3"/>
      <c r="I380" s="3"/>
      <c r="J380" s="3"/>
      <c r="K380" s="14"/>
      <c r="L380" s="3"/>
    </row>
    <row r="381" spans="1:12" ht="16.5" customHeight="1" x14ac:dyDescent="0.3">
      <c r="A381" s="11"/>
      <c r="B381" s="11"/>
      <c r="C381" s="42"/>
      <c r="D381" s="3"/>
      <c r="E381" s="3"/>
      <c r="F381" s="3"/>
      <c r="G381" s="3"/>
      <c r="H381" s="3"/>
      <c r="I381" s="3"/>
      <c r="J381" s="3"/>
      <c r="K381" s="14"/>
      <c r="L381" s="3"/>
    </row>
    <row r="382" spans="1:12" ht="16.5" customHeight="1" x14ac:dyDescent="0.3">
      <c r="A382" s="11"/>
      <c r="B382" s="11"/>
      <c r="C382" s="42"/>
      <c r="D382" s="3"/>
      <c r="E382" s="3"/>
      <c r="F382" s="3"/>
      <c r="G382" s="3"/>
      <c r="H382" s="3"/>
      <c r="I382" s="3"/>
      <c r="J382" s="3"/>
      <c r="K382" s="14"/>
      <c r="L382" s="3"/>
    </row>
    <row r="383" spans="1:12" ht="16.5" customHeight="1" x14ac:dyDescent="0.3">
      <c r="A383" s="11"/>
      <c r="B383" s="11"/>
      <c r="C383" s="42"/>
      <c r="D383" s="3"/>
      <c r="E383" s="3"/>
      <c r="F383" s="3"/>
      <c r="G383" s="3"/>
      <c r="H383" s="3"/>
      <c r="I383" s="3"/>
      <c r="J383" s="3"/>
      <c r="K383" s="14"/>
      <c r="L383" s="3"/>
    </row>
    <row r="384" spans="1:12" ht="16.5" customHeight="1" x14ac:dyDescent="0.3">
      <c r="A384" s="11"/>
      <c r="B384" s="11"/>
      <c r="C384" s="42"/>
      <c r="D384" s="3"/>
      <c r="E384" s="3"/>
      <c r="F384" s="3"/>
      <c r="G384" s="3"/>
      <c r="H384" s="3"/>
      <c r="I384" s="3"/>
      <c r="J384" s="3"/>
      <c r="K384" s="14"/>
      <c r="L384" s="3"/>
    </row>
    <row r="385" spans="1:12" ht="16.5" customHeight="1" x14ac:dyDescent="0.3">
      <c r="A385" s="11"/>
      <c r="B385" s="11"/>
      <c r="C385" s="42"/>
      <c r="D385" s="3"/>
      <c r="E385" s="3"/>
      <c r="F385" s="3"/>
      <c r="G385" s="3"/>
      <c r="H385" s="3"/>
      <c r="I385" s="3"/>
      <c r="J385" s="3"/>
      <c r="K385" s="14"/>
      <c r="L385" s="3"/>
    </row>
    <row r="386" spans="1:12" ht="16.5" customHeight="1" x14ac:dyDescent="0.3">
      <c r="A386" s="11"/>
      <c r="B386" s="11"/>
      <c r="C386" s="42"/>
      <c r="D386" s="3"/>
      <c r="E386" s="3"/>
      <c r="F386" s="3"/>
      <c r="G386" s="3"/>
      <c r="H386" s="3"/>
      <c r="I386" s="3"/>
      <c r="J386" s="3"/>
      <c r="K386" s="14"/>
      <c r="L386" s="3"/>
    </row>
    <row r="387" spans="1:12" ht="16.5" customHeight="1" x14ac:dyDescent="0.3">
      <c r="A387" s="11"/>
      <c r="B387" s="11"/>
      <c r="C387" s="42"/>
      <c r="D387" s="3"/>
      <c r="E387" s="3"/>
      <c r="F387" s="3"/>
      <c r="G387" s="3"/>
      <c r="H387" s="3"/>
      <c r="I387" s="3"/>
      <c r="J387" s="3"/>
      <c r="K387" s="14"/>
      <c r="L387" s="3"/>
    </row>
    <row r="388" spans="1:12" ht="16.5" customHeight="1" x14ac:dyDescent="0.3">
      <c r="A388" s="11"/>
      <c r="B388" s="11"/>
      <c r="C388" s="42"/>
      <c r="D388" s="3"/>
      <c r="E388" s="3"/>
      <c r="F388" s="3"/>
      <c r="G388" s="3"/>
      <c r="H388" s="3"/>
      <c r="I388" s="3"/>
      <c r="J388" s="3"/>
      <c r="K388" s="14"/>
      <c r="L388" s="3"/>
    </row>
    <row r="389" spans="1:12" ht="16.5" customHeight="1" x14ac:dyDescent="0.3">
      <c r="A389" s="11"/>
      <c r="B389" s="11"/>
      <c r="C389" s="42"/>
      <c r="D389" s="3"/>
      <c r="E389" s="3"/>
      <c r="F389" s="3"/>
      <c r="G389" s="3"/>
      <c r="H389" s="3"/>
      <c r="I389" s="3"/>
      <c r="J389" s="3"/>
      <c r="K389" s="14"/>
      <c r="L389" s="3"/>
    </row>
    <row r="390" spans="1:12" ht="16.5" customHeight="1" x14ac:dyDescent="0.3">
      <c r="A390" s="11"/>
      <c r="B390" s="11"/>
      <c r="C390" s="42"/>
      <c r="D390" s="3"/>
      <c r="E390" s="3"/>
      <c r="F390" s="3"/>
      <c r="G390" s="3"/>
      <c r="H390" s="3"/>
      <c r="I390" s="3"/>
      <c r="J390" s="3"/>
      <c r="K390" s="14"/>
      <c r="L390" s="3"/>
    </row>
    <row r="391" spans="1:12" ht="16.5" customHeight="1" x14ac:dyDescent="0.3">
      <c r="A391" s="11"/>
      <c r="B391" s="11"/>
      <c r="C391" s="42"/>
      <c r="D391" s="3"/>
      <c r="E391" s="3"/>
      <c r="F391" s="3"/>
      <c r="G391" s="3"/>
      <c r="H391" s="3"/>
      <c r="I391" s="3"/>
      <c r="J391" s="3"/>
      <c r="K391" s="14"/>
      <c r="L391" s="3"/>
    </row>
    <row r="392" spans="1:12" ht="16.5" customHeight="1" x14ac:dyDescent="0.3">
      <c r="A392" s="11"/>
      <c r="B392" s="11"/>
      <c r="C392" s="42"/>
      <c r="D392" s="3"/>
      <c r="E392" s="3"/>
      <c r="F392" s="3"/>
      <c r="G392" s="3"/>
      <c r="H392" s="3"/>
      <c r="I392" s="3"/>
      <c r="J392" s="3"/>
      <c r="K392" s="14"/>
      <c r="L392" s="3"/>
    </row>
    <row r="393" spans="1:12" ht="16.5" customHeight="1" x14ac:dyDescent="0.3">
      <c r="A393" s="11"/>
      <c r="B393" s="11"/>
      <c r="C393" s="42"/>
      <c r="D393" s="3"/>
      <c r="E393" s="3"/>
      <c r="F393" s="3"/>
      <c r="G393" s="3"/>
      <c r="H393" s="3"/>
      <c r="I393" s="3"/>
      <c r="J393" s="3"/>
      <c r="K393" s="14"/>
      <c r="L393" s="3"/>
    </row>
    <row r="394" spans="1:12" ht="16.5" customHeight="1" x14ac:dyDescent="0.3">
      <c r="A394" s="11"/>
      <c r="B394" s="11"/>
      <c r="C394" s="42"/>
      <c r="D394" s="3"/>
      <c r="E394" s="3"/>
      <c r="F394" s="3"/>
      <c r="G394" s="3"/>
      <c r="H394" s="3"/>
      <c r="I394" s="3"/>
      <c r="J394" s="3"/>
      <c r="K394" s="14"/>
      <c r="L394" s="3"/>
    </row>
    <row r="395" spans="1:12" ht="16.5" customHeight="1" x14ac:dyDescent="0.3">
      <c r="A395" s="11"/>
      <c r="B395" s="11"/>
      <c r="C395" s="42"/>
      <c r="D395" s="3"/>
      <c r="E395" s="3"/>
      <c r="F395" s="3"/>
      <c r="G395" s="3"/>
      <c r="H395" s="3"/>
      <c r="I395" s="3"/>
      <c r="J395" s="3"/>
      <c r="K395" s="14"/>
      <c r="L395" s="3"/>
    </row>
    <row r="396" spans="1:12" ht="16.5" customHeight="1" x14ac:dyDescent="0.3">
      <c r="A396" s="11"/>
      <c r="B396" s="11"/>
      <c r="C396" s="42"/>
      <c r="D396" s="3"/>
      <c r="E396" s="3"/>
      <c r="F396" s="3"/>
      <c r="G396" s="3"/>
      <c r="H396" s="3"/>
      <c r="I396" s="3"/>
      <c r="J396" s="3"/>
      <c r="K396" s="14"/>
      <c r="L396" s="3"/>
    </row>
    <row r="397" spans="1:12" ht="16.5" customHeight="1" x14ac:dyDescent="0.3">
      <c r="A397" s="11"/>
      <c r="B397" s="11"/>
      <c r="C397" s="42"/>
      <c r="D397" s="3"/>
      <c r="E397" s="3"/>
      <c r="F397" s="3"/>
      <c r="G397" s="3"/>
      <c r="H397" s="3"/>
      <c r="I397" s="3"/>
      <c r="J397" s="3"/>
      <c r="K397" s="14"/>
      <c r="L397" s="3"/>
    </row>
    <row r="398" spans="1:12" ht="16.5" customHeight="1" x14ac:dyDescent="0.3">
      <c r="A398" s="11"/>
      <c r="B398" s="11"/>
      <c r="C398" s="42"/>
      <c r="D398" s="3"/>
      <c r="E398" s="3"/>
      <c r="F398" s="3"/>
      <c r="G398" s="3"/>
      <c r="H398" s="3"/>
      <c r="I398" s="3"/>
      <c r="J398" s="3"/>
      <c r="K398" s="14"/>
      <c r="L398" s="3"/>
    </row>
    <row r="399" spans="1:12" ht="16.5" customHeight="1" x14ac:dyDescent="0.3">
      <c r="A399" s="11"/>
      <c r="B399" s="11"/>
      <c r="C399" s="42"/>
      <c r="D399" s="3"/>
      <c r="E399" s="3"/>
      <c r="F399" s="3"/>
      <c r="G399" s="3"/>
      <c r="H399" s="3"/>
      <c r="I399" s="3"/>
      <c r="J399" s="3"/>
      <c r="K399" s="14"/>
      <c r="L399" s="3"/>
    </row>
    <row r="400" spans="1:12" ht="16.5" customHeight="1" x14ac:dyDescent="0.3">
      <c r="A400" s="11"/>
      <c r="B400" s="11"/>
      <c r="C400" s="42"/>
      <c r="D400" s="3"/>
      <c r="E400" s="3"/>
      <c r="F400" s="3"/>
      <c r="G400" s="3"/>
      <c r="H400" s="3"/>
      <c r="I400" s="3"/>
      <c r="J400" s="3"/>
      <c r="K400" s="14"/>
      <c r="L400" s="3"/>
    </row>
    <row r="401" spans="1:12" ht="16.5" customHeight="1" x14ac:dyDescent="0.3">
      <c r="A401" s="11"/>
      <c r="B401" s="11"/>
      <c r="C401" s="42"/>
      <c r="D401" s="3"/>
      <c r="E401" s="3"/>
      <c r="F401" s="3"/>
      <c r="G401" s="3"/>
      <c r="H401" s="3"/>
      <c r="I401" s="3"/>
      <c r="J401" s="3"/>
      <c r="K401" s="14"/>
      <c r="L401" s="3"/>
    </row>
    <row r="402" spans="1:12" ht="16.5" customHeight="1" x14ac:dyDescent="0.3">
      <c r="A402" s="11"/>
      <c r="B402" s="11"/>
      <c r="C402" s="42"/>
      <c r="D402" s="3"/>
      <c r="E402" s="3"/>
      <c r="F402" s="3"/>
      <c r="G402" s="3"/>
      <c r="H402" s="3"/>
      <c r="I402" s="3"/>
      <c r="J402" s="3"/>
      <c r="K402" s="14"/>
      <c r="L402" s="3"/>
    </row>
    <row r="403" spans="1:12" ht="16.5" customHeight="1" x14ac:dyDescent="0.3">
      <c r="A403" s="11"/>
      <c r="B403" s="11"/>
      <c r="C403" s="42"/>
      <c r="D403" s="3"/>
      <c r="E403" s="3"/>
      <c r="F403" s="3"/>
      <c r="G403" s="3"/>
      <c r="H403" s="3"/>
      <c r="I403" s="3"/>
      <c r="J403" s="3"/>
      <c r="K403" s="14"/>
      <c r="L403" s="3"/>
    </row>
    <row r="404" spans="1:12" ht="16.5" customHeight="1" x14ac:dyDescent="0.3">
      <c r="A404" s="11"/>
      <c r="B404" s="11"/>
      <c r="C404" s="42"/>
      <c r="D404" s="3"/>
      <c r="E404" s="3"/>
      <c r="F404" s="3"/>
      <c r="G404" s="3"/>
      <c r="H404" s="3"/>
      <c r="I404" s="3"/>
      <c r="J404" s="3"/>
      <c r="K404" s="14"/>
      <c r="L404" s="3"/>
    </row>
    <row r="405" spans="1:12" ht="16.5" customHeight="1" x14ac:dyDescent="0.3">
      <c r="A405" s="11"/>
      <c r="B405" s="11"/>
      <c r="C405" s="42"/>
      <c r="D405" s="3"/>
      <c r="E405" s="3"/>
      <c r="F405" s="3"/>
      <c r="G405" s="3"/>
      <c r="H405" s="3"/>
      <c r="I405" s="3"/>
      <c r="J405" s="3"/>
      <c r="K405" s="14"/>
      <c r="L405" s="3"/>
    </row>
    <row r="406" spans="1:12" ht="16.5" customHeight="1" x14ac:dyDescent="0.3">
      <c r="A406" s="11"/>
      <c r="B406" s="11"/>
      <c r="C406" s="42"/>
      <c r="D406" s="3"/>
      <c r="E406" s="3"/>
      <c r="F406" s="3"/>
      <c r="G406" s="3"/>
      <c r="H406" s="3"/>
      <c r="I406" s="3"/>
      <c r="J406" s="3"/>
      <c r="K406" s="14"/>
      <c r="L406" s="3"/>
    </row>
    <row r="407" spans="1:12" ht="16.5" customHeight="1" x14ac:dyDescent="0.3">
      <c r="A407" s="11"/>
      <c r="B407" s="11"/>
      <c r="C407" s="42"/>
      <c r="D407" s="3"/>
      <c r="E407" s="3"/>
      <c r="F407" s="3"/>
      <c r="G407" s="3"/>
      <c r="H407" s="3"/>
      <c r="I407" s="3"/>
      <c r="J407" s="3"/>
      <c r="K407" s="14"/>
      <c r="L407" s="3"/>
    </row>
    <row r="408" spans="1:12" ht="16.5" customHeight="1" x14ac:dyDescent="0.3">
      <c r="A408" s="11"/>
      <c r="B408" s="11"/>
      <c r="C408" s="42"/>
      <c r="D408" s="3"/>
      <c r="E408" s="3"/>
      <c r="F408" s="3"/>
      <c r="G408" s="3"/>
      <c r="H408" s="3"/>
      <c r="I408" s="3"/>
      <c r="J408" s="3"/>
      <c r="K408" s="14"/>
      <c r="L408" s="3"/>
    </row>
    <row r="409" spans="1:12" ht="16.5" customHeight="1" x14ac:dyDescent="0.3">
      <c r="A409" s="11"/>
      <c r="B409" s="11"/>
      <c r="C409" s="42"/>
      <c r="D409" s="3"/>
      <c r="E409" s="3"/>
      <c r="F409" s="3"/>
      <c r="G409" s="3"/>
      <c r="H409" s="3"/>
      <c r="I409" s="3"/>
      <c r="J409" s="3"/>
      <c r="K409" s="14"/>
      <c r="L409" s="3"/>
    </row>
    <row r="410" spans="1:12" ht="16.5" customHeight="1" x14ac:dyDescent="0.3">
      <c r="A410" s="11"/>
      <c r="B410" s="11"/>
      <c r="C410" s="42"/>
      <c r="D410" s="3"/>
      <c r="E410" s="3"/>
      <c r="F410" s="3"/>
      <c r="G410" s="3"/>
      <c r="H410" s="3"/>
      <c r="I410" s="3"/>
      <c r="J410" s="3"/>
      <c r="K410" s="14"/>
      <c r="L410" s="3"/>
    </row>
    <row r="411" spans="1:12" ht="16.5" customHeight="1" x14ac:dyDescent="0.3">
      <c r="A411" s="11"/>
      <c r="B411" s="11"/>
      <c r="C411" s="42"/>
      <c r="D411" s="3"/>
      <c r="E411" s="3"/>
      <c r="F411" s="3"/>
      <c r="G411" s="3"/>
      <c r="H411" s="3"/>
      <c r="I411" s="3"/>
      <c r="J411" s="3"/>
      <c r="K411" s="14"/>
      <c r="L411" s="3"/>
    </row>
    <row r="412" spans="1:12" ht="16.5" customHeight="1" x14ac:dyDescent="0.3">
      <c r="A412" s="11"/>
      <c r="B412" s="11"/>
      <c r="C412" s="42"/>
      <c r="D412" s="3"/>
      <c r="E412" s="3"/>
      <c r="F412" s="3"/>
      <c r="G412" s="3"/>
      <c r="H412" s="3"/>
      <c r="I412" s="3"/>
      <c r="J412" s="3"/>
      <c r="K412" s="14"/>
      <c r="L412" s="3"/>
    </row>
    <row r="413" spans="1:12" ht="16.5" customHeight="1" x14ac:dyDescent="0.3">
      <c r="A413" s="11"/>
      <c r="B413" s="11"/>
      <c r="C413" s="42"/>
      <c r="D413" s="3"/>
      <c r="E413" s="3"/>
      <c r="F413" s="3"/>
      <c r="G413" s="3"/>
      <c r="H413" s="3"/>
      <c r="I413" s="3"/>
      <c r="J413" s="3"/>
      <c r="K413" s="14"/>
      <c r="L413" s="3"/>
    </row>
    <row r="414" spans="1:12" ht="16.5" customHeight="1" x14ac:dyDescent="0.3">
      <c r="A414" s="11"/>
      <c r="B414" s="11"/>
      <c r="C414" s="42"/>
      <c r="D414" s="3"/>
      <c r="E414" s="3"/>
      <c r="F414" s="3"/>
      <c r="G414" s="3"/>
      <c r="H414" s="3"/>
      <c r="I414" s="3"/>
      <c r="J414" s="3"/>
      <c r="K414" s="14"/>
      <c r="L414" s="3"/>
    </row>
    <row r="415" spans="1:12" ht="16.5" customHeight="1" x14ac:dyDescent="0.3">
      <c r="A415" s="11"/>
      <c r="B415" s="11"/>
      <c r="C415" s="42"/>
      <c r="D415" s="3"/>
      <c r="E415" s="3"/>
      <c r="F415" s="3"/>
      <c r="G415" s="3"/>
      <c r="H415" s="3"/>
      <c r="I415" s="3"/>
      <c r="J415" s="3"/>
      <c r="K415" s="14"/>
      <c r="L415" s="3"/>
    </row>
    <row r="416" spans="1:12" ht="16.5" customHeight="1" x14ac:dyDescent="0.3">
      <c r="A416" s="11"/>
      <c r="B416" s="11"/>
      <c r="C416" s="42"/>
      <c r="D416" s="3"/>
      <c r="E416" s="3"/>
      <c r="F416" s="3"/>
      <c r="G416" s="3"/>
      <c r="H416" s="3"/>
      <c r="I416" s="3"/>
      <c r="J416" s="3"/>
      <c r="K416" s="14"/>
      <c r="L416" s="3"/>
    </row>
    <row r="417" spans="1:12" ht="16.5" customHeight="1" x14ac:dyDescent="0.3">
      <c r="A417" s="11"/>
      <c r="B417" s="11"/>
      <c r="C417" s="42"/>
      <c r="D417" s="3"/>
      <c r="E417" s="3"/>
      <c r="F417" s="3"/>
      <c r="G417" s="3"/>
      <c r="H417" s="3"/>
      <c r="I417" s="3"/>
      <c r="J417" s="3"/>
      <c r="K417" s="14"/>
      <c r="L417" s="3"/>
    </row>
    <row r="418" spans="1:12" ht="16.5" customHeight="1" x14ac:dyDescent="0.3">
      <c r="A418" s="11"/>
      <c r="B418" s="11"/>
      <c r="C418" s="42"/>
      <c r="D418" s="3"/>
      <c r="E418" s="3"/>
      <c r="F418" s="3"/>
      <c r="G418" s="3"/>
      <c r="H418" s="3"/>
      <c r="I418" s="3"/>
      <c r="J418" s="3"/>
      <c r="K418" s="14"/>
      <c r="L418" s="3"/>
    </row>
    <row r="419" spans="1:12" ht="16.5" customHeight="1" x14ac:dyDescent="0.3">
      <c r="A419" s="11"/>
      <c r="B419" s="11"/>
      <c r="C419" s="42"/>
      <c r="D419" s="3"/>
      <c r="E419" s="3"/>
      <c r="F419" s="3"/>
      <c r="G419" s="3"/>
      <c r="H419" s="3"/>
      <c r="I419" s="3"/>
      <c r="J419" s="3"/>
      <c r="K419" s="14"/>
      <c r="L419" s="3"/>
    </row>
    <row r="420" spans="1:12" ht="16.5" customHeight="1" x14ac:dyDescent="0.3">
      <c r="A420" s="11"/>
      <c r="B420" s="11"/>
      <c r="C420" s="42"/>
      <c r="D420" s="3"/>
      <c r="E420" s="3"/>
      <c r="F420" s="3"/>
      <c r="G420" s="3"/>
      <c r="H420" s="3"/>
      <c r="I420" s="3"/>
      <c r="J420" s="3"/>
      <c r="K420" s="14"/>
      <c r="L420" s="3"/>
    </row>
    <row r="421" spans="1:12" ht="16.5" customHeight="1" x14ac:dyDescent="0.3">
      <c r="A421" s="11"/>
      <c r="B421" s="11"/>
      <c r="C421" s="42"/>
      <c r="D421" s="3"/>
      <c r="E421" s="3"/>
      <c r="F421" s="3"/>
      <c r="G421" s="3"/>
      <c r="H421" s="3"/>
      <c r="I421" s="3"/>
      <c r="J421" s="3"/>
      <c r="K421" s="14"/>
      <c r="L421" s="3"/>
    </row>
    <row r="422" spans="1:12" ht="16.5" customHeight="1" x14ac:dyDescent="0.3">
      <c r="A422" s="11"/>
      <c r="B422" s="11"/>
      <c r="C422" s="42"/>
      <c r="D422" s="3"/>
      <c r="E422" s="3"/>
      <c r="F422" s="3"/>
      <c r="G422" s="3"/>
      <c r="H422" s="3"/>
      <c r="I422" s="3"/>
      <c r="J422" s="3"/>
      <c r="K422" s="14"/>
      <c r="L422" s="3"/>
    </row>
    <row r="423" spans="1:12" ht="16.5" customHeight="1" x14ac:dyDescent="0.3">
      <c r="A423" s="11"/>
      <c r="B423" s="11"/>
      <c r="C423" s="42"/>
      <c r="D423" s="3"/>
      <c r="E423" s="3"/>
      <c r="F423" s="3"/>
      <c r="G423" s="3"/>
      <c r="H423" s="3"/>
      <c r="I423" s="3"/>
      <c r="J423" s="3"/>
      <c r="K423" s="14"/>
      <c r="L423" s="3"/>
    </row>
    <row r="424" spans="1:12" ht="16.5" customHeight="1" x14ac:dyDescent="0.3">
      <c r="A424" s="11"/>
      <c r="B424" s="11"/>
      <c r="C424" s="42"/>
      <c r="D424" s="3"/>
      <c r="E424" s="3"/>
      <c r="F424" s="3"/>
      <c r="G424" s="3"/>
      <c r="H424" s="3"/>
      <c r="I424" s="3"/>
      <c r="J424" s="3"/>
      <c r="K424" s="14"/>
      <c r="L424" s="3"/>
    </row>
    <row r="425" spans="1:12" ht="16.5" customHeight="1" x14ac:dyDescent="0.3">
      <c r="A425" s="11"/>
      <c r="B425" s="11"/>
      <c r="C425" s="42"/>
      <c r="D425" s="3"/>
      <c r="E425" s="3"/>
      <c r="F425" s="3"/>
      <c r="G425" s="3"/>
      <c r="H425" s="3"/>
      <c r="I425" s="3"/>
      <c r="J425" s="3"/>
      <c r="K425" s="14"/>
      <c r="L425" s="3"/>
    </row>
    <row r="426" spans="1:12" ht="16.5" customHeight="1" x14ac:dyDescent="0.3">
      <c r="A426" s="11"/>
      <c r="B426" s="11"/>
      <c r="C426" s="42"/>
      <c r="D426" s="3"/>
      <c r="E426" s="3"/>
      <c r="F426" s="3"/>
      <c r="G426" s="3"/>
      <c r="H426" s="3"/>
      <c r="I426" s="3"/>
      <c r="J426" s="3"/>
      <c r="K426" s="14"/>
      <c r="L426" s="3"/>
    </row>
    <row r="427" spans="1:12" ht="16.5" customHeight="1" x14ac:dyDescent="0.3">
      <c r="A427" s="11"/>
      <c r="B427" s="11"/>
      <c r="C427" s="42"/>
      <c r="D427" s="3"/>
      <c r="E427" s="3"/>
      <c r="F427" s="3"/>
      <c r="G427" s="3"/>
      <c r="H427" s="3"/>
      <c r="I427" s="3"/>
      <c r="J427" s="3"/>
      <c r="K427" s="14"/>
      <c r="L427" s="3"/>
    </row>
    <row r="428" spans="1:12" ht="16.5" customHeight="1" x14ac:dyDescent="0.3">
      <c r="A428" s="11"/>
      <c r="B428" s="11"/>
      <c r="C428" s="42"/>
      <c r="D428" s="3"/>
      <c r="E428" s="3"/>
      <c r="F428" s="3"/>
      <c r="G428" s="3"/>
      <c r="H428" s="3"/>
      <c r="I428" s="3"/>
      <c r="J428" s="3"/>
      <c r="K428" s="14"/>
      <c r="L428" s="3"/>
    </row>
    <row r="429" spans="1:12" ht="16.5" customHeight="1" x14ac:dyDescent="0.3">
      <c r="A429" s="11"/>
      <c r="B429" s="11"/>
      <c r="C429" s="42"/>
      <c r="D429" s="3"/>
      <c r="E429" s="3"/>
      <c r="F429" s="3"/>
      <c r="G429" s="3"/>
      <c r="H429" s="3"/>
      <c r="I429" s="3"/>
      <c r="J429" s="3"/>
      <c r="K429" s="14"/>
      <c r="L429" s="3"/>
    </row>
    <row r="430" spans="1:12" ht="16.5" customHeight="1" x14ac:dyDescent="0.3">
      <c r="A430" s="11"/>
      <c r="B430" s="11"/>
      <c r="C430" s="42"/>
      <c r="D430" s="3"/>
      <c r="E430" s="3"/>
      <c r="F430" s="3"/>
      <c r="G430" s="3"/>
      <c r="H430" s="3"/>
      <c r="I430" s="3"/>
      <c r="J430" s="3"/>
      <c r="K430" s="14"/>
      <c r="L430" s="3"/>
    </row>
    <row r="431" spans="1:12" ht="16.5" customHeight="1" x14ac:dyDescent="0.3">
      <c r="A431" s="11"/>
      <c r="B431" s="11"/>
      <c r="C431" s="42"/>
      <c r="D431" s="3"/>
      <c r="E431" s="3"/>
      <c r="F431" s="3"/>
      <c r="G431" s="3"/>
      <c r="H431" s="3"/>
      <c r="I431" s="3"/>
      <c r="J431" s="3"/>
      <c r="K431" s="14"/>
      <c r="L431" s="3"/>
    </row>
    <row r="432" spans="1:12" ht="16.5" customHeight="1" x14ac:dyDescent="0.3">
      <c r="A432" s="11"/>
      <c r="B432" s="11"/>
      <c r="C432" s="42"/>
      <c r="D432" s="3"/>
      <c r="E432" s="3"/>
      <c r="F432" s="3"/>
      <c r="G432" s="3"/>
      <c r="H432" s="3"/>
      <c r="I432" s="3"/>
      <c r="J432" s="3"/>
      <c r="K432" s="14"/>
      <c r="L432" s="3"/>
    </row>
    <row r="433" spans="1:12" ht="16.5" customHeight="1" x14ac:dyDescent="0.3">
      <c r="A433" s="11"/>
      <c r="B433" s="11"/>
      <c r="C433" s="42"/>
      <c r="D433" s="3"/>
      <c r="E433" s="3"/>
      <c r="F433" s="3"/>
      <c r="G433" s="3"/>
      <c r="H433" s="3"/>
      <c r="I433" s="3"/>
      <c r="J433" s="3"/>
      <c r="K433" s="14"/>
      <c r="L433" s="3"/>
    </row>
    <row r="434" spans="1:12" ht="16.5" customHeight="1" x14ac:dyDescent="0.3">
      <c r="A434" s="11"/>
      <c r="B434" s="11"/>
      <c r="C434" s="42"/>
      <c r="D434" s="3"/>
      <c r="E434" s="3"/>
      <c r="F434" s="3"/>
      <c r="G434" s="3"/>
      <c r="H434" s="3"/>
      <c r="I434" s="3"/>
      <c r="J434" s="3"/>
      <c r="K434" s="14"/>
      <c r="L434" s="3"/>
    </row>
    <row r="435" spans="1:12" ht="16.5" customHeight="1" x14ac:dyDescent="0.3">
      <c r="A435" s="11"/>
      <c r="B435" s="11"/>
      <c r="C435" s="42"/>
      <c r="D435" s="3"/>
      <c r="E435" s="3"/>
      <c r="F435" s="3"/>
      <c r="G435" s="3"/>
      <c r="H435" s="3"/>
      <c r="I435" s="3"/>
      <c r="J435" s="3"/>
      <c r="K435" s="14"/>
      <c r="L435" s="3"/>
    </row>
    <row r="436" spans="1:12" ht="16.5" customHeight="1" x14ac:dyDescent="0.3">
      <c r="A436" s="11"/>
      <c r="B436" s="11"/>
      <c r="C436" s="42"/>
      <c r="D436" s="3"/>
      <c r="E436" s="3"/>
      <c r="F436" s="3"/>
      <c r="G436" s="3"/>
      <c r="H436" s="3"/>
      <c r="I436" s="3"/>
      <c r="J436" s="3"/>
      <c r="K436" s="14"/>
      <c r="L436" s="3"/>
    </row>
    <row r="437" spans="1:12" ht="16.5" customHeight="1" x14ac:dyDescent="0.3">
      <c r="A437" s="11"/>
      <c r="B437" s="11"/>
      <c r="C437" s="42"/>
      <c r="D437" s="3"/>
      <c r="E437" s="3"/>
      <c r="F437" s="3"/>
      <c r="G437" s="3"/>
      <c r="H437" s="3"/>
      <c r="I437" s="3"/>
      <c r="J437" s="3"/>
      <c r="K437" s="14"/>
      <c r="L437" s="3"/>
    </row>
    <row r="438" spans="1:12" ht="16.5" customHeight="1" x14ac:dyDescent="0.3">
      <c r="A438" s="11"/>
      <c r="B438" s="11"/>
      <c r="C438" s="42"/>
      <c r="D438" s="3"/>
      <c r="E438" s="3"/>
      <c r="F438" s="3"/>
      <c r="G438" s="3"/>
      <c r="H438" s="3"/>
      <c r="I438" s="3"/>
      <c r="J438" s="3"/>
      <c r="K438" s="14"/>
      <c r="L438" s="3"/>
    </row>
    <row r="439" spans="1:12" ht="16.5" customHeight="1" x14ac:dyDescent="0.3">
      <c r="A439" s="11"/>
      <c r="B439" s="11"/>
      <c r="C439" s="42"/>
      <c r="D439" s="3"/>
      <c r="E439" s="3"/>
      <c r="F439" s="3"/>
      <c r="G439" s="3"/>
      <c r="H439" s="3"/>
      <c r="I439" s="3"/>
      <c r="J439" s="3"/>
      <c r="K439" s="14"/>
      <c r="L439" s="3"/>
    </row>
    <row r="440" spans="1:12" ht="16.5" customHeight="1" x14ac:dyDescent="0.3">
      <c r="A440" s="11"/>
      <c r="B440" s="11"/>
      <c r="C440" s="42"/>
      <c r="D440" s="3"/>
      <c r="E440" s="3"/>
      <c r="F440" s="3"/>
      <c r="G440" s="3"/>
      <c r="H440" s="3"/>
      <c r="I440" s="3"/>
      <c r="J440" s="3"/>
      <c r="K440" s="14"/>
      <c r="L440" s="3"/>
    </row>
    <row r="441" spans="1:12" ht="16.5" customHeight="1" x14ac:dyDescent="0.3">
      <c r="A441" s="11"/>
      <c r="B441" s="11"/>
      <c r="C441" s="42"/>
      <c r="D441" s="3"/>
      <c r="E441" s="3"/>
      <c r="F441" s="3"/>
      <c r="G441" s="3"/>
      <c r="H441" s="3"/>
      <c r="I441" s="3"/>
      <c r="J441" s="3"/>
      <c r="K441" s="14"/>
      <c r="L441" s="3"/>
    </row>
    <row r="442" spans="1:12" ht="16.5" customHeight="1" x14ac:dyDescent="0.3">
      <c r="A442" s="11"/>
      <c r="B442" s="11"/>
      <c r="C442" s="42"/>
      <c r="D442" s="3"/>
      <c r="E442" s="3"/>
      <c r="F442" s="3"/>
      <c r="G442" s="3"/>
      <c r="H442" s="3"/>
      <c r="I442" s="3"/>
      <c r="J442" s="3"/>
      <c r="K442" s="14"/>
      <c r="L442" s="3"/>
    </row>
    <row r="443" spans="1:12" ht="16.5" customHeight="1" x14ac:dyDescent="0.3">
      <c r="A443" s="11"/>
      <c r="B443" s="11"/>
      <c r="C443" s="42"/>
      <c r="D443" s="3"/>
      <c r="E443" s="3"/>
      <c r="F443" s="3"/>
      <c r="G443" s="3"/>
      <c r="H443" s="3"/>
      <c r="I443" s="3"/>
      <c r="J443" s="3"/>
      <c r="K443" s="14"/>
      <c r="L443" s="3"/>
    </row>
    <row r="444" spans="1:12" ht="16.5" customHeight="1" x14ac:dyDescent="0.3">
      <c r="A444" s="11"/>
      <c r="B444" s="11"/>
      <c r="C444" s="42"/>
      <c r="D444" s="3"/>
      <c r="E444" s="3"/>
      <c r="F444" s="3"/>
      <c r="G444" s="3"/>
      <c r="H444" s="3"/>
      <c r="I444" s="3"/>
      <c r="J444" s="3"/>
      <c r="K444" s="14"/>
      <c r="L444" s="3"/>
    </row>
    <row r="445" spans="1:12" ht="16.5" customHeight="1" x14ac:dyDescent="0.3">
      <c r="A445" s="11"/>
      <c r="B445" s="11"/>
      <c r="C445" s="42"/>
      <c r="D445" s="3"/>
      <c r="E445" s="3"/>
      <c r="F445" s="3"/>
      <c r="G445" s="3"/>
      <c r="H445" s="3"/>
      <c r="I445" s="3"/>
      <c r="J445" s="3"/>
      <c r="K445" s="14"/>
      <c r="L445" s="3"/>
    </row>
    <row r="446" spans="1:12" ht="16.5" customHeight="1" x14ac:dyDescent="0.3">
      <c r="A446" s="11"/>
      <c r="B446" s="11"/>
      <c r="C446" s="42"/>
      <c r="D446" s="3"/>
      <c r="E446" s="3"/>
      <c r="F446" s="3"/>
      <c r="G446" s="3"/>
      <c r="H446" s="3"/>
      <c r="I446" s="3"/>
      <c r="J446" s="3"/>
      <c r="K446" s="14"/>
      <c r="L446" s="3"/>
    </row>
    <row r="447" spans="1:12" ht="16.5" customHeight="1" x14ac:dyDescent="0.3">
      <c r="A447" s="11"/>
      <c r="B447" s="11"/>
      <c r="C447" s="42"/>
      <c r="D447" s="3"/>
      <c r="E447" s="3"/>
      <c r="F447" s="3"/>
      <c r="G447" s="3"/>
      <c r="H447" s="3"/>
      <c r="I447" s="3"/>
      <c r="J447" s="3"/>
      <c r="K447" s="14"/>
      <c r="L447" s="3"/>
    </row>
    <row r="448" spans="1:12" ht="16.5" customHeight="1" x14ac:dyDescent="0.3">
      <c r="A448" s="11"/>
      <c r="B448" s="11"/>
      <c r="C448" s="42"/>
      <c r="D448" s="3"/>
      <c r="E448" s="3"/>
      <c r="F448" s="3"/>
      <c r="G448" s="3"/>
      <c r="H448" s="3"/>
      <c r="I448" s="3"/>
      <c r="J448" s="3"/>
      <c r="K448" s="14"/>
      <c r="L448" s="3"/>
    </row>
    <row r="449" spans="1:12" ht="16.5" customHeight="1" x14ac:dyDescent="0.3">
      <c r="A449" s="11"/>
      <c r="B449" s="11"/>
      <c r="C449" s="42"/>
      <c r="D449" s="3"/>
      <c r="E449" s="3"/>
      <c r="F449" s="3"/>
      <c r="G449" s="3"/>
      <c r="H449" s="3"/>
      <c r="I449" s="3"/>
      <c r="J449" s="3"/>
      <c r="K449" s="14"/>
      <c r="L449" s="3"/>
    </row>
    <row r="450" spans="1:12" ht="16.5" customHeight="1" x14ac:dyDescent="0.3">
      <c r="A450" s="11"/>
      <c r="B450" s="11"/>
      <c r="C450" s="42"/>
      <c r="D450" s="3"/>
      <c r="E450" s="3"/>
      <c r="F450" s="3"/>
      <c r="G450" s="3"/>
      <c r="H450" s="3"/>
      <c r="I450" s="3"/>
      <c r="J450" s="3"/>
      <c r="K450" s="14"/>
      <c r="L450" s="3"/>
    </row>
    <row r="451" spans="1:12" ht="16.5" customHeight="1" x14ac:dyDescent="0.3">
      <c r="A451" s="11"/>
      <c r="B451" s="11"/>
      <c r="C451" s="42"/>
      <c r="D451" s="3"/>
      <c r="E451" s="3"/>
      <c r="F451" s="3"/>
      <c r="G451" s="3"/>
      <c r="H451" s="3"/>
      <c r="I451" s="3"/>
      <c r="J451" s="3"/>
      <c r="K451" s="14"/>
      <c r="L451" s="3"/>
    </row>
    <row r="452" spans="1:12" ht="16.5" customHeight="1" x14ac:dyDescent="0.3">
      <c r="A452" s="11"/>
      <c r="B452" s="11"/>
      <c r="C452" s="42"/>
      <c r="D452" s="3"/>
      <c r="E452" s="3"/>
      <c r="F452" s="3"/>
      <c r="G452" s="3"/>
      <c r="H452" s="3"/>
      <c r="I452" s="3"/>
      <c r="J452" s="3"/>
      <c r="K452" s="14"/>
      <c r="L452" s="3"/>
    </row>
    <row r="453" spans="1:12" ht="16.5" customHeight="1" x14ac:dyDescent="0.3">
      <c r="A453" s="11"/>
      <c r="B453" s="11"/>
      <c r="C453" s="42"/>
      <c r="D453" s="3"/>
      <c r="E453" s="3"/>
      <c r="F453" s="3"/>
      <c r="G453" s="3"/>
      <c r="H453" s="3"/>
      <c r="I453" s="3"/>
      <c r="J453" s="3"/>
      <c r="K453" s="14"/>
      <c r="L453" s="3"/>
    </row>
    <row r="454" spans="1:12" ht="16.5" customHeight="1" x14ac:dyDescent="0.3">
      <c r="A454" s="11"/>
      <c r="B454" s="11"/>
      <c r="C454" s="42"/>
      <c r="D454" s="3"/>
      <c r="E454" s="3"/>
      <c r="F454" s="3"/>
      <c r="G454" s="3"/>
      <c r="H454" s="3"/>
      <c r="I454" s="3"/>
      <c r="J454" s="3"/>
      <c r="K454" s="14"/>
      <c r="L454" s="3"/>
    </row>
    <row r="455" spans="1:12" ht="16.5" customHeight="1" x14ac:dyDescent="0.3">
      <c r="A455" s="11"/>
      <c r="B455" s="11"/>
      <c r="C455" s="42"/>
      <c r="D455" s="3"/>
      <c r="E455" s="3"/>
      <c r="F455" s="3"/>
      <c r="G455" s="3"/>
      <c r="H455" s="3"/>
      <c r="I455" s="3"/>
      <c r="J455" s="3"/>
      <c r="K455" s="14"/>
      <c r="L455" s="3"/>
    </row>
    <row r="456" spans="1:12" ht="16.5" customHeight="1" x14ac:dyDescent="0.3">
      <c r="A456" s="11"/>
      <c r="B456" s="11"/>
      <c r="C456" s="42"/>
      <c r="D456" s="3"/>
      <c r="E456" s="3"/>
      <c r="F456" s="3"/>
      <c r="G456" s="3"/>
      <c r="H456" s="3"/>
      <c r="I456" s="3"/>
      <c r="J456" s="3"/>
      <c r="K456" s="14"/>
      <c r="L456" s="3"/>
    </row>
    <row r="457" spans="1:12" ht="16.5" customHeight="1" x14ac:dyDescent="0.3">
      <c r="A457" s="11"/>
      <c r="B457" s="11"/>
      <c r="C457" s="42"/>
      <c r="D457" s="3"/>
      <c r="E457" s="3"/>
      <c r="F457" s="3"/>
      <c r="G457" s="3"/>
      <c r="H457" s="3"/>
      <c r="I457" s="3"/>
      <c r="J457" s="3"/>
      <c r="K457" s="14"/>
      <c r="L457" s="3"/>
    </row>
    <row r="458" spans="1:12" ht="16.5" customHeight="1" x14ac:dyDescent="0.3">
      <c r="A458" s="11"/>
      <c r="B458" s="11"/>
      <c r="C458" s="42"/>
      <c r="D458" s="3"/>
      <c r="E458" s="3"/>
      <c r="F458" s="3"/>
      <c r="G458" s="3"/>
      <c r="H458" s="3"/>
      <c r="I458" s="3"/>
      <c r="J458" s="3"/>
      <c r="K458" s="14"/>
      <c r="L458" s="3"/>
    </row>
    <row r="459" spans="1:12" ht="16.5" customHeight="1" x14ac:dyDescent="0.3">
      <c r="A459" s="11"/>
      <c r="B459" s="11"/>
      <c r="C459" s="42"/>
      <c r="D459" s="3"/>
      <c r="E459" s="3"/>
      <c r="F459" s="3"/>
      <c r="G459" s="3"/>
      <c r="H459" s="3"/>
      <c r="I459" s="3"/>
      <c r="J459" s="3"/>
      <c r="K459" s="14"/>
      <c r="L459" s="3"/>
    </row>
    <row r="460" spans="1:12" ht="16.5" customHeight="1" x14ac:dyDescent="0.3">
      <c r="A460" s="11"/>
      <c r="B460" s="11"/>
      <c r="C460" s="42"/>
      <c r="D460" s="3"/>
      <c r="E460" s="3"/>
      <c r="F460" s="3"/>
      <c r="G460" s="3"/>
      <c r="H460" s="3"/>
      <c r="I460" s="3"/>
      <c r="J460" s="3"/>
      <c r="K460" s="14"/>
      <c r="L460" s="3"/>
    </row>
    <row r="461" spans="1:12" ht="16.5" customHeight="1" x14ac:dyDescent="0.3">
      <c r="A461" s="11"/>
      <c r="B461" s="11"/>
      <c r="C461" s="42"/>
      <c r="D461" s="3"/>
      <c r="E461" s="3"/>
      <c r="F461" s="3"/>
      <c r="G461" s="3"/>
      <c r="H461" s="3"/>
      <c r="I461" s="3"/>
      <c r="J461" s="3"/>
      <c r="K461" s="14"/>
      <c r="L461" s="3"/>
    </row>
    <row r="462" spans="1:12" ht="16.5" customHeight="1" x14ac:dyDescent="0.3">
      <c r="A462" s="11"/>
      <c r="B462" s="11"/>
      <c r="C462" s="42"/>
      <c r="D462" s="3"/>
      <c r="E462" s="3"/>
      <c r="F462" s="3"/>
      <c r="G462" s="3"/>
      <c r="H462" s="3"/>
      <c r="I462" s="3"/>
      <c r="J462" s="3"/>
      <c r="K462" s="14"/>
      <c r="L462" s="3"/>
    </row>
    <row r="463" spans="1:12" ht="16.5" customHeight="1" x14ac:dyDescent="0.3">
      <c r="A463" s="11"/>
      <c r="B463" s="11"/>
      <c r="C463" s="42"/>
      <c r="D463" s="3"/>
      <c r="E463" s="3"/>
      <c r="F463" s="3"/>
      <c r="G463" s="3"/>
      <c r="H463" s="3"/>
      <c r="I463" s="3"/>
      <c r="J463" s="3"/>
      <c r="K463" s="14"/>
      <c r="L463" s="3"/>
    </row>
    <row r="464" spans="1:12" ht="16.5" customHeight="1" x14ac:dyDescent="0.3">
      <c r="A464" s="11"/>
      <c r="B464" s="11"/>
      <c r="C464" s="42"/>
      <c r="D464" s="3"/>
      <c r="E464" s="3"/>
      <c r="F464" s="3"/>
      <c r="G464" s="3"/>
      <c r="H464" s="3"/>
      <c r="I464" s="3"/>
      <c r="J464" s="3"/>
      <c r="K464" s="14"/>
      <c r="L464" s="3"/>
    </row>
    <row r="465" spans="1:12" ht="16.5" customHeight="1" x14ac:dyDescent="0.3">
      <c r="A465" s="11"/>
      <c r="B465" s="11"/>
      <c r="C465" s="42"/>
      <c r="D465" s="3"/>
      <c r="E465" s="3"/>
      <c r="F465" s="3"/>
      <c r="G465" s="3"/>
      <c r="H465" s="3"/>
      <c r="I465" s="3"/>
      <c r="J465" s="3"/>
      <c r="K465" s="14"/>
      <c r="L465" s="3"/>
    </row>
    <row r="466" spans="1:12" ht="16.5" customHeight="1" x14ac:dyDescent="0.3">
      <c r="A466" s="11"/>
      <c r="B466" s="11"/>
      <c r="C466" s="42"/>
      <c r="D466" s="3"/>
      <c r="E466" s="3"/>
      <c r="F466" s="3"/>
      <c r="G466" s="3"/>
      <c r="H466" s="3"/>
      <c r="I466" s="3"/>
      <c r="J466" s="3"/>
      <c r="K466" s="14"/>
      <c r="L466" s="3"/>
    </row>
    <row r="467" spans="1:12" ht="16.5" customHeight="1" x14ac:dyDescent="0.3">
      <c r="A467" s="11"/>
      <c r="B467" s="11"/>
      <c r="C467" s="42"/>
      <c r="D467" s="3"/>
      <c r="E467" s="3"/>
      <c r="F467" s="3"/>
      <c r="G467" s="3"/>
      <c r="H467" s="3"/>
      <c r="I467" s="3"/>
      <c r="J467" s="3"/>
      <c r="K467" s="14"/>
      <c r="L467" s="3"/>
    </row>
    <row r="468" spans="1:12" ht="16.5" customHeight="1" x14ac:dyDescent="0.3">
      <c r="A468" s="11"/>
      <c r="B468" s="11"/>
      <c r="C468" s="42"/>
      <c r="D468" s="3"/>
      <c r="E468" s="3"/>
      <c r="F468" s="3"/>
      <c r="G468" s="3"/>
      <c r="H468" s="3"/>
      <c r="I468" s="3"/>
      <c r="J468" s="3"/>
      <c r="K468" s="14"/>
      <c r="L468" s="3"/>
    </row>
    <row r="469" spans="1:12" ht="16.5" customHeight="1" x14ac:dyDescent="0.3">
      <c r="A469" s="11"/>
      <c r="B469" s="11"/>
      <c r="C469" s="42"/>
      <c r="D469" s="3"/>
      <c r="E469" s="3"/>
      <c r="F469" s="3"/>
      <c r="G469" s="3"/>
      <c r="H469" s="3"/>
      <c r="I469" s="3"/>
      <c r="J469" s="3"/>
      <c r="K469" s="14"/>
      <c r="L469" s="3"/>
    </row>
    <row r="470" spans="1:12" ht="16.5" customHeight="1" x14ac:dyDescent="0.3">
      <c r="A470" s="11"/>
      <c r="B470" s="11"/>
      <c r="C470" s="42"/>
      <c r="D470" s="3"/>
      <c r="E470" s="3"/>
      <c r="F470" s="3"/>
      <c r="G470" s="3"/>
      <c r="H470" s="3"/>
      <c r="I470" s="3"/>
      <c r="J470" s="3"/>
      <c r="K470" s="14"/>
      <c r="L470" s="3"/>
    </row>
    <row r="471" spans="1:12" ht="16.5" customHeight="1" x14ac:dyDescent="0.3">
      <c r="A471" s="11"/>
      <c r="B471" s="11"/>
      <c r="C471" s="42"/>
      <c r="D471" s="3"/>
      <c r="E471" s="3"/>
      <c r="F471" s="3"/>
      <c r="G471" s="3"/>
      <c r="H471" s="3"/>
      <c r="I471" s="3"/>
      <c r="J471" s="3"/>
      <c r="K471" s="14"/>
      <c r="L471" s="3"/>
    </row>
    <row r="472" spans="1:12" ht="16.5" customHeight="1" x14ac:dyDescent="0.3">
      <c r="A472" s="11"/>
      <c r="B472" s="11"/>
      <c r="C472" s="42"/>
      <c r="D472" s="3"/>
      <c r="E472" s="3"/>
      <c r="F472" s="3"/>
      <c r="G472" s="3"/>
      <c r="H472" s="3"/>
      <c r="I472" s="3"/>
      <c r="J472" s="3"/>
      <c r="K472" s="14"/>
      <c r="L472" s="3"/>
    </row>
    <row r="473" spans="1:12" ht="16.5" customHeight="1" x14ac:dyDescent="0.3">
      <c r="A473" s="11"/>
      <c r="B473" s="11"/>
      <c r="C473" s="42"/>
      <c r="D473" s="3"/>
      <c r="E473" s="3"/>
      <c r="F473" s="3"/>
      <c r="G473" s="3"/>
      <c r="H473" s="3"/>
      <c r="I473" s="3"/>
      <c r="J473" s="3"/>
      <c r="K473" s="14"/>
      <c r="L473" s="3"/>
    </row>
    <row r="474" spans="1:12" ht="16.5" customHeight="1" x14ac:dyDescent="0.3">
      <c r="A474" s="11"/>
      <c r="B474" s="11"/>
      <c r="C474" s="42"/>
      <c r="D474" s="3"/>
      <c r="E474" s="3"/>
      <c r="F474" s="3"/>
      <c r="G474" s="3"/>
      <c r="H474" s="3"/>
      <c r="I474" s="3"/>
      <c r="J474" s="3"/>
      <c r="K474" s="14"/>
      <c r="L474" s="3"/>
    </row>
    <row r="475" spans="1:12" ht="16.5" customHeight="1" x14ac:dyDescent="0.3">
      <c r="A475" s="11"/>
      <c r="B475" s="11"/>
      <c r="C475" s="42"/>
      <c r="D475" s="3"/>
      <c r="E475" s="3"/>
      <c r="F475" s="3"/>
      <c r="G475" s="3"/>
      <c r="H475" s="3"/>
      <c r="I475" s="3"/>
      <c r="J475" s="3"/>
      <c r="K475" s="14"/>
      <c r="L475" s="3"/>
    </row>
    <row r="476" spans="1:12" ht="16.5" customHeight="1" x14ac:dyDescent="0.3">
      <c r="A476" s="11"/>
      <c r="B476" s="11"/>
      <c r="C476" s="42"/>
      <c r="D476" s="3"/>
      <c r="E476" s="3"/>
      <c r="F476" s="3"/>
      <c r="G476" s="3"/>
      <c r="H476" s="3"/>
      <c r="I476" s="3"/>
      <c r="J476" s="3"/>
      <c r="K476" s="14"/>
      <c r="L476" s="3"/>
    </row>
    <row r="477" spans="1:12" ht="16.5" customHeight="1" x14ac:dyDescent="0.3">
      <c r="A477" s="11"/>
      <c r="B477" s="11"/>
      <c r="C477" s="42"/>
      <c r="D477" s="3"/>
      <c r="E477" s="3"/>
      <c r="F477" s="3"/>
      <c r="G477" s="3"/>
      <c r="H477" s="3"/>
      <c r="I477" s="3"/>
      <c r="J477" s="3"/>
      <c r="K477" s="14"/>
      <c r="L477" s="3"/>
    </row>
    <row r="478" spans="1:12" ht="16.5" customHeight="1" x14ac:dyDescent="0.3">
      <c r="A478" s="11"/>
      <c r="B478" s="11"/>
      <c r="C478" s="42"/>
      <c r="D478" s="3"/>
      <c r="E478" s="3"/>
      <c r="F478" s="3"/>
      <c r="G478" s="3"/>
      <c r="H478" s="3"/>
      <c r="I478" s="3"/>
      <c r="J478" s="3"/>
      <c r="K478" s="14"/>
      <c r="L478" s="3"/>
    </row>
    <row r="479" spans="1:12" ht="16.5" customHeight="1" x14ac:dyDescent="0.3">
      <c r="A479" s="11"/>
      <c r="B479" s="11"/>
      <c r="C479" s="42"/>
      <c r="D479" s="3"/>
      <c r="E479" s="3"/>
      <c r="F479" s="3"/>
      <c r="G479" s="3"/>
      <c r="H479" s="3"/>
      <c r="I479" s="3"/>
      <c r="J479" s="3"/>
      <c r="K479" s="14"/>
      <c r="L479" s="3"/>
    </row>
    <row r="480" spans="1:12" ht="16.5" customHeight="1" x14ac:dyDescent="0.3">
      <c r="A480" s="11"/>
      <c r="B480" s="11"/>
      <c r="C480" s="42"/>
      <c r="D480" s="3"/>
      <c r="E480" s="3"/>
      <c r="F480" s="3"/>
      <c r="G480" s="3"/>
      <c r="H480" s="3"/>
      <c r="I480" s="3"/>
      <c r="J480" s="3"/>
      <c r="K480" s="14"/>
      <c r="L480" s="3"/>
    </row>
    <row r="481" spans="1:12" ht="16.5" customHeight="1" x14ac:dyDescent="0.3">
      <c r="A481" s="11"/>
      <c r="B481" s="11"/>
      <c r="C481" s="42"/>
      <c r="D481" s="3"/>
      <c r="E481" s="3"/>
      <c r="F481" s="3"/>
      <c r="G481" s="3"/>
      <c r="H481" s="3"/>
      <c r="I481" s="3"/>
      <c r="J481" s="3"/>
      <c r="K481" s="14"/>
      <c r="L481" s="3"/>
    </row>
    <row r="482" spans="1:12" ht="16.5" customHeight="1" x14ac:dyDescent="0.3">
      <c r="A482" s="11"/>
      <c r="B482" s="11"/>
      <c r="C482" s="42"/>
      <c r="D482" s="3"/>
      <c r="E482" s="3"/>
      <c r="F482" s="3"/>
      <c r="G482" s="3"/>
      <c r="H482" s="3"/>
      <c r="I482" s="3"/>
      <c r="J482" s="3"/>
      <c r="K482" s="14"/>
      <c r="L482" s="3"/>
    </row>
    <row r="483" spans="1:12" ht="16.5" customHeight="1" x14ac:dyDescent="0.3">
      <c r="A483" s="11"/>
      <c r="B483" s="11"/>
      <c r="C483" s="42"/>
      <c r="D483" s="3"/>
      <c r="E483" s="3"/>
      <c r="F483" s="3"/>
      <c r="G483" s="3"/>
      <c r="H483" s="3"/>
      <c r="I483" s="3"/>
      <c r="J483" s="3"/>
      <c r="K483" s="14"/>
      <c r="L483" s="3"/>
    </row>
    <row r="484" spans="1:12" ht="16.5" customHeight="1" x14ac:dyDescent="0.3">
      <c r="A484" s="11"/>
      <c r="B484" s="11"/>
      <c r="C484" s="42"/>
      <c r="D484" s="3"/>
      <c r="E484" s="3"/>
      <c r="F484" s="3"/>
      <c r="G484" s="3"/>
      <c r="H484" s="3"/>
      <c r="I484" s="3"/>
      <c r="J484" s="3"/>
      <c r="K484" s="14"/>
      <c r="L484" s="3"/>
    </row>
    <row r="485" spans="1:12" ht="16.5" customHeight="1" x14ac:dyDescent="0.3">
      <c r="A485" s="11"/>
      <c r="B485" s="11"/>
      <c r="C485" s="42"/>
      <c r="D485" s="3"/>
      <c r="E485" s="3"/>
      <c r="F485" s="3"/>
      <c r="G485" s="3"/>
      <c r="H485" s="3"/>
      <c r="I485" s="3"/>
      <c r="J485" s="3"/>
      <c r="K485" s="14"/>
      <c r="L485" s="3"/>
    </row>
    <row r="486" spans="1:12" ht="16.5" customHeight="1" x14ac:dyDescent="0.3">
      <c r="A486" s="11"/>
      <c r="B486" s="11"/>
      <c r="C486" s="42"/>
      <c r="D486" s="3"/>
      <c r="E486" s="3"/>
      <c r="F486" s="3"/>
      <c r="G486" s="3"/>
      <c r="H486" s="3"/>
      <c r="I486" s="3"/>
      <c r="J486" s="3"/>
      <c r="K486" s="14"/>
      <c r="L486" s="3"/>
    </row>
    <row r="487" spans="1:12" ht="16.5" customHeight="1" x14ac:dyDescent="0.3">
      <c r="A487" s="11"/>
      <c r="B487" s="11"/>
      <c r="C487" s="42"/>
      <c r="D487" s="3"/>
      <c r="E487" s="3"/>
      <c r="F487" s="3"/>
      <c r="G487" s="3"/>
      <c r="H487" s="3"/>
      <c r="I487" s="3"/>
      <c r="J487" s="3"/>
      <c r="K487" s="14"/>
      <c r="L487" s="3"/>
    </row>
    <row r="488" spans="1:12" ht="16.5" customHeight="1" x14ac:dyDescent="0.3">
      <c r="A488" s="11"/>
      <c r="B488" s="11"/>
      <c r="C488" s="42"/>
      <c r="D488" s="3"/>
      <c r="E488" s="3"/>
      <c r="F488" s="3"/>
      <c r="G488" s="3"/>
      <c r="H488" s="3"/>
      <c r="I488" s="3"/>
      <c r="J488" s="3"/>
      <c r="K488" s="14"/>
      <c r="L488" s="3"/>
    </row>
    <row r="489" spans="1:12" ht="16.5" customHeight="1" x14ac:dyDescent="0.3">
      <c r="A489" s="11"/>
      <c r="B489" s="11"/>
      <c r="C489" s="42"/>
      <c r="D489" s="3"/>
      <c r="E489" s="3"/>
      <c r="F489" s="3"/>
      <c r="G489" s="3"/>
      <c r="H489" s="3"/>
      <c r="I489" s="3"/>
      <c r="J489" s="3"/>
      <c r="K489" s="14"/>
      <c r="L489" s="3"/>
    </row>
    <row r="490" spans="1:12" ht="16.5" customHeight="1" x14ac:dyDescent="0.3">
      <c r="A490" s="11"/>
      <c r="B490" s="11"/>
      <c r="C490" s="42"/>
      <c r="D490" s="3"/>
      <c r="E490" s="3"/>
      <c r="F490" s="3"/>
      <c r="G490" s="3"/>
      <c r="H490" s="3"/>
      <c r="I490" s="3"/>
      <c r="J490" s="3"/>
      <c r="K490" s="14"/>
      <c r="L490" s="3"/>
    </row>
    <row r="491" spans="1:12" ht="16.5" customHeight="1" x14ac:dyDescent="0.3">
      <c r="A491" s="11"/>
      <c r="B491" s="11"/>
      <c r="C491" s="42"/>
      <c r="D491" s="3"/>
      <c r="E491" s="3"/>
      <c r="F491" s="3"/>
      <c r="G491" s="3"/>
      <c r="H491" s="3"/>
      <c r="I491" s="3"/>
      <c r="J491" s="3"/>
      <c r="K491" s="14"/>
      <c r="L491" s="3"/>
    </row>
    <row r="492" spans="1:12" ht="16.5" customHeight="1" x14ac:dyDescent="0.3">
      <c r="A492" s="11"/>
      <c r="B492" s="11"/>
      <c r="C492" s="42"/>
      <c r="D492" s="3"/>
      <c r="E492" s="3"/>
      <c r="F492" s="3"/>
      <c r="G492" s="3"/>
      <c r="H492" s="3"/>
      <c r="I492" s="3"/>
      <c r="J492" s="3"/>
      <c r="K492" s="14"/>
      <c r="L492" s="3"/>
    </row>
    <row r="493" spans="1:12" ht="16.5" customHeight="1" x14ac:dyDescent="0.3">
      <c r="A493" s="11"/>
      <c r="B493" s="11"/>
      <c r="C493" s="42"/>
      <c r="D493" s="3"/>
      <c r="E493" s="3"/>
      <c r="F493" s="3"/>
      <c r="G493" s="3"/>
      <c r="H493" s="3"/>
      <c r="I493" s="3"/>
      <c r="J493" s="3"/>
      <c r="K493" s="14"/>
      <c r="L493" s="3"/>
    </row>
    <row r="494" spans="1:12" ht="16.5" customHeight="1" x14ac:dyDescent="0.3">
      <c r="A494" s="11"/>
      <c r="B494" s="11"/>
      <c r="C494" s="42"/>
      <c r="D494" s="3"/>
      <c r="E494" s="3"/>
      <c r="F494" s="3"/>
      <c r="G494" s="3"/>
      <c r="H494" s="3"/>
      <c r="I494" s="3"/>
      <c r="J494" s="3"/>
      <c r="K494" s="14"/>
      <c r="L494" s="3"/>
    </row>
    <row r="495" spans="1:12" ht="16.5" customHeight="1" x14ac:dyDescent="0.3">
      <c r="A495" s="11"/>
      <c r="B495" s="11"/>
      <c r="C495" s="42"/>
      <c r="D495" s="3"/>
      <c r="E495" s="3"/>
      <c r="F495" s="3"/>
      <c r="G495" s="3"/>
      <c r="H495" s="3"/>
      <c r="I495" s="3"/>
      <c r="J495" s="3"/>
      <c r="K495" s="14"/>
      <c r="L495" s="3"/>
    </row>
    <row r="496" spans="1:12" ht="16.5" customHeight="1" x14ac:dyDescent="0.3">
      <c r="A496" s="11"/>
      <c r="B496" s="11"/>
      <c r="C496" s="42"/>
      <c r="D496" s="3"/>
      <c r="E496" s="3"/>
      <c r="F496" s="3"/>
      <c r="G496" s="3"/>
      <c r="H496" s="3"/>
      <c r="I496" s="3"/>
      <c r="J496" s="3"/>
      <c r="K496" s="14"/>
      <c r="L496" s="3"/>
    </row>
    <row r="497" spans="1:12" ht="16.5" customHeight="1" x14ac:dyDescent="0.3">
      <c r="A497" s="11"/>
      <c r="B497" s="11"/>
      <c r="C497" s="42"/>
      <c r="D497" s="3"/>
      <c r="E497" s="3"/>
      <c r="F497" s="3"/>
      <c r="G497" s="3"/>
      <c r="H497" s="3"/>
      <c r="I497" s="3"/>
      <c r="J497" s="3"/>
      <c r="K497" s="14"/>
      <c r="L497" s="3"/>
    </row>
    <row r="498" spans="1:12" ht="16.5" customHeight="1" x14ac:dyDescent="0.3">
      <c r="A498" s="11"/>
      <c r="B498" s="11"/>
      <c r="C498" s="42"/>
      <c r="D498" s="3"/>
      <c r="E498" s="3"/>
      <c r="F498" s="3"/>
      <c r="G498" s="3"/>
      <c r="H498" s="3"/>
      <c r="I498" s="3"/>
      <c r="J498" s="3"/>
      <c r="K498" s="14"/>
      <c r="L498" s="3"/>
    </row>
    <row r="499" spans="1:12" ht="16.5" customHeight="1" x14ac:dyDescent="0.3">
      <c r="A499" s="11"/>
      <c r="B499" s="11"/>
      <c r="C499" s="42"/>
      <c r="D499" s="3"/>
      <c r="E499" s="3"/>
      <c r="F499" s="3"/>
      <c r="G499" s="3"/>
      <c r="H499" s="3"/>
      <c r="I499" s="3"/>
      <c r="J499" s="3"/>
      <c r="K499" s="14"/>
      <c r="L499" s="3"/>
    </row>
    <row r="500" spans="1:12" ht="16.5" customHeight="1" x14ac:dyDescent="0.3">
      <c r="A500" s="11"/>
      <c r="B500" s="11"/>
      <c r="C500" s="42"/>
      <c r="D500" s="3"/>
      <c r="E500" s="3"/>
      <c r="F500" s="3"/>
      <c r="G500" s="3"/>
      <c r="H500" s="3"/>
      <c r="I500" s="3"/>
      <c r="J500" s="3"/>
      <c r="K500" s="14"/>
      <c r="L500" s="3"/>
    </row>
    <row r="501" spans="1:12" ht="16.5" customHeight="1" x14ac:dyDescent="0.3">
      <c r="A501" s="11"/>
      <c r="B501" s="11"/>
      <c r="C501" s="42"/>
      <c r="D501" s="3"/>
      <c r="E501" s="3"/>
      <c r="F501" s="3"/>
      <c r="G501" s="3"/>
      <c r="H501" s="3"/>
      <c r="I501" s="3"/>
      <c r="J501" s="3"/>
      <c r="K501" s="14"/>
      <c r="L501" s="3"/>
    </row>
    <row r="502" spans="1:12" ht="16.5" customHeight="1" x14ac:dyDescent="0.3">
      <c r="A502" s="11"/>
      <c r="B502" s="11"/>
      <c r="C502" s="42"/>
      <c r="D502" s="3"/>
      <c r="E502" s="3"/>
      <c r="F502" s="3"/>
      <c r="G502" s="3"/>
      <c r="H502" s="3"/>
      <c r="I502" s="3"/>
      <c r="J502" s="3"/>
      <c r="K502" s="14"/>
      <c r="L502" s="3"/>
    </row>
    <row r="503" spans="1:12" ht="16.5" customHeight="1" x14ac:dyDescent="0.3">
      <c r="A503" s="11"/>
      <c r="B503" s="11"/>
      <c r="C503" s="42"/>
      <c r="D503" s="3"/>
      <c r="E503" s="3"/>
      <c r="F503" s="3"/>
      <c r="G503" s="3"/>
      <c r="H503" s="3"/>
      <c r="I503" s="3"/>
      <c r="J503" s="3"/>
      <c r="K503" s="14"/>
      <c r="L503" s="3"/>
    </row>
    <row r="504" spans="1:12" ht="16.5" customHeight="1" x14ac:dyDescent="0.3">
      <c r="A504" s="11"/>
      <c r="B504" s="11"/>
      <c r="C504" s="42"/>
      <c r="D504" s="3"/>
      <c r="E504" s="3"/>
      <c r="F504" s="3"/>
      <c r="G504" s="3"/>
      <c r="H504" s="3"/>
      <c r="I504" s="3"/>
      <c r="J504" s="3"/>
      <c r="K504" s="14"/>
      <c r="L504" s="3"/>
    </row>
    <row r="505" spans="1:12" ht="16.5" customHeight="1" x14ac:dyDescent="0.3">
      <c r="A505" s="11"/>
      <c r="B505" s="11"/>
      <c r="C505" s="42"/>
      <c r="D505" s="3"/>
      <c r="E505" s="3"/>
      <c r="F505" s="3"/>
      <c r="G505" s="3"/>
      <c r="H505" s="3"/>
      <c r="I505" s="3"/>
      <c r="J505" s="3"/>
      <c r="K505" s="14"/>
      <c r="L505" s="3"/>
    </row>
    <row r="506" spans="1:12" ht="16.5" customHeight="1" x14ac:dyDescent="0.3">
      <c r="A506" s="11"/>
      <c r="B506" s="11"/>
      <c r="C506" s="42"/>
      <c r="D506" s="3"/>
      <c r="E506" s="3"/>
      <c r="F506" s="3"/>
      <c r="G506" s="3"/>
      <c r="H506" s="3"/>
      <c r="I506" s="3"/>
      <c r="J506" s="3"/>
      <c r="K506" s="14"/>
      <c r="L506" s="3"/>
    </row>
    <row r="507" spans="1:12" ht="16.5" customHeight="1" x14ac:dyDescent="0.3">
      <c r="A507" s="11"/>
      <c r="B507" s="11"/>
      <c r="C507" s="42"/>
      <c r="D507" s="3"/>
      <c r="E507" s="3"/>
      <c r="F507" s="3"/>
      <c r="G507" s="3"/>
      <c r="H507" s="3"/>
      <c r="I507" s="3"/>
      <c r="J507" s="3"/>
      <c r="K507" s="14"/>
      <c r="L507" s="3"/>
    </row>
    <row r="508" spans="1:12" ht="16.5" customHeight="1" x14ac:dyDescent="0.3">
      <c r="A508" s="11"/>
      <c r="B508" s="11"/>
      <c r="C508" s="42"/>
      <c r="D508" s="3"/>
      <c r="E508" s="3"/>
      <c r="F508" s="3"/>
      <c r="G508" s="3"/>
      <c r="H508" s="3"/>
      <c r="I508" s="3"/>
      <c r="J508" s="3"/>
      <c r="K508" s="14"/>
      <c r="L508" s="3"/>
    </row>
    <row r="509" spans="1:12" ht="16.5" customHeight="1" x14ac:dyDescent="0.3">
      <c r="A509" s="11"/>
      <c r="B509" s="11"/>
      <c r="C509" s="42"/>
      <c r="D509" s="3"/>
      <c r="E509" s="3"/>
      <c r="F509" s="3"/>
      <c r="G509" s="3"/>
      <c r="H509" s="3"/>
      <c r="I509" s="3"/>
      <c r="J509" s="3"/>
      <c r="K509" s="14"/>
      <c r="L509" s="3"/>
    </row>
    <row r="510" spans="1:12" ht="16.5" customHeight="1" x14ac:dyDescent="0.3">
      <c r="A510" s="11"/>
      <c r="B510" s="11"/>
      <c r="C510" s="42"/>
      <c r="D510" s="3"/>
      <c r="E510" s="3"/>
      <c r="F510" s="3"/>
      <c r="G510" s="3"/>
      <c r="H510" s="3"/>
      <c r="I510" s="3"/>
      <c r="J510" s="3"/>
      <c r="K510" s="14"/>
      <c r="L510" s="3"/>
    </row>
    <row r="511" spans="1:12" ht="16.5" customHeight="1" x14ac:dyDescent="0.3">
      <c r="A511" s="11"/>
      <c r="B511" s="11"/>
      <c r="C511" s="42"/>
      <c r="D511" s="3"/>
      <c r="E511" s="3"/>
      <c r="F511" s="3"/>
      <c r="G511" s="3"/>
      <c r="H511" s="3"/>
      <c r="I511" s="3"/>
      <c r="J511" s="3"/>
      <c r="K511" s="14"/>
      <c r="L511" s="3"/>
    </row>
    <row r="512" spans="1:12" ht="16.5" customHeight="1" x14ac:dyDescent="0.3">
      <c r="A512" s="11"/>
      <c r="B512" s="11"/>
      <c r="C512" s="42"/>
      <c r="D512" s="3"/>
      <c r="E512" s="3"/>
      <c r="F512" s="3"/>
      <c r="G512" s="3"/>
      <c r="H512" s="3"/>
      <c r="I512" s="3"/>
      <c r="J512" s="3"/>
      <c r="K512" s="14"/>
      <c r="L512" s="3"/>
    </row>
    <row r="513" spans="1:12" ht="16.5" customHeight="1" x14ac:dyDescent="0.3">
      <c r="A513" s="11"/>
      <c r="B513" s="11"/>
      <c r="C513" s="42"/>
      <c r="D513" s="3"/>
      <c r="E513" s="3"/>
      <c r="F513" s="3"/>
      <c r="G513" s="3"/>
      <c r="H513" s="3"/>
      <c r="I513" s="3"/>
      <c r="J513" s="3"/>
      <c r="K513" s="14"/>
      <c r="L513" s="3"/>
    </row>
    <row r="514" spans="1:12" ht="16.5" customHeight="1" x14ac:dyDescent="0.3">
      <c r="A514" s="11"/>
      <c r="B514" s="11"/>
      <c r="C514" s="42"/>
      <c r="D514" s="3"/>
      <c r="E514" s="3"/>
      <c r="F514" s="3"/>
      <c r="G514" s="3"/>
      <c r="H514" s="3"/>
      <c r="I514" s="3"/>
      <c r="J514" s="3"/>
      <c r="K514" s="14"/>
      <c r="L514" s="3"/>
    </row>
    <row r="515" spans="1:12" ht="16.5" customHeight="1" x14ac:dyDescent="0.3">
      <c r="A515" s="11"/>
      <c r="B515" s="11"/>
      <c r="C515" s="42"/>
      <c r="D515" s="3"/>
      <c r="E515" s="3"/>
      <c r="F515" s="3"/>
      <c r="G515" s="3"/>
      <c r="H515" s="3"/>
      <c r="I515" s="3"/>
      <c r="J515" s="3"/>
      <c r="K515" s="14"/>
      <c r="L515" s="3"/>
    </row>
    <row r="516" spans="1:12" ht="16.5" customHeight="1" x14ac:dyDescent="0.3">
      <c r="A516" s="11"/>
      <c r="B516" s="11"/>
      <c r="C516" s="42"/>
      <c r="D516" s="3"/>
      <c r="E516" s="3"/>
      <c r="F516" s="3"/>
      <c r="G516" s="3"/>
      <c r="H516" s="3"/>
      <c r="I516" s="3"/>
      <c r="J516" s="3"/>
      <c r="K516" s="14"/>
      <c r="L516" s="3"/>
    </row>
    <row r="517" spans="1:12" ht="16.5" customHeight="1" x14ac:dyDescent="0.3">
      <c r="A517" s="11"/>
      <c r="B517" s="11"/>
      <c r="C517" s="42"/>
      <c r="D517" s="3"/>
      <c r="E517" s="3"/>
      <c r="F517" s="3"/>
      <c r="G517" s="3"/>
      <c r="H517" s="3"/>
      <c r="I517" s="3"/>
      <c r="J517" s="3"/>
      <c r="K517" s="14"/>
      <c r="L517" s="3"/>
    </row>
    <row r="518" spans="1:12" ht="16.5" customHeight="1" x14ac:dyDescent="0.3">
      <c r="A518" s="11"/>
      <c r="B518" s="11"/>
      <c r="C518" s="42"/>
      <c r="D518" s="3"/>
      <c r="E518" s="3"/>
      <c r="F518" s="3"/>
      <c r="G518" s="3"/>
      <c r="H518" s="3"/>
      <c r="I518" s="3"/>
      <c r="J518" s="3"/>
      <c r="K518" s="14"/>
      <c r="L518" s="3"/>
    </row>
    <row r="519" spans="1:12" ht="16.5" customHeight="1" x14ac:dyDescent="0.3">
      <c r="A519" s="11"/>
      <c r="B519" s="11"/>
      <c r="C519" s="42"/>
      <c r="D519" s="3"/>
      <c r="E519" s="3"/>
      <c r="F519" s="3"/>
      <c r="G519" s="3"/>
      <c r="H519" s="3"/>
      <c r="I519" s="3"/>
      <c r="J519" s="3"/>
      <c r="K519" s="14"/>
      <c r="L519" s="3"/>
    </row>
    <row r="520" spans="1:12" ht="16.5" customHeight="1" x14ac:dyDescent="0.3">
      <c r="A520" s="11"/>
      <c r="B520" s="11"/>
      <c r="C520" s="42"/>
      <c r="D520" s="3"/>
      <c r="E520" s="3"/>
      <c r="F520" s="3"/>
      <c r="G520" s="3"/>
      <c r="H520" s="3"/>
      <c r="I520" s="3"/>
      <c r="J520" s="3"/>
      <c r="K520" s="14"/>
      <c r="L520" s="3"/>
    </row>
    <row r="521" spans="1:12" ht="16.5" customHeight="1" x14ac:dyDescent="0.3">
      <c r="A521" s="11"/>
      <c r="B521" s="11"/>
      <c r="C521" s="42"/>
      <c r="D521" s="3"/>
      <c r="E521" s="3"/>
      <c r="F521" s="3"/>
      <c r="G521" s="3"/>
      <c r="H521" s="3"/>
      <c r="I521" s="3"/>
      <c r="J521" s="3"/>
      <c r="K521" s="14"/>
      <c r="L521" s="3"/>
    </row>
    <row r="522" spans="1:12" ht="16.5" customHeight="1" x14ac:dyDescent="0.3">
      <c r="A522" s="11"/>
      <c r="B522" s="11"/>
      <c r="C522" s="42"/>
      <c r="D522" s="3"/>
      <c r="E522" s="3"/>
      <c r="F522" s="3"/>
      <c r="G522" s="3"/>
      <c r="H522" s="3"/>
      <c r="I522" s="3"/>
      <c r="J522" s="3"/>
      <c r="K522" s="14"/>
      <c r="L522" s="3"/>
    </row>
    <row r="523" spans="1:12" ht="16.5" customHeight="1" x14ac:dyDescent="0.3">
      <c r="A523" s="11"/>
      <c r="B523" s="11"/>
      <c r="C523" s="42"/>
      <c r="D523" s="3"/>
      <c r="E523" s="3"/>
      <c r="F523" s="3"/>
      <c r="G523" s="3"/>
      <c r="H523" s="3"/>
      <c r="I523" s="3"/>
      <c r="J523" s="3"/>
      <c r="K523" s="14"/>
      <c r="L523" s="3"/>
    </row>
    <row r="524" spans="1:12" ht="16.5" customHeight="1" x14ac:dyDescent="0.3">
      <c r="A524" s="11"/>
      <c r="B524" s="11"/>
      <c r="C524" s="42"/>
      <c r="D524" s="3"/>
      <c r="E524" s="3"/>
      <c r="F524" s="3"/>
      <c r="G524" s="3"/>
      <c r="H524" s="3"/>
      <c r="I524" s="3"/>
      <c r="J524" s="3"/>
      <c r="K524" s="14"/>
      <c r="L524" s="3"/>
    </row>
    <row r="525" spans="1:12" ht="16.5" customHeight="1" x14ac:dyDescent="0.3">
      <c r="A525" s="11"/>
      <c r="B525" s="11"/>
      <c r="C525" s="42"/>
      <c r="D525" s="3"/>
      <c r="E525" s="3"/>
      <c r="F525" s="3"/>
      <c r="G525" s="3"/>
      <c r="H525" s="3"/>
      <c r="I525" s="3"/>
      <c r="J525" s="3"/>
      <c r="K525" s="14"/>
      <c r="L525" s="3"/>
    </row>
    <row r="526" spans="1:12" ht="16.5" customHeight="1" x14ac:dyDescent="0.3">
      <c r="A526" s="11"/>
      <c r="B526" s="11"/>
      <c r="C526" s="42"/>
      <c r="D526" s="3"/>
      <c r="E526" s="3"/>
      <c r="F526" s="3"/>
      <c r="G526" s="3"/>
      <c r="H526" s="3"/>
      <c r="I526" s="3"/>
      <c r="J526" s="3"/>
      <c r="K526" s="14"/>
      <c r="L526" s="3"/>
    </row>
    <row r="527" spans="1:12" ht="16.5" customHeight="1" x14ac:dyDescent="0.3">
      <c r="A527" s="11"/>
      <c r="B527" s="11"/>
      <c r="C527" s="42"/>
      <c r="D527" s="3"/>
      <c r="E527" s="3"/>
      <c r="F527" s="3"/>
      <c r="G527" s="3"/>
      <c r="H527" s="3"/>
      <c r="I527" s="3"/>
      <c r="J527" s="3"/>
      <c r="K527" s="14"/>
      <c r="L527" s="3"/>
    </row>
    <row r="528" spans="1:12" ht="16.5" customHeight="1" x14ac:dyDescent="0.3">
      <c r="A528" s="11"/>
      <c r="B528" s="11"/>
      <c r="C528" s="42"/>
      <c r="D528" s="3"/>
      <c r="E528" s="3"/>
      <c r="F528" s="3"/>
      <c r="G528" s="3"/>
      <c r="H528" s="3"/>
      <c r="I528" s="3"/>
      <c r="J528" s="3"/>
      <c r="K528" s="14"/>
      <c r="L528" s="3"/>
    </row>
    <row r="529" spans="1:12" ht="16.5" customHeight="1" x14ac:dyDescent="0.3">
      <c r="A529" s="11"/>
      <c r="B529" s="11"/>
      <c r="C529" s="42"/>
      <c r="D529" s="3"/>
      <c r="E529" s="3"/>
      <c r="F529" s="3"/>
      <c r="G529" s="3"/>
      <c r="H529" s="3"/>
      <c r="I529" s="3"/>
      <c r="J529" s="3"/>
      <c r="K529" s="14"/>
      <c r="L529" s="3"/>
    </row>
    <row r="530" spans="1:12" ht="16.5" customHeight="1" x14ac:dyDescent="0.3">
      <c r="A530" s="11"/>
      <c r="B530" s="11"/>
      <c r="C530" s="42"/>
      <c r="D530" s="3"/>
      <c r="E530" s="3"/>
      <c r="F530" s="3"/>
      <c r="G530" s="3"/>
      <c r="H530" s="3"/>
      <c r="I530" s="3"/>
      <c r="J530" s="3"/>
      <c r="K530" s="14"/>
      <c r="L530" s="3"/>
    </row>
    <row r="531" spans="1:12" ht="16.5" customHeight="1" x14ac:dyDescent="0.3">
      <c r="A531" s="11"/>
      <c r="B531" s="11"/>
      <c r="C531" s="42"/>
      <c r="D531" s="3"/>
      <c r="E531" s="3"/>
      <c r="F531" s="3"/>
      <c r="G531" s="3"/>
      <c r="H531" s="3"/>
      <c r="I531" s="3"/>
      <c r="J531" s="3"/>
      <c r="K531" s="14"/>
      <c r="L531" s="3"/>
    </row>
    <row r="532" spans="1:12" ht="16.5" customHeight="1" x14ac:dyDescent="0.3">
      <c r="A532" s="11"/>
      <c r="B532" s="11"/>
      <c r="C532" s="42"/>
      <c r="D532" s="3"/>
      <c r="E532" s="3"/>
      <c r="F532" s="3"/>
      <c r="G532" s="3"/>
      <c r="H532" s="3"/>
      <c r="I532" s="3"/>
      <c r="J532" s="3"/>
      <c r="K532" s="14"/>
      <c r="L532" s="3"/>
    </row>
    <row r="533" spans="1:12" ht="16.5" customHeight="1" x14ac:dyDescent="0.3">
      <c r="A533" s="11"/>
      <c r="B533" s="11"/>
      <c r="C533" s="42"/>
      <c r="D533" s="3"/>
      <c r="E533" s="3"/>
      <c r="F533" s="3"/>
      <c r="G533" s="3"/>
      <c r="H533" s="3"/>
      <c r="I533" s="3"/>
      <c r="J533" s="3"/>
      <c r="K533" s="14"/>
      <c r="L533" s="3"/>
    </row>
    <row r="534" spans="1:12" ht="16.5" customHeight="1" x14ac:dyDescent="0.3">
      <c r="A534" s="11"/>
      <c r="B534" s="11"/>
      <c r="C534" s="42"/>
      <c r="D534" s="3"/>
      <c r="E534" s="3"/>
      <c r="F534" s="3"/>
      <c r="G534" s="3"/>
      <c r="H534" s="3"/>
      <c r="I534" s="3"/>
      <c r="J534" s="3"/>
      <c r="K534" s="14"/>
      <c r="L534" s="3"/>
    </row>
    <row r="535" spans="1:12" ht="16.5" customHeight="1" x14ac:dyDescent="0.3">
      <c r="A535" s="11"/>
      <c r="B535" s="11"/>
      <c r="C535" s="42"/>
      <c r="D535" s="3"/>
      <c r="E535" s="3"/>
      <c r="F535" s="3"/>
      <c r="G535" s="3"/>
      <c r="H535" s="3"/>
      <c r="I535" s="3"/>
      <c r="J535" s="3"/>
      <c r="K535" s="14"/>
      <c r="L535" s="3"/>
    </row>
    <row r="536" spans="1:12" ht="16.5" customHeight="1" x14ac:dyDescent="0.3">
      <c r="A536" s="11"/>
      <c r="B536" s="11"/>
      <c r="C536" s="42"/>
      <c r="D536" s="3"/>
      <c r="E536" s="3"/>
      <c r="F536" s="3"/>
      <c r="G536" s="3"/>
      <c r="H536" s="3"/>
      <c r="I536" s="3"/>
      <c r="J536" s="3"/>
      <c r="K536" s="14"/>
      <c r="L536" s="3"/>
    </row>
    <row r="537" spans="1:12" ht="16.5" customHeight="1" x14ac:dyDescent="0.3">
      <c r="A537" s="11"/>
      <c r="B537" s="11"/>
      <c r="C537" s="42"/>
      <c r="D537" s="3"/>
      <c r="E537" s="3"/>
      <c r="F537" s="3"/>
      <c r="G537" s="3"/>
      <c r="H537" s="3"/>
      <c r="I537" s="3"/>
      <c r="J537" s="3"/>
      <c r="K537" s="14"/>
      <c r="L537" s="3"/>
    </row>
    <row r="538" spans="1:12" ht="16.5" customHeight="1" x14ac:dyDescent="0.3">
      <c r="A538" s="11"/>
      <c r="B538" s="11"/>
      <c r="C538" s="42"/>
      <c r="D538" s="3"/>
      <c r="E538" s="3"/>
      <c r="F538" s="3"/>
      <c r="G538" s="3"/>
      <c r="H538" s="3"/>
      <c r="I538" s="3"/>
      <c r="J538" s="3"/>
      <c r="K538" s="14"/>
      <c r="L538" s="3"/>
    </row>
    <row r="539" spans="1:12" ht="16.5" customHeight="1" x14ac:dyDescent="0.3">
      <c r="A539" s="11"/>
      <c r="B539" s="11"/>
      <c r="C539" s="42"/>
      <c r="D539" s="3"/>
      <c r="E539" s="3"/>
      <c r="F539" s="3"/>
      <c r="G539" s="3"/>
      <c r="H539" s="3"/>
      <c r="I539" s="3"/>
      <c r="J539" s="3"/>
      <c r="K539" s="14"/>
      <c r="L539" s="3"/>
    </row>
    <row r="540" spans="1:12" ht="16.5" customHeight="1" x14ac:dyDescent="0.3">
      <c r="A540" s="11"/>
      <c r="B540" s="11"/>
      <c r="C540" s="42"/>
      <c r="D540" s="3"/>
      <c r="E540" s="3"/>
      <c r="F540" s="3"/>
      <c r="G540" s="3"/>
      <c r="H540" s="3"/>
      <c r="I540" s="3"/>
      <c r="J540" s="3"/>
      <c r="K540" s="14"/>
      <c r="L540" s="3"/>
    </row>
    <row r="541" spans="1:12" ht="16.5" customHeight="1" x14ac:dyDescent="0.3">
      <c r="A541" s="11"/>
      <c r="B541" s="11"/>
      <c r="C541" s="42"/>
      <c r="D541" s="3"/>
      <c r="E541" s="3"/>
      <c r="F541" s="3"/>
      <c r="G541" s="3"/>
      <c r="H541" s="3"/>
      <c r="I541" s="3"/>
      <c r="J541" s="3"/>
      <c r="K541" s="14"/>
      <c r="L541" s="3"/>
    </row>
    <row r="542" spans="1:12" ht="16.5" customHeight="1" x14ac:dyDescent="0.3">
      <c r="A542" s="11"/>
      <c r="B542" s="11"/>
      <c r="C542" s="42"/>
      <c r="D542" s="3"/>
      <c r="E542" s="3"/>
      <c r="F542" s="3"/>
      <c r="G542" s="3"/>
      <c r="H542" s="3"/>
      <c r="I542" s="3"/>
      <c r="J542" s="3"/>
      <c r="K542" s="14"/>
      <c r="L542" s="3"/>
    </row>
    <row r="543" spans="1:12" ht="16.5" customHeight="1" x14ac:dyDescent="0.3">
      <c r="A543" s="11"/>
      <c r="B543" s="11"/>
      <c r="C543" s="42"/>
      <c r="D543" s="3"/>
      <c r="E543" s="3"/>
      <c r="F543" s="3"/>
      <c r="G543" s="3"/>
      <c r="H543" s="3"/>
      <c r="I543" s="3"/>
      <c r="J543" s="3"/>
      <c r="K543" s="14"/>
      <c r="L543" s="3"/>
    </row>
    <row r="544" spans="1:12" ht="16.5" customHeight="1" x14ac:dyDescent="0.3">
      <c r="A544" s="11"/>
      <c r="B544" s="11"/>
      <c r="C544" s="42"/>
      <c r="D544" s="3"/>
      <c r="E544" s="3"/>
      <c r="F544" s="3"/>
      <c r="G544" s="3"/>
      <c r="H544" s="3"/>
      <c r="I544" s="3"/>
      <c r="J544" s="3"/>
      <c r="K544" s="14"/>
      <c r="L544" s="3"/>
    </row>
    <row r="545" spans="1:12" ht="16.5" customHeight="1" x14ac:dyDescent="0.3">
      <c r="A545" s="11"/>
      <c r="B545" s="11"/>
      <c r="C545" s="42"/>
      <c r="D545" s="3"/>
      <c r="E545" s="3"/>
      <c r="F545" s="3"/>
      <c r="G545" s="3"/>
      <c r="H545" s="3"/>
      <c r="I545" s="3"/>
      <c r="J545" s="3"/>
      <c r="K545" s="14"/>
      <c r="L545" s="3"/>
    </row>
    <row r="546" spans="1:12" ht="16.5" customHeight="1" x14ac:dyDescent="0.3">
      <c r="A546" s="11"/>
      <c r="B546" s="11"/>
      <c r="C546" s="42"/>
      <c r="D546" s="3"/>
      <c r="E546" s="3"/>
      <c r="F546" s="3"/>
      <c r="G546" s="3"/>
      <c r="H546" s="3"/>
      <c r="I546" s="3"/>
      <c r="J546" s="3"/>
      <c r="K546" s="14"/>
      <c r="L546" s="3"/>
    </row>
    <row r="547" spans="1:12" ht="16.5" customHeight="1" x14ac:dyDescent="0.3">
      <c r="A547" s="11"/>
      <c r="B547" s="11"/>
      <c r="C547" s="42"/>
      <c r="D547" s="3"/>
      <c r="E547" s="3"/>
      <c r="F547" s="3"/>
      <c r="G547" s="3"/>
      <c r="H547" s="3"/>
      <c r="I547" s="3"/>
      <c r="J547" s="3"/>
      <c r="K547" s="14"/>
      <c r="L547" s="3"/>
    </row>
    <row r="548" spans="1:12" ht="16.5" customHeight="1" x14ac:dyDescent="0.3">
      <c r="A548" s="11"/>
      <c r="B548" s="11"/>
      <c r="C548" s="42"/>
      <c r="D548" s="3"/>
      <c r="E548" s="3"/>
      <c r="F548" s="3"/>
      <c r="G548" s="3"/>
      <c r="H548" s="3"/>
      <c r="I548" s="3"/>
      <c r="J548" s="3"/>
      <c r="K548" s="14"/>
      <c r="L548" s="3"/>
    </row>
    <row r="549" spans="1:12" ht="16.5" customHeight="1" x14ac:dyDescent="0.3">
      <c r="A549" s="11"/>
      <c r="B549" s="11"/>
      <c r="C549" s="42"/>
      <c r="D549" s="3"/>
      <c r="E549" s="3"/>
      <c r="F549" s="3"/>
      <c r="G549" s="3"/>
      <c r="H549" s="3"/>
      <c r="I549" s="3"/>
      <c r="J549" s="3"/>
      <c r="K549" s="14"/>
      <c r="L549" s="3"/>
    </row>
    <row r="550" spans="1:12" ht="16.5" customHeight="1" x14ac:dyDescent="0.3">
      <c r="A550" s="11"/>
      <c r="B550" s="11"/>
      <c r="C550" s="42"/>
      <c r="D550" s="3"/>
      <c r="E550" s="3"/>
      <c r="F550" s="3"/>
      <c r="G550" s="3"/>
      <c r="H550" s="3"/>
      <c r="I550" s="3"/>
      <c r="J550" s="3"/>
      <c r="K550" s="14"/>
      <c r="L550" s="3"/>
    </row>
    <row r="551" spans="1:12" ht="16.5" customHeight="1" x14ac:dyDescent="0.3">
      <c r="A551" s="11"/>
      <c r="B551" s="11"/>
      <c r="C551" s="42"/>
      <c r="D551" s="3"/>
      <c r="E551" s="3"/>
      <c r="F551" s="3"/>
      <c r="G551" s="3"/>
      <c r="H551" s="3"/>
      <c r="I551" s="3"/>
      <c r="J551" s="3"/>
      <c r="K551" s="14"/>
      <c r="L551" s="3"/>
    </row>
    <row r="552" spans="1:12" ht="16.5" customHeight="1" x14ac:dyDescent="0.3">
      <c r="A552" s="11"/>
      <c r="B552" s="11"/>
      <c r="C552" s="42"/>
      <c r="D552" s="3"/>
      <c r="E552" s="3"/>
      <c r="F552" s="3"/>
      <c r="G552" s="3"/>
      <c r="H552" s="3"/>
      <c r="I552" s="3"/>
      <c r="J552" s="3"/>
      <c r="K552" s="14"/>
      <c r="L552" s="3"/>
    </row>
    <row r="553" spans="1:12" ht="16.5" customHeight="1" x14ac:dyDescent="0.3">
      <c r="A553" s="11"/>
      <c r="B553" s="11"/>
      <c r="C553" s="42"/>
      <c r="D553" s="3"/>
      <c r="E553" s="3"/>
      <c r="F553" s="3"/>
      <c r="G553" s="3"/>
      <c r="H553" s="3"/>
      <c r="I553" s="3"/>
      <c r="J553" s="3"/>
      <c r="K553" s="14"/>
      <c r="L553" s="3"/>
    </row>
    <row r="554" spans="1:12" ht="16.5" customHeight="1" x14ac:dyDescent="0.3">
      <c r="A554" s="11"/>
      <c r="B554" s="11"/>
      <c r="C554" s="42"/>
      <c r="D554" s="3"/>
      <c r="E554" s="3"/>
      <c r="F554" s="3"/>
      <c r="G554" s="3"/>
      <c r="H554" s="3"/>
      <c r="I554" s="3"/>
      <c r="J554" s="3"/>
      <c r="K554" s="14"/>
      <c r="L554" s="3"/>
    </row>
    <row r="555" spans="1:12" ht="16.5" customHeight="1" x14ac:dyDescent="0.3">
      <c r="A555" s="11"/>
      <c r="B555" s="11"/>
      <c r="C555" s="42"/>
      <c r="D555" s="3"/>
      <c r="E555" s="3"/>
      <c r="F555" s="3"/>
      <c r="G555" s="3"/>
      <c r="H555" s="3"/>
      <c r="I555" s="3"/>
      <c r="J555" s="3"/>
      <c r="K555" s="14"/>
      <c r="L555" s="3"/>
    </row>
    <row r="556" spans="1:12" ht="16.5" customHeight="1" x14ac:dyDescent="0.3">
      <c r="A556" s="11"/>
      <c r="B556" s="11"/>
      <c r="C556" s="42"/>
      <c r="D556" s="3"/>
      <c r="E556" s="3"/>
      <c r="F556" s="3"/>
      <c r="G556" s="3"/>
      <c r="H556" s="3"/>
      <c r="I556" s="3"/>
      <c r="J556" s="3"/>
      <c r="K556" s="14"/>
      <c r="L556" s="3"/>
    </row>
    <row r="557" spans="1:12" ht="16.5" customHeight="1" x14ac:dyDescent="0.3">
      <c r="A557" s="11"/>
      <c r="B557" s="11"/>
      <c r="C557" s="42"/>
      <c r="D557" s="3"/>
      <c r="E557" s="3"/>
      <c r="F557" s="3"/>
      <c r="G557" s="3"/>
      <c r="H557" s="3"/>
      <c r="I557" s="3"/>
      <c r="J557" s="3"/>
      <c r="K557" s="14"/>
      <c r="L557" s="3"/>
    </row>
    <row r="558" spans="1:12" ht="16.5" customHeight="1" x14ac:dyDescent="0.3">
      <c r="A558" s="11"/>
      <c r="B558" s="11"/>
      <c r="C558" s="42"/>
      <c r="D558" s="3"/>
      <c r="E558" s="3"/>
      <c r="F558" s="3"/>
      <c r="G558" s="3"/>
      <c r="H558" s="3"/>
      <c r="I558" s="3"/>
      <c r="J558" s="3"/>
      <c r="K558" s="14"/>
      <c r="L558" s="3"/>
    </row>
    <row r="559" spans="1:12" ht="16.5" customHeight="1" x14ac:dyDescent="0.3">
      <c r="A559" s="11"/>
      <c r="B559" s="11"/>
      <c r="C559" s="42"/>
      <c r="D559" s="3"/>
      <c r="E559" s="3"/>
      <c r="F559" s="3"/>
      <c r="G559" s="3"/>
      <c r="H559" s="3"/>
      <c r="I559" s="3"/>
      <c r="J559" s="3"/>
      <c r="K559" s="14"/>
      <c r="L559" s="3"/>
    </row>
    <row r="560" spans="1:12" ht="16.5" customHeight="1" x14ac:dyDescent="0.3">
      <c r="A560" s="11"/>
      <c r="B560" s="11"/>
      <c r="C560" s="42"/>
      <c r="D560" s="3"/>
      <c r="E560" s="3"/>
      <c r="F560" s="3"/>
      <c r="G560" s="3"/>
      <c r="H560" s="3"/>
      <c r="I560" s="3"/>
      <c r="J560" s="3"/>
      <c r="K560" s="14"/>
      <c r="L560" s="3"/>
    </row>
    <row r="561" spans="1:12" ht="16.5" customHeight="1" x14ac:dyDescent="0.3">
      <c r="A561" s="11"/>
      <c r="B561" s="11"/>
      <c r="C561" s="42"/>
      <c r="D561" s="3"/>
      <c r="E561" s="3"/>
      <c r="F561" s="3"/>
      <c r="G561" s="3"/>
      <c r="H561" s="3"/>
      <c r="I561" s="3"/>
      <c r="J561" s="3"/>
      <c r="K561" s="14"/>
      <c r="L561" s="3"/>
    </row>
    <row r="562" spans="1:12" ht="16.5" customHeight="1" x14ac:dyDescent="0.3">
      <c r="A562" s="11"/>
      <c r="B562" s="11"/>
      <c r="C562" s="42"/>
      <c r="D562" s="3"/>
      <c r="E562" s="3"/>
      <c r="F562" s="3"/>
      <c r="G562" s="3"/>
      <c r="H562" s="3"/>
      <c r="I562" s="3"/>
      <c r="J562" s="3"/>
      <c r="K562" s="14"/>
      <c r="L562" s="3"/>
    </row>
    <row r="563" spans="1:12" ht="16.5" customHeight="1" x14ac:dyDescent="0.3">
      <c r="A563" s="11"/>
      <c r="B563" s="11"/>
      <c r="C563" s="42"/>
      <c r="D563" s="3"/>
      <c r="E563" s="3"/>
      <c r="F563" s="3"/>
      <c r="G563" s="3"/>
      <c r="H563" s="3"/>
      <c r="I563" s="3"/>
      <c r="J563" s="3"/>
      <c r="K563" s="14"/>
      <c r="L563" s="3"/>
    </row>
    <row r="564" spans="1:12" ht="16.5" customHeight="1" x14ac:dyDescent="0.3">
      <c r="A564" s="11"/>
      <c r="B564" s="11"/>
      <c r="C564" s="42"/>
      <c r="D564" s="3"/>
      <c r="E564" s="3"/>
      <c r="F564" s="3"/>
      <c r="G564" s="3"/>
      <c r="H564" s="3"/>
      <c r="I564" s="3"/>
      <c r="J564" s="3"/>
      <c r="K564" s="14"/>
      <c r="L564" s="3"/>
    </row>
    <row r="565" spans="1:12" ht="16.5" customHeight="1" x14ac:dyDescent="0.3">
      <c r="A565" s="11"/>
      <c r="B565" s="11"/>
      <c r="C565" s="42"/>
      <c r="D565" s="3"/>
      <c r="E565" s="3"/>
      <c r="F565" s="3"/>
      <c r="G565" s="3"/>
      <c r="H565" s="3"/>
      <c r="I565" s="3"/>
      <c r="J565" s="3"/>
      <c r="K565" s="14"/>
      <c r="L565" s="3"/>
    </row>
    <row r="566" spans="1:12" ht="16.5" customHeight="1" x14ac:dyDescent="0.3">
      <c r="A566" s="11"/>
      <c r="B566" s="11"/>
      <c r="C566" s="42"/>
      <c r="D566" s="3"/>
      <c r="E566" s="3"/>
      <c r="F566" s="3"/>
      <c r="G566" s="3"/>
      <c r="H566" s="3"/>
      <c r="I566" s="3"/>
      <c r="J566" s="3"/>
      <c r="K566" s="14"/>
      <c r="L566" s="3"/>
    </row>
    <row r="567" spans="1:12" ht="16.5" customHeight="1" x14ac:dyDescent="0.3">
      <c r="A567" s="11"/>
      <c r="B567" s="11"/>
      <c r="C567" s="42"/>
      <c r="D567" s="3"/>
      <c r="E567" s="3"/>
      <c r="F567" s="3"/>
      <c r="G567" s="3"/>
      <c r="H567" s="3"/>
      <c r="I567" s="3"/>
      <c r="J567" s="3"/>
      <c r="K567" s="14"/>
      <c r="L567" s="3"/>
    </row>
    <row r="568" spans="1:12" ht="16.5" customHeight="1" x14ac:dyDescent="0.3">
      <c r="A568" s="11"/>
      <c r="B568" s="11"/>
      <c r="C568" s="42"/>
      <c r="D568" s="3"/>
      <c r="E568" s="3"/>
      <c r="F568" s="3"/>
      <c r="G568" s="3"/>
      <c r="H568" s="3"/>
      <c r="I568" s="3"/>
      <c r="J568" s="3"/>
      <c r="K568" s="14"/>
      <c r="L568" s="3"/>
    </row>
    <row r="569" spans="1:12" ht="16.5" customHeight="1" x14ac:dyDescent="0.3">
      <c r="A569" s="11"/>
      <c r="B569" s="11"/>
      <c r="C569" s="42"/>
      <c r="D569" s="3"/>
      <c r="E569" s="3"/>
      <c r="F569" s="3"/>
      <c r="G569" s="3"/>
      <c r="H569" s="3"/>
      <c r="I569" s="3"/>
      <c r="J569" s="3"/>
      <c r="K569" s="14"/>
      <c r="L569" s="3"/>
    </row>
    <row r="570" spans="1:12" ht="16.5" customHeight="1" x14ac:dyDescent="0.3">
      <c r="A570" s="11"/>
      <c r="B570" s="11"/>
      <c r="C570" s="42"/>
      <c r="D570" s="3"/>
      <c r="E570" s="3"/>
      <c r="F570" s="3"/>
      <c r="G570" s="3"/>
      <c r="H570" s="3"/>
      <c r="I570" s="3"/>
      <c r="J570" s="3"/>
      <c r="K570" s="14"/>
      <c r="L570" s="3"/>
    </row>
    <row r="571" spans="1:12" ht="16.5" customHeight="1" x14ac:dyDescent="0.3">
      <c r="A571" s="11"/>
      <c r="B571" s="11"/>
      <c r="C571" s="42"/>
      <c r="D571" s="3"/>
      <c r="E571" s="3"/>
      <c r="F571" s="3"/>
      <c r="G571" s="3"/>
      <c r="H571" s="3"/>
      <c r="I571" s="3"/>
      <c r="J571" s="3"/>
      <c r="K571" s="14"/>
      <c r="L571" s="3"/>
    </row>
    <row r="572" spans="1:12" ht="16.5" customHeight="1" x14ac:dyDescent="0.3">
      <c r="A572" s="11"/>
      <c r="B572" s="11"/>
      <c r="C572" s="42"/>
      <c r="D572" s="3"/>
      <c r="E572" s="3"/>
      <c r="F572" s="3"/>
      <c r="G572" s="3"/>
      <c r="H572" s="3"/>
      <c r="I572" s="3"/>
      <c r="J572" s="3"/>
      <c r="K572" s="14"/>
      <c r="L572" s="3"/>
    </row>
    <row r="573" spans="1:12" ht="16.5" customHeight="1" x14ac:dyDescent="0.3">
      <c r="A573" s="11"/>
      <c r="B573" s="11"/>
      <c r="C573" s="42"/>
      <c r="D573" s="3"/>
      <c r="E573" s="3"/>
      <c r="F573" s="3"/>
      <c r="G573" s="3"/>
      <c r="H573" s="3"/>
      <c r="I573" s="3"/>
      <c r="J573" s="3"/>
      <c r="K573" s="14"/>
      <c r="L573" s="3"/>
    </row>
    <row r="574" spans="1:12" ht="16.5" customHeight="1" x14ac:dyDescent="0.3">
      <c r="A574" s="11"/>
      <c r="B574" s="11"/>
      <c r="C574" s="42"/>
      <c r="D574" s="3"/>
      <c r="E574" s="3"/>
      <c r="F574" s="3"/>
      <c r="G574" s="3"/>
      <c r="H574" s="3"/>
      <c r="I574" s="3"/>
      <c r="J574" s="3"/>
      <c r="K574" s="14"/>
      <c r="L574" s="3"/>
    </row>
    <row r="575" spans="1:12" ht="16.5" customHeight="1" x14ac:dyDescent="0.3">
      <c r="A575" s="11"/>
      <c r="B575" s="11"/>
      <c r="C575" s="42"/>
      <c r="D575" s="3"/>
      <c r="E575" s="3"/>
      <c r="F575" s="3"/>
      <c r="G575" s="3"/>
      <c r="H575" s="3"/>
      <c r="I575" s="3"/>
      <c r="J575" s="3"/>
      <c r="K575" s="14"/>
      <c r="L575" s="3"/>
    </row>
    <row r="576" spans="1:12" ht="16.5" customHeight="1" x14ac:dyDescent="0.3">
      <c r="A576" s="11"/>
      <c r="B576" s="11"/>
      <c r="C576" s="42"/>
      <c r="D576" s="3"/>
      <c r="E576" s="3"/>
      <c r="F576" s="3"/>
      <c r="G576" s="3"/>
      <c r="H576" s="3"/>
      <c r="I576" s="3"/>
      <c r="J576" s="3"/>
      <c r="K576" s="14"/>
      <c r="L576" s="3"/>
    </row>
    <row r="577" spans="1:12" ht="16.5" customHeight="1" x14ac:dyDescent="0.3">
      <c r="A577" s="11"/>
      <c r="B577" s="11"/>
      <c r="C577" s="42"/>
      <c r="D577" s="3"/>
      <c r="E577" s="3"/>
      <c r="F577" s="3"/>
      <c r="G577" s="3"/>
      <c r="H577" s="3"/>
      <c r="I577" s="3"/>
      <c r="J577" s="3"/>
      <c r="K577" s="14"/>
      <c r="L577" s="3"/>
    </row>
    <row r="578" spans="1:12" ht="16.5" customHeight="1" x14ac:dyDescent="0.3">
      <c r="A578" s="11"/>
      <c r="B578" s="11"/>
      <c r="C578" s="42"/>
      <c r="D578" s="3"/>
      <c r="E578" s="3"/>
      <c r="F578" s="3"/>
      <c r="G578" s="3"/>
      <c r="H578" s="3"/>
      <c r="I578" s="3"/>
      <c r="J578" s="3"/>
      <c r="K578" s="14"/>
      <c r="L578" s="3"/>
    </row>
    <row r="579" spans="1:12" ht="16.5" customHeight="1" x14ac:dyDescent="0.3">
      <c r="A579" s="11"/>
      <c r="B579" s="11"/>
      <c r="C579" s="42"/>
      <c r="D579" s="3"/>
      <c r="E579" s="3"/>
      <c r="F579" s="3"/>
      <c r="G579" s="3"/>
      <c r="H579" s="3"/>
      <c r="I579" s="3"/>
      <c r="J579" s="3"/>
      <c r="K579" s="14"/>
      <c r="L579" s="3"/>
    </row>
    <row r="580" spans="1:12" ht="16.5" customHeight="1" x14ac:dyDescent="0.3">
      <c r="A580" s="11"/>
      <c r="B580" s="11"/>
      <c r="C580" s="42"/>
      <c r="D580" s="3"/>
      <c r="E580" s="3"/>
      <c r="F580" s="3"/>
      <c r="G580" s="3"/>
      <c r="H580" s="3"/>
      <c r="I580" s="3"/>
      <c r="J580" s="3"/>
      <c r="K580" s="14"/>
      <c r="L580" s="3"/>
    </row>
    <row r="581" spans="1:12" ht="16.5" customHeight="1" x14ac:dyDescent="0.3">
      <c r="A581" s="11"/>
      <c r="B581" s="11"/>
      <c r="C581" s="42"/>
      <c r="D581" s="3"/>
      <c r="E581" s="3"/>
      <c r="F581" s="3"/>
      <c r="G581" s="3"/>
      <c r="H581" s="3"/>
      <c r="I581" s="3"/>
      <c r="J581" s="3"/>
      <c r="K581" s="14"/>
      <c r="L581" s="3"/>
    </row>
    <row r="582" spans="1:12" ht="16.5" customHeight="1" x14ac:dyDescent="0.3">
      <c r="A582" s="11"/>
      <c r="B582" s="11"/>
      <c r="C582" s="42"/>
      <c r="D582" s="3"/>
      <c r="E582" s="3"/>
      <c r="F582" s="3"/>
      <c r="G582" s="3"/>
      <c r="H582" s="3"/>
      <c r="I582" s="3"/>
      <c r="J582" s="3"/>
      <c r="K582" s="14"/>
      <c r="L582" s="3"/>
    </row>
    <row r="583" spans="1:12" ht="16.5" customHeight="1" x14ac:dyDescent="0.3">
      <c r="A583" s="11"/>
      <c r="B583" s="11"/>
      <c r="C583" s="42"/>
      <c r="D583" s="3"/>
      <c r="E583" s="3"/>
      <c r="F583" s="3"/>
      <c r="G583" s="3"/>
      <c r="H583" s="3"/>
      <c r="I583" s="3"/>
      <c r="J583" s="3"/>
      <c r="K583" s="14"/>
      <c r="L583" s="3"/>
    </row>
    <row r="584" spans="1:12" ht="16.5" customHeight="1" x14ac:dyDescent="0.3">
      <c r="A584" s="11"/>
      <c r="B584" s="11"/>
      <c r="C584" s="42"/>
      <c r="D584" s="3"/>
      <c r="E584" s="3"/>
      <c r="F584" s="3"/>
      <c r="G584" s="3"/>
      <c r="H584" s="3"/>
      <c r="I584" s="3"/>
      <c r="J584" s="3"/>
      <c r="K584" s="14"/>
      <c r="L584" s="3"/>
    </row>
    <row r="585" spans="1:12" ht="16.5" customHeight="1" x14ac:dyDescent="0.3">
      <c r="A585" s="11"/>
      <c r="B585" s="11"/>
      <c r="C585" s="42"/>
      <c r="D585" s="3"/>
      <c r="E585" s="3"/>
      <c r="F585" s="3"/>
      <c r="G585" s="3"/>
      <c r="H585" s="3"/>
      <c r="I585" s="3"/>
      <c r="J585" s="3"/>
      <c r="K585" s="14"/>
      <c r="L585" s="3"/>
    </row>
    <row r="586" spans="1:12" ht="16.5" customHeight="1" x14ac:dyDescent="0.3">
      <c r="A586" s="11"/>
      <c r="B586" s="11"/>
      <c r="C586" s="42"/>
      <c r="D586" s="3"/>
      <c r="E586" s="3"/>
      <c r="F586" s="3"/>
      <c r="G586" s="3"/>
      <c r="H586" s="3"/>
      <c r="I586" s="3"/>
      <c r="J586" s="3"/>
      <c r="K586" s="14"/>
      <c r="L586" s="3"/>
    </row>
    <row r="587" spans="1:12" ht="16.5" customHeight="1" x14ac:dyDescent="0.3">
      <c r="A587" s="11"/>
      <c r="B587" s="11"/>
      <c r="C587" s="42"/>
      <c r="D587" s="3"/>
      <c r="E587" s="3"/>
      <c r="F587" s="3"/>
      <c r="G587" s="3"/>
      <c r="H587" s="3"/>
      <c r="I587" s="3"/>
      <c r="J587" s="3"/>
      <c r="K587" s="14"/>
      <c r="L587" s="3"/>
    </row>
    <row r="588" spans="1:12" ht="16.5" customHeight="1" x14ac:dyDescent="0.3">
      <c r="A588" s="11"/>
      <c r="B588" s="11"/>
      <c r="C588" s="42"/>
      <c r="D588" s="3"/>
      <c r="E588" s="3"/>
      <c r="F588" s="3"/>
      <c r="G588" s="3"/>
      <c r="H588" s="3"/>
      <c r="I588" s="3"/>
      <c r="J588" s="3"/>
      <c r="K588" s="14"/>
      <c r="L588" s="3"/>
    </row>
    <row r="589" spans="1:12" ht="16.5" customHeight="1" x14ac:dyDescent="0.3">
      <c r="A589" s="11"/>
      <c r="B589" s="11"/>
      <c r="C589" s="42"/>
      <c r="D589" s="3"/>
      <c r="E589" s="3"/>
      <c r="F589" s="3"/>
      <c r="G589" s="3"/>
      <c r="H589" s="3"/>
      <c r="I589" s="3"/>
      <c r="J589" s="3"/>
      <c r="K589" s="14"/>
      <c r="L589" s="3"/>
    </row>
    <row r="590" spans="1:12" ht="16.5" customHeight="1" x14ac:dyDescent="0.3">
      <c r="A590" s="11"/>
      <c r="B590" s="11"/>
      <c r="C590" s="42"/>
      <c r="D590" s="3"/>
      <c r="E590" s="3"/>
      <c r="F590" s="3"/>
      <c r="G590" s="3"/>
      <c r="H590" s="3"/>
      <c r="I590" s="3"/>
      <c r="J590" s="3"/>
      <c r="K590" s="14"/>
      <c r="L590" s="3"/>
    </row>
    <row r="591" spans="1:12" ht="16.5" customHeight="1" x14ac:dyDescent="0.3">
      <c r="A591" s="11"/>
      <c r="B591" s="11"/>
      <c r="C591" s="42"/>
      <c r="D591" s="3"/>
      <c r="E591" s="3"/>
      <c r="F591" s="3"/>
      <c r="G591" s="3"/>
      <c r="H591" s="3"/>
      <c r="I591" s="3"/>
      <c r="J591" s="3"/>
      <c r="K591" s="14"/>
      <c r="L591" s="3"/>
    </row>
    <row r="592" spans="1:12" ht="16.5" customHeight="1" x14ac:dyDescent="0.3">
      <c r="A592" s="11"/>
      <c r="B592" s="11"/>
      <c r="C592" s="42"/>
      <c r="D592" s="3"/>
      <c r="E592" s="3"/>
      <c r="F592" s="3"/>
      <c r="G592" s="3"/>
      <c r="H592" s="3"/>
      <c r="I592" s="3"/>
      <c r="J592" s="3"/>
      <c r="K592" s="14"/>
      <c r="L592" s="3"/>
    </row>
    <row r="593" spans="1:12" ht="16.5" customHeight="1" x14ac:dyDescent="0.3">
      <c r="A593" s="11"/>
      <c r="B593" s="11"/>
      <c r="C593" s="42"/>
      <c r="D593" s="3"/>
      <c r="E593" s="3"/>
      <c r="F593" s="3"/>
      <c r="G593" s="3"/>
      <c r="H593" s="3"/>
      <c r="I593" s="3"/>
      <c r="J593" s="3"/>
      <c r="K593" s="14"/>
      <c r="L593" s="3"/>
    </row>
    <row r="594" spans="1:12" ht="16.5" customHeight="1" x14ac:dyDescent="0.3">
      <c r="A594" s="11"/>
      <c r="B594" s="11"/>
      <c r="C594" s="42"/>
      <c r="D594" s="3"/>
      <c r="E594" s="3"/>
      <c r="F594" s="3"/>
      <c r="G594" s="3"/>
      <c r="H594" s="3"/>
      <c r="I594" s="3"/>
      <c r="J594" s="3"/>
      <c r="K594" s="14"/>
      <c r="L594" s="3"/>
    </row>
    <row r="595" spans="1:12" ht="16.5" customHeight="1" x14ac:dyDescent="0.3">
      <c r="A595" s="11"/>
      <c r="B595" s="11"/>
      <c r="C595" s="42"/>
      <c r="D595" s="3"/>
      <c r="E595" s="3"/>
      <c r="F595" s="3"/>
      <c r="G595" s="3"/>
      <c r="H595" s="3"/>
      <c r="I595" s="3"/>
      <c r="J595" s="3"/>
      <c r="K595" s="14"/>
      <c r="L595" s="3"/>
    </row>
    <row r="596" spans="1:12" ht="16.5" customHeight="1" x14ac:dyDescent="0.3">
      <c r="A596" s="11"/>
      <c r="B596" s="11"/>
      <c r="C596" s="42"/>
      <c r="D596" s="3"/>
      <c r="E596" s="3"/>
      <c r="F596" s="3"/>
      <c r="G596" s="3"/>
      <c r="H596" s="3"/>
      <c r="I596" s="3"/>
      <c r="J596" s="3"/>
      <c r="K596" s="14"/>
      <c r="L596" s="3"/>
    </row>
    <row r="597" spans="1:12" ht="16.5" customHeight="1" x14ac:dyDescent="0.3">
      <c r="A597" s="11"/>
      <c r="B597" s="11"/>
      <c r="C597" s="42"/>
      <c r="D597" s="3"/>
      <c r="E597" s="3"/>
      <c r="F597" s="3"/>
      <c r="G597" s="3"/>
      <c r="H597" s="3"/>
      <c r="I597" s="3"/>
      <c r="J597" s="3"/>
      <c r="K597" s="14"/>
      <c r="L597" s="3"/>
    </row>
    <row r="598" spans="1:12" ht="16.5" customHeight="1" x14ac:dyDescent="0.3">
      <c r="A598" s="11"/>
      <c r="B598" s="11"/>
      <c r="C598" s="42"/>
      <c r="D598" s="3"/>
      <c r="E598" s="3"/>
      <c r="F598" s="3"/>
      <c r="G598" s="3"/>
      <c r="H598" s="3"/>
      <c r="I598" s="3"/>
      <c r="J598" s="3"/>
      <c r="K598" s="14"/>
      <c r="L598" s="3"/>
    </row>
    <row r="599" spans="1:12" ht="16.5" customHeight="1" x14ac:dyDescent="0.3">
      <c r="A599" s="11"/>
      <c r="B599" s="11"/>
      <c r="C599" s="42"/>
      <c r="D599" s="3"/>
      <c r="E599" s="3"/>
      <c r="F599" s="3"/>
      <c r="G599" s="3"/>
      <c r="H599" s="3"/>
      <c r="I599" s="3"/>
      <c r="J599" s="3"/>
      <c r="K599" s="14"/>
      <c r="L599" s="3"/>
    </row>
    <row r="600" spans="1:12" ht="16.5" customHeight="1" x14ac:dyDescent="0.3">
      <c r="A600" s="11"/>
      <c r="B600" s="11"/>
      <c r="C600" s="42"/>
      <c r="D600" s="3"/>
      <c r="E600" s="3"/>
      <c r="F600" s="3"/>
      <c r="G600" s="3"/>
      <c r="H600" s="3"/>
      <c r="I600" s="3"/>
      <c r="J600" s="3"/>
      <c r="K600" s="14"/>
      <c r="L600" s="3"/>
    </row>
    <row r="601" spans="1:12" ht="16.5" customHeight="1" x14ac:dyDescent="0.3">
      <c r="A601" s="11"/>
      <c r="B601" s="11"/>
      <c r="C601" s="42"/>
      <c r="D601" s="3"/>
      <c r="E601" s="3"/>
      <c r="F601" s="3"/>
      <c r="G601" s="3"/>
      <c r="H601" s="3"/>
      <c r="I601" s="3"/>
      <c r="J601" s="3"/>
      <c r="K601" s="14"/>
      <c r="L601" s="3"/>
    </row>
    <row r="602" spans="1:12" ht="16.5" customHeight="1" x14ac:dyDescent="0.3">
      <c r="A602" s="11"/>
      <c r="B602" s="11"/>
      <c r="C602" s="42"/>
      <c r="D602" s="3"/>
      <c r="E602" s="3"/>
      <c r="F602" s="3"/>
      <c r="G602" s="3"/>
      <c r="H602" s="3"/>
      <c r="I602" s="3"/>
      <c r="J602" s="3"/>
      <c r="K602" s="14"/>
      <c r="L602" s="3"/>
    </row>
    <row r="603" spans="1:12" ht="16.5" customHeight="1" x14ac:dyDescent="0.3">
      <c r="A603" s="11"/>
      <c r="B603" s="11"/>
      <c r="C603" s="42"/>
      <c r="D603" s="3"/>
      <c r="E603" s="3"/>
      <c r="F603" s="3"/>
      <c r="G603" s="3"/>
      <c r="H603" s="3"/>
      <c r="I603" s="3"/>
      <c r="J603" s="3"/>
      <c r="K603" s="14"/>
      <c r="L603" s="3"/>
    </row>
    <row r="604" spans="1:12" ht="16.5" customHeight="1" x14ac:dyDescent="0.3">
      <c r="A604" s="11"/>
      <c r="B604" s="11"/>
      <c r="C604" s="42"/>
      <c r="D604" s="3"/>
      <c r="E604" s="3"/>
      <c r="F604" s="3"/>
      <c r="G604" s="3"/>
      <c r="H604" s="3"/>
      <c r="I604" s="3"/>
      <c r="J604" s="3"/>
      <c r="K604" s="14"/>
      <c r="L604" s="3"/>
    </row>
    <row r="605" spans="1:12" ht="16.5" customHeight="1" x14ac:dyDescent="0.3">
      <c r="A605" s="11"/>
      <c r="B605" s="11"/>
      <c r="C605" s="42"/>
      <c r="D605" s="3"/>
      <c r="E605" s="3"/>
      <c r="F605" s="3"/>
      <c r="G605" s="3"/>
      <c r="H605" s="3"/>
      <c r="I605" s="3"/>
      <c r="J605" s="3"/>
      <c r="K605" s="14"/>
      <c r="L605" s="3"/>
    </row>
    <row r="606" spans="1:12" ht="16.5" customHeight="1" x14ac:dyDescent="0.3">
      <c r="A606" s="11"/>
      <c r="B606" s="11"/>
      <c r="C606" s="42"/>
      <c r="D606" s="3"/>
      <c r="E606" s="3"/>
      <c r="F606" s="3"/>
      <c r="G606" s="3"/>
      <c r="H606" s="3"/>
      <c r="I606" s="3"/>
      <c r="J606" s="3"/>
      <c r="K606" s="14"/>
      <c r="L606" s="3"/>
    </row>
    <row r="607" spans="1:12" ht="16.5" customHeight="1" x14ac:dyDescent="0.3">
      <c r="A607" s="11"/>
      <c r="B607" s="11"/>
      <c r="C607" s="42"/>
      <c r="D607" s="3"/>
      <c r="E607" s="3"/>
      <c r="F607" s="3"/>
      <c r="G607" s="3"/>
      <c r="H607" s="3"/>
      <c r="I607" s="3"/>
      <c r="J607" s="3"/>
      <c r="K607" s="14"/>
      <c r="L607" s="3"/>
    </row>
    <row r="608" spans="1:12" ht="16.5" customHeight="1" x14ac:dyDescent="0.3">
      <c r="A608" s="11"/>
      <c r="B608" s="11"/>
      <c r="C608" s="42"/>
      <c r="D608" s="3"/>
      <c r="E608" s="3"/>
      <c r="F608" s="3"/>
      <c r="G608" s="3"/>
      <c r="H608" s="3"/>
      <c r="I608" s="3"/>
      <c r="J608" s="3"/>
      <c r="K608" s="14"/>
      <c r="L608" s="3"/>
    </row>
    <row r="609" spans="1:12" ht="16.5" customHeight="1" x14ac:dyDescent="0.3">
      <c r="A609" s="11"/>
      <c r="B609" s="11"/>
      <c r="C609" s="42"/>
      <c r="D609" s="3"/>
      <c r="E609" s="3"/>
      <c r="F609" s="3"/>
      <c r="G609" s="3"/>
      <c r="H609" s="3"/>
      <c r="I609" s="3"/>
      <c r="J609" s="3"/>
      <c r="K609" s="14"/>
      <c r="L609" s="3"/>
    </row>
    <row r="610" spans="1:12" ht="16.5" customHeight="1" x14ac:dyDescent="0.3">
      <c r="A610" s="11"/>
      <c r="B610" s="11"/>
      <c r="C610" s="42"/>
      <c r="D610" s="3"/>
      <c r="E610" s="3"/>
      <c r="F610" s="3"/>
      <c r="G610" s="3"/>
      <c r="H610" s="3"/>
      <c r="I610" s="3"/>
      <c r="J610" s="3"/>
      <c r="K610" s="14"/>
      <c r="L610" s="3"/>
    </row>
    <row r="611" spans="1:12" ht="16.5" customHeight="1" x14ac:dyDescent="0.3">
      <c r="A611" s="11"/>
      <c r="B611" s="11"/>
      <c r="C611" s="42"/>
      <c r="D611" s="3"/>
      <c r="E611" s="3"/>
      <c r="F611" s="3"/>
      <c r="G611" s="3"/>
      <c r="H611" s="3"/>
      <c r="I611" s="3"/>
      <c r="J611" s="3"/>
      <c r="K611" s="14"/>
      <c r="L611" s="3"/>
    </row>
    <row r="612" spans="1:12" ht="16.5" customHeight="1" x14ac:dyDescent="0.3">
      <c r="A612" s="11"/>
      <c r="B612" s="11"/>
      <c r="C612" s="42"/>
      <c r="D612" s="3"/>
      <c r="E612" s="3"/>
      <c r="F612" s="3"/>
      <c r="G612" s="3"/>
      <c r="H612" s="3"/>
      <c r="I612" s="3"/>
      <c r="J612" s="3"/>
      <c r="K612" s="14"/>
      <c r="L612" s="3"/>
    </row>
    <row r="613" spans="1:12" ht="16.5" customHeight="1" x14ac:dyDescent="0.3">
      <c r="A613" s="11"/>
      <c r="B613" s="11"/>
      <c r="C613" s="42"/>
      <c r="D613" s="3"/>
      <c r="E613" s="3"/>
      <c r="F613" s="3"/>
      <c r="G613" s="3"/>
      <c r="H613" s="3"/>
      <c r="I613" s="3"/>
      <c r="J613" s="3"/>
      <c r="K613" s="14"/>
      <c r="L613" s="3"/>
    </row>
    <row r="614" spans="1:12" ht="16.5" customHeight="1" x14ac:dyDescent="0.3">
      <c r="A614" s="11"/>
      <c r="B614" s="11"/>
      <c r="C614" s="42"/>
      <c r="D614" s="3"/>
      <c r="E614" s="3"/>
      <c r="F614" s="3"/>
      <c r="G614" s="3"/>
      <c r="H614" s="3"/>
      <c r="I614" s="3"/>
      <c r="J614" s="3"/>
      <c r="K614" s="14"/>
      <c r="L614" s="3"/>
    </row>
    <row r="615" spans="1:12" ht="16.5" customHeight="1" x14ac:dyDescent="0.3">
      <c r="A615" s="11"/>
      <c r="B615" s="11"/>
      <c r="C615" s="42"/>
      <c r="D615" s="3"/>
      <c r="E615" s="3"/>
      <c r="F615" s="3"/>
      <c r="G615" s="3"/>
      <c r="H615" s="3"/>
      <c r="I615" s="3"/>
      <c r="J615" s="3"/>
      <c r="K615" s="14"/>
      <c r="L615" s="3"/>
    </row>
    <row r="616" spans="1:12" ht="16.5" customHeight="1" x14ac:dyDescent="0.3">
      <c r="A616" s="11"/>
      <c r="B616" s="11"/>
      <c r="C616" s="42"/>
      <c r="D616" s="3"/>
      <c r="E616" s="3"/>
      <c r="F616" s="3"/>
      <c r="G616" s="3"/>
      <c r="H616" s="3"/>
      <c r="I616" s="3"/>
      <c r="J616" s="3"/>
      <c r="K616" s="14"/>
      <c r="L616" s="3"/>
    </row>
    <row r="617" spans="1:12" ht="16.5" customHeight="1" x14ac:dyDescent="0.3">
      <c r="A617" s="11"/>
      <c r="B617" s="11"/>
      <c r="C617" s="42"/>
      <c r="D617" s="3"/>
      <c r="E617" s="3"/>
      <c r="F617" s="3"/>
      <c r="G617" s="3"/>
      <c r="H617" s="3"/>
      <c r="I617" s="3"/>
      <c r="J617" s="3"/>
      <c r="K617" s="14"/>
      <c r="L617" s="3"/>
    </row>
    <row r="618" spans="1:12" ht="16.5" customHeight="1" x14ac:dyDescent="0.3">
      <c r="A618" s="11"/>
      <c r="B618" s="11"/>
      <c r="C618" s="42"/>
      <c r="D618" s="3"/>
      <c r="E618" s="3"/>
      <c r="F618" s="3"/>
      <c r="G618" s="3"/>
      <c r="H618" s="3"/>
      <c r="I618" s="3"/>
      <c r="J618" s="3"/>
      <c r="K618" s="14"/>
      <c r="L618" s="3"/>
    </row>
    <row r="619" spans="1:12" ht="16.5" customHeight="1" x14ac:dyDescent="0.3">
      <c r="A619" s="11"/>
      <c r="B619" s="11"/>
      <c r="C619" s="42"/>
      <c r="D619" s="3"/>
      <c r="E619" s="3"/>
      <c r="F619" s="3"/>
      <c r="G619" s="3"/>
      <c r="H619" s="3"/>
      <c r="I619" s="3"/>
      <c r="J619" s="3"/>
      <c r="K619" s="14"/>
      <c r="L619" s="3"/>
    </row>
    <row r="620" spans="1:12" ht="16.5" customHeight="1" x14ac:dyDescent="0.3">
      <c r="A620" s="11"/>
      <c r="B620" s="11"/>
      <c r="C620" s="42"/>
      <c r="D620" s="3"/>
      <c r="E620" s="3"/>
      <c r="F620" s="3"/>
      <c r="G620" s="3"/>
      <c r="H620" s="3"/>
      <c r="I620" s="3"/>
      <c r="J620" s="3"/>
      <c r="K620" s="14"/>
      <c r="L620" s="3"/>
    </row>
    <row r="621" spans="1:12" ht="16.5" customHeight="1" x14ac:dyDescent="0.3">
      <c r="A621" s="11"/>
      <c r="B621" s="11"/>
      <c r="C621" s="42"/>
      <c r="D621" s="3"/>
      <c r="E621" s="3"/>
      <c r="F621" s="3"/>
      <c r="G621" s="3"/>
      <c r="H621" s="3"/>
      <c r="I621" s="3"/>
      <c r="J621" s="3"/>
      <c r="K621" s="14"/>
      <c r="L621" s="3"/>
    </row>
    <row r="622" spans="1:12" ht="16.5" customHeight="1" x14ac:dyDescent="0.3">
      <c r="A622" s="11"/>
      <c r="B622" s="11"/>
      <c r="C622" s="42"/>
      <c r="D622" s="3"/>
      <c r="E622" s="3"/>
      <c r="F622" s="3"/>
      <c r="G622" s="3"/>
      <c r="H622" s="3"/>
      <c r="I622" s="3"/>
      <c r="J622" s="3"/>
      <c r="K622" s="14"/>
      <c r="L622" s="3"/>
    </row>
    <row r="623" spans="1:12" ht="16.5" customHeight="1" x14ac:dyDescent="0.3">
      <c r="A623" s="11"/>
      <c r="B623" s="11"/>
      <c r="C623" s="42"/>
      <c r="D623" s="3"/>
      <c r="E623" s="3"/>
      <c r="F623" s="3"/>
      <c r="G623" s="3"/>
      <c r="H623" s="3"/>
      <c r="I623" s="3"/>
      <c r="J623" s="3"/>
      <c r="K623" s="14"/>
      <c r="L623" s="3"/>
    </row>
    <row r="624" spans="1:12" ht="16.5" customHeight="1" x14ac:dyDescent="0.3">
      <c r="A624" s="11"/>
      <c r="B624" s="11"/>
      <c r="C624" s="42"/>
      <c r="D624" s="3"/>
      <c r="E624" s="3"/>
      <c r="F624" s="3"/>
      <c r="G624" s="3"/>
      <c r="H624" s="3"/>
      <c r="I624" s="3"/>
      <c r="J624" s="3"/>
      <c r="K624" s="14"/>
      <c r="L624" s="3"/>
    </row>
    <row r="625" spans="1:12" ht="16.5" customHeight="1" x14ac:dyDescent="0.3">
      <c r="A625" s="11"/>
      <c r="B625" s="11"/>
      <c r="C625" s="42"/>
      <c r="D625" s="3"/>
      <c r="E625" s="3"/>
      <c r="F625" s="3"/>
      <c r="G625" s="3"/>
      <c r="H625" s="3"/>
      <c r="I625" s="3"/>
      <c r="J625" s="3"/>
      <c r="K625" s="14"/>
      <c r="L625" s="3"/>
    </row>
    <row r="626" spans="1:12" ht="16.5" customHeight="1" x14ac:dyDescent="0.3">
      <c r="A626" s="11"/>
      <c r="B626" s="11"/>
      <c r="C626" s="42"/>
      <c r="D626" s="3"/>
      <c r="E626" s="3"/>
      <c r="F626" s="3"/>
      <c r="G626" s="3"/>
      <c r="H626" s="3"/>
      <c r="I626" s="3"/>
      <c r="J626" s="3"/>
      <c r="K626" s="14"/>
      <c r="L626" s="3"/>
    </row>
    <row r="627" spans="1:12" ht="16.5" customHeight="1" x14ac:dyDescent="0.3">
      <c r="A627" s="11"/>
      <c r="B627" s="11"/>
      <c r="C627" s="42"/>
      <c r="D627" s="3"/>
      <c r="E627" s="3"/>
      <c r="F627" s="3"/>
      <c r="G627" s="3"/>
      <c r="H627" s="3"/>
      <c r="I627" s="3"/>
      <c r="J627" s="3"/>
      <c r="K627" s="14"/>
      <c r="L627" s="3"/>
    </row>
    <row r="628" spans="1:12" ht="16.5" customHeight="1" x14ac:dyDescent="0.3">
      <c r="A628" s="11"/>
      <c r="B628" s="11"/>
      <c r="C628" s="42"/>
      <c r="D628" s="3"/>
      <c r="E628" s="3"/>
      <c r="F628" s="3"/>
      <c r="G628" s="3"/>
      <c r="H628" s="3"/>
      <c r="I628" s="3"/>
      <c r="J628" s="3"/>
      <c r="K628" s="14"/>
      <c r="L628" s="3"/>
    </row>
    <row r="629" spans="1:12" ht="16.5" customHeight="1" x14ac:dyDescent="0.3">
      <c r="A629" s="11"/>
      <c r="B629" s="11"/>
      <c r="C629" s="42"/>
      <c r="D629" s="3"/>
      <c r="E629" s="3"/>
      <c r="F629" s="3"/>
      <c r="G629" s="3"/>
      <c r="H629" s="3"/>
      <c r="I629" s="3"/>
      <c r="J629" s="3"/>
      <c r="K629" s="14"/>
      <c r="L629" s="3"/>
    </row>
    <row r="630" spans="1:12" ht="16.5" customHeight="1" x14ac:dyDescent="0.3">
      <c r="A630" s="11"/>
      <c r="B630" s="11"/>
      <c r="C630" s="42"/>
      <c r="D630" s="3"/>
      <c r="E630" s="3"/>
      <c r="F630" s="3"/>
      <c r="G630" s="3"/>
      <c r="H630" s="3"/>
      <c r="I630" s="3"/>
      <c r="J630" s="3"/>
      <c r="K630" s="14"/>
      <c r="L630" s="3"/>
    </row>
    <row r="631" spans="1:12" ht="16.5" customHeight="1" x14ac:dyDescent="0.3">
      <c r="A631" s="11"/>
      <c r="B631" s="11"/>
      <c r="C631" s="42"/>
      <c r="D631" s="3"/>
      <c r="E631" s="3"/>
      <c r="F631" s="3"/>
      <c r="G631" s="3"/>
      <c r="H631" s="3"/>
      <c r="I631" s="3"/>
      <c r="J631" s="3"/>
      <c r="K631" s="14"/>
      <c r="L631" s="3"/>
    </row>
    <row r="632" spans="1:12" ht="16.5" customHeight="1" x14ac:dyDescent="0.3">
      <c r="A632" s="11"/>
      <c r="B632" s="11"/>
      <c r="C632" s="42"/>
      <c r="D632" s="3"/>
      <c r="E632" s="3"/>
      <c r="F632" s="3"/>
      <c r="G632" s="3"/>
      <c r="H632" s="3"/>
      <c r="I632" s="3"/>
      <c r="J632" s="3"/>
      <c r="K632" s="14"/>
      <c r="L632" s="3"/>
    </row>
    <row r="633" spans="1:12" ht="16.5" customHeight="1" x14ac:dyDescent="0.3">
      <c r="A633" s="11"/>
      <c r="B633" s="11"/>
      <c r="C633" s="42"/>
      <c r="D633" s="3"/>
      <c r="E633" s="3"/>
      <c r="F633" s="3"/>
      <c r="G633" s="3"/>
      <c r="H633" s="3"/>
      <c r="I633" s="3"/>
      <c r="J633" s="3"/>
      <c r="K633" s="14"/>
      <c r="L633" s="3"/>
    </row>
    <row r="634" spans="1:12" ht="16.5" customHeight="1" x14ac:dyDescent="0.3">
      <c r="A634" s="11"/>
      <c r="B634" s="11"/>
      <c r="C634" s="42"/>
      <c r="D634" s="3"/>
      <c r="E634" s="3"/>
      <c r="F634" s="3"/>
      <c r="G634" s="3"/>
      <c r="H634" s="3"/>
      <c r="I634" s="3"/>
      <c r="J634" s="3"/>
      <c r="K634" s="14"/>
      <c r="L634" s="3"/>
    </row>
    <row r="635" spans="1:12" ht="16.5" customHeight="1" x14ac:dyDescent="0.3">
      <c r="A635" s="11"/>
      <c r="B635" s="11"/>
      <c r="C635" s="42"/>
      <c r="D635" s="3"/>
      <c r="E635" s="3"/>
      <c r="F635" s="3"/>
      <c r="G635" s="3"/>
      <c r="H635" s="3"/>
      <c r="I635" s="3"/>
      <c r="J635" s="3"/>
      <c r="K635" s="14"/>
      <c r="L635" s="3"/>
    </row>
    <row r="636" spans="1:12" ht="16.5" customHeight="1" x14ac:dyDescent="0.3">
      <c r="A636" s="11"/>
      <c r="B636" s="11"/>
      <c r="C636" s="42"/>
      <c r="D636" s="3"/>
      <c r="E636" s="3"/>
      <c r="F636" s="3"/>
      <c r="G636" s="3"/>
      <c r="H636" s="3"/>
      <c r="I636" s="3"/>
      <c r="J636" s="3"/>
      <c r="K636" s="14"/>
      <c r="L636" s="3"/>
    </row>
    <row r="637" spans="1:12" ht="16.5" customHeight="1" x14ac:dyDescent="0.3">
      <c r="A637" s="11"/>
      <c r="B637" s="11"/>
      <c r="C637" s="42"/>
      <c r="D637" s="3"/>
      <c r="E637" s="3"/>
      <c r="F637" s="3"/>
      <c r="G637" s="3"/>
      <c r="H637" s="3"/>
      <c r="I637" s="3"/>
      <c r="J637" s="3"/>
      <c r="K637" s="14"/>
      <c r="L637" s="3"/>
    </row>
    <row r="638" spans="1:12" ht="16.5" customHeight="1" x14ac:dyDescent="0.3">
      <c r="A638" s="11"/>
      <c r="B638" s="11"/>
      <c r="C638" s="42"/>
      <c r="D638" s="3"/>
      <c r="E638" s="3"/>
      <c r="F638" s="3"/>
      <c r="G638" s="3"/>
      <c r="H638" s="3"/>
      <c r="I638" s="3"/>
      <c r="J638" s="3"/>
      <c r="K638" s="14"/>
      <c r="L638" s="3"/>
    </row>
    <row r="639" spans="1:12" ht="16.5" customHeight="1" x14ac:dyDescent="0.3">
      <c r="A639" s="11"/>
      <c r="B639" s="11"/>
      <c r="C639" s="42"/>
      <c r="D639" s="3"/>
      <c r="E639" s="3"/>
      <c r="F639" s="3"/>
      <c r="G639" s="3"/>
      <c r="H639" s="3"/>
      <c r="I639" s="3"/>
      <c r="J639" s="3"/>
      <c r="K639" s="14"/>
      <c r="L639" s="3"/>
    </row>
    <row r="640" spans="1:12" ht="16.5" customHeight="1" x14ac:dyDescent="0.3">
      <c r="A640" s="11"/>
      <c r="B640" s="11"/>
      <c r="C640" s="42"/>
      <c r="D640" s="3"/>
      <c r="E640" s="3"/>
      <c r="F640" s="3"/>
      <c r="G640" s="3"/>
      <c r="H640" s="3"/>
      <c r="I640" s="3"/>
      <c r="J640" s="3"/>
      <c r="K640" s="14"/>
      <c r="L640" s="3"/>
    </row>
    <row r="641" spans="1:12" ht="16.5" customHeight="1" x14ac:dyDescent="0.3">
      <c r="A641" s="11"/>
      <c r="B641" s="11"/>
      <c r="C641" s="42"/>
      <c r="D641" s="3"/>
      <c r="E641" s="3"/>
      <c r="F641" s="3"/>
      <c r="G641" s="3"/>
      <c r="H641" s="3"/>
      <c r="I641" s="3"/>
      <c r="J641" s="3"/>
      <c r="K641" s="14"/>
      <c r="L641" s="3"/>
    </row>
    <row r="642" spans="1:12" ht="16.5" customHeight="1" x14ac:dyDescent="0.3">
      <c r="A642" s="11"/>
      <c r="B642" s="11"/>
      <c r="C642" s="42"/>
      <c r="D642" s="3"/>
      <c r="E642" s="3"/>
      <c r="F642" s="3"/>
      <c r="G642" s="3"/>
      <c r="H642" s="3"/>
      <c r="I642" s="3"/>
      <c r="J642" s="3"/>
      <c r="K642" s="14"/>
      <c r="L642" s="3"/>
    </row>
    <row r="643" spans="1:12" ht="16.5" customHeight="1" x14ac:dyDescent="0.3">
      <c r="A643" s="11"/>
      <c r="B643" s="11"/>
      <c r="C643" s="42"/>
      <c r="D643" s="3"/>
      <c r="E643" s="3"/>
      <c r="F643" s="3"/>
      <c r="G643" s="3"/>
      <c r="H643" s="3"/>
      <c r="I643" s="3"/>
      <c r="J643" s="3"/>
      <c r="K643" s="14"/>
      <c r="L643" s="3"/>
    </row>
    <row r="644" spans="1:12" ht="16.5" customHeight="1" x14ac:dyDescent="0.3">
      <c r="A644" s="11"/>
      <c r="B644" s="11"/>
      <c r="C644" s="42"/>
      <c r="D644" s="3"/>
      <c r="E644" s="3"/>
      <c r="F644" s="3"/>
      <c r="G644" s="3"/>
      <c r="H644" s="3"/>
      <c r="I644" s="3"/>
      <c r="J644" s="3"/>
      <c r="K644" s="14"/>
      <c r="L644" s="3"/>
    </row>
    <row r="645" spans="1:12" ht="16.5" customHeight="1" x14ac:dyDescent="0.3">
      <c r="A645" s="11"/>
      <c r="B645" s="11"/>
      <c r="C645" s="42"/>
      <c r="D645" s="3"/>
      <c r="E645" s="3"/>
      <c r="F645" s="3"/>
      <c r="G645" s="3"/>
      <c r="H645" s="3"/>
      <c r="I645" s="3"/>
      <c r="J645" s="3"/>
      <c r="K645" s="14"/>
      <c r="L645" s="3"/>
    </row>
    <row r="646" spans="1:12" ht="16.5" customHeight="1" x14ac:dyDescent="0.3">
      <c r="A646" s="11"/>
      <c r="B646" s="11"/>
      <c r="C646" s="42"/>
      <c r="D646" s="3"/>
      <c r="E646" s="3"/>
      <c r="F646" s="3"/>
      <c r="G646" s="3"/>
      <c r="H646" s="3"/>
      <c r="I646" s="3"/>
      <c r="J646" s="3"/>
      <c r="K646" s="14"/>
      <c r="L646" s="3"/>
    </row>
    <row r="647" spans="1:12" ht="16.5" customHeight="1" x14ac:dyDescent="0.3">
      <c r="A647" s="11"/>
      <c r="B647" s="11"/>
      <c r="C647" s="42"/>
      <c r="D647" s="3"/>
      <c r="E647" s="3"/>
      <c r="F647" s="3"/>
      <c r="G647" s="3"/>
      <c r="H647" s="3"/>
      <c r="I647" s="3"/>
      <c r="J647" s="3"/>
      <c r="K647" s="14"/>
      <c r="L647" s="3"/>
    </row>
    <row r="648" spans="1:12" ht="16.5" customHeight="1" x14ac:dyDescent="0.3">
      <c r="A648" s="11"/>
      <c r="B648" s="11"/>
      <c r="C648" s="42"/>
      <c r="D648" s="3"/>
      <c r="E648" s="3"/>
      <c r="F648" s="3"/>
      <c r="G648" s="3"/>
      <c r="H648" s="3"/>
      <c r="I648" s="3"/>
      <c r="J648" s="3"/>
      <c r="K648" s="14"/>
      <c r="L648" s="3"/>
    </row>
    <row r="649" spans="1:12" ht="16.5" customHeight="1" x14ac:dyDescent="0.3">
      <c r="A649" s="11"/>
      <c r="B649" s="11"/>
      <c r="C649" s="42"/>
      <c r="D649" s="3"/>
      <c r="E649" s="3"/>
      <c r="F649" s="3"/>
      <c r="G649" s="3"/>
      <c r="H649" s="3"/>
      <c r="I649" s="3"/>
      <c r="J649" s="3"/>
      <c r="K649" s="14"/>
      <c r="L649" s="3"/>
    </row>
    <row r="650" spans="1:12" ht="16.5" customHeight="1" x14ac:dyDescent="0.3">
      <c r="A650" s="11"/>
      <c r="B650" s="11"/>
      <c r="C650" s="42"/>
      <c r="D650" s="3"/>
      <c r="E650" s="3"/>
      <c r="F650" s="3"/>
      <c r="G650" s="3"/>
      <c r="H650" s="3"/>
      <c r="I650" s="3"/>
      <c r="J650" s="3"/>
      <c r="K650" s="14"/>
      <c r="L650" s="3"/>
    </row>
    <row r="651" spans="1:12" ht="16.5" customHeight="1" x14ac:dyDescent="0.3">
      <c r="A651" s="11"/>
      <c r="B651" s="11"/>
      <c r="C651" s="42"/>
      <c r="D651" s="3"/>
      <c r="E651" s="3"/>
      <c r="F651" s="3"/>
      <c r="G651" s="3"/>
      <c r="H651" s="3"/>
      <c r="I651" s="3"/>
      <c r="J651" s="3"/>
      <c r="K651" s="14"/>
      <c r="L651" s="3"/>
    </row>
    <row r="652" spans="1:12" ht="16.5" customHeight="1" x14ac:dyDescent="0.3">
      <c r="A652" s="11"/>
      <c r="B652" s="11"/>
      <c r="C652" s="42"/>
      <c r="D652" s="3"/>
      <c r="E652" s="3"/>
      <c r="F652" s="3"/>
      <c r="G652" s="3"/>
      <c r="H652" s="3"/>
      <c r="I652" s="3"/>
      <c r="J652" s="3"/>
      <c r="K652" s="14"/>
      <c r="L652" s="3"/>
    </row>
    <row r="653" spans="1:12" ht="16.5" customHeight="1" x14ac:dyDescent="0.3">
      <c r="A653" s="11"/>
      <c r="B653" s="11"/>
      <c r="C653" s="42"/>
      <c r="D653" s="3"/>
      <c r="E653" s="3"/>
      <c r="F653" s="3"/>
      <c r="G653" s="3"/>
      <c r="H653" s="3"/>
      <c r="I653" s="3"/>
      <c r="J653" s="3"/>
      <c r="K653" s="14"/>
      <c r="L653" s="3"/>
    </row>
    <row r="654" spans="1:12" ht="16.5" customHeight="1" x14ac:dyDescent="0.3">
      <c r="A654" s="11"/>
      <c r="B654" s="11"/>
      <c r="C654" s="42"/>
      <c r="D654" s="3"/>
      <c r="E654" s="3"/>
      <c r="F654" s="3"/>
      <c r="G654" s="3"/>
      <c r="H654" s="3"/>
      <c r="I654" s="3"/>
      <c r="J654" s="3"/>
      <c r="K654" s="14"/>
      <c r="L654" s="3"/>
    </row>
    <row r="655" spans="1:12" ht="16.5" customHeight="1" x14ac:dyDescent="0.3">
      <c r="A655" s="11"/>
      <c r="B655" s="11"/>
      <c r="C655" s="42"/>
      <c r="D655" s="3"/>
      <c r="E655" s="3"/>
      <c r="F655" s="3"/>
      <c r="G655" s="3"/>
      <c r="H655" s="3"/>
      <c r="I655" s="3"/>
      <c r="J655" s="3"/>
      <c r="K655" s="14"/>
      <c r="L655" s="3"/>
    </row>
    <row r="656" spans="1:12" ht="16.5" customHeight="1" x14ac:dyDescent="0.3">
      <c r="A656" s="11"/>
      <c r="B656" s="11"/>
      <c r="C656" s="42"/>
      <c r="D656" s="3"/>
      <c r="E656" s="3"/>
      <c r="F656" s="3"/>
      <c r="G656" s="3"/>
      <c r="H656" s="3"/>
      <c r="I656" s="3"/>
      <c r="J656" s="3"/>
      <c r="K656" s="14"/>
      <c r="L656" s="3"/>
    </row>
    <row r="657" spans="1:12" ht="16.5" customHeight="1" x14ac:dyDescent="0.3">
      <c r="A657" s="11"/>
      <c r="B657" s="11"/>
      <c r="C657" s="42"/>
      <c r="D657" s="3"/>
      <c r="E657" s="3"/>
      <c r="F657" s="3"/>
      <c r="G657" s="3"/>
      <c r="H657" s="3"/>
      <c r="I657" s="3"/>
      <c r="J657" s="3"/>
      <c r="K657" s="14"/>
      <c r="L657" s="3"/>
    </row>
    <row r="658" spans="1:12" ht="16.5" customHeight="1" x14ac:dyDescent="0.3">
      <c r="A658" s="11"/>
      <c r="B658" s="11"/>
      <c r="C658" s="42"/>
      <c r="D658" s="3"/>
      <c r="E658" s="3"/>
      <c r="F658" s="3"/>
      <c r="G658" s="3"/>
      <c r="H658" s="3"/>
      <c r="I658" s="3"/>
      <c r="J658" s="3"/>
      <c r="K658" s="14"/>
      <c r="L658" s="3"/>
    </row>
    <row r="659" spans="1:12" ht="16.5" customHeight="1" x14ac:dyDescent="0.3">
      <c r="A659" s="11"/>
      <c r="B659" s="11"/>
      <c r="C659" s="42"/>
      <c r="D659" s="3"/>
      <c r="E659" s="3"/>
      <c r="F659" s="3"/>
      <c r="G659" s="3"/>
      <c r="H659" s="3"/>
      <c r="I659" s="3"/>
      <c r="J659" s="3"/>
      <c r="K659" s="14"/>
      <c r="L659" s="3"/>
    </row>
    <row r="660" spans="1:12" ht="16.5" customHeight="1" x14ac:dyDescent="0.3">
      <c r="A660" s="11"/>
      <c r="B660" s="11"/>
      <c r="C660" s="42"/>
      <c r="D660" s="3"/>
      <c r="E660" s="3"/>
      <c r="F660" s="3"/>
      <c r="G660" s="3"/>
      <c r="H660" s="3"/>
      <c r="I660" s="3"/>
      <c r="J660" s="3"/>
      <c r="K660" s="14"/>
      <c r="L660" s="3"/>
    </row>
    <row r="661" spans="1:12" ht="16.5" customHeight="1" x14ac:dyDescent="0.3">
      <c r="A661" s="11"/>
      <c r="B661" s="11"/>
      <c r="C661" s="42"/>
      <c r="D661" s="3"/>
      <c r="E661" s="3"/>
      <c r="F661" s="3"/>
      <c r="G661" s="3"/>
      <c r="H661" s="3"/>
      <c r="I661" s="3"/>
      <c r="J661" s="3"/>
      <c r="K661" s="14"/>
      <c r="L661" s="3"/>
    </row>
    <row r="662" spans="1:12" ht="16.5" customHeight="1" x14ac:dyDescent="0.3">
      <c r="A662" s="11"/>
      <c r="B662" s="11"/>
      <c r="C662" s="42"/>
      <c r="D662" s="3"/>
      <c r="E662" s="3"/>
      <c r="F662" s="3"/>
      <c r="G662" s="3"/>
      <c r="H662" s="3"/>
      <c r="I662" s="3"/>
      <c r="J662" s="3"/>
      <c r="K662" s="14"/>
      <c r="L662" s="3"/>
    </row>
    <row r="663" spans="1:12" ht="16.5" customHeight="1" x14ac:dyDescent="0.3">
      <c r="A663" s="11"/>
      <c r="B663" s="11"/>
      <c r="C663" s="42"/>
      <c r="D663" s="3"/>
      <c r="E663" s="3"/>
      <c r="F663" s="3"/>
      <c r="G663" s="3"/>
      <c r="H663" s="3"/>
      <c r="I663" s="3"/>
      <c r="J663" s="3"/>
      <c r="K663" s="14"/>
      <c r="L663" s="3"/>
    </row>
    <row r="664" spans="1:12" ht="16.5" customHeight="1" x14ac:dyDescent="0.3">
      <c r="A664" s="11"/>
      <c r="B664" s="11"/>
      <c r="C664" s="42"/>
      <c r="D664" s="3"/>
      <c r="E664" s="3"/>
      <c r="F664" s="3"/>
      <c r="G664" s="3"/>
      <c r="H664" s="3"/>
      <c r="I664" s="3"/>
      <c r="J664" s="3"/>
      <c r="K664" s="14"/>
      <c r="L664" s="3"/>
    </row>
    <row r="665" spans="1:12" ht="16.5" customHeight="1" x14ac:dyDescent="0.3">
      <c r="A665" s="11"/>
      <c r="B665" s="11"/>
      <c r="C665" s="42"/>
      <c r="D665" s="3"/>
      <c r="E665" s="3"/>
      <c r="F665" s="3"/>
      <c r="G665" s="3"/>
      <c r="H665" s="3"/>
      <c r="I665" s="3"/>
      <c r="J665" s="3"/>
      <c r="K665" s="14"/>
      <c r="L665" s="3"/>
    </row>
    <row r="666" spans="1:12" ht="16.5" customHeight="1" x14ac:dyDescent="0.3">
      <c r="A666" s="11"/>
      <c r="B666" s="11"/>
      <c r="C666" s="42"/>
      <c r="D666" s="3"/>
      <c r="E666" s="3"/>
      <c r="F666" s="3"/>
      <c r="G666" s="3"/>
      <c r="H666" s="3"/>
      <c r="I666" s="3"/>
      <c r="J666" s="3"/>
      <c r="K666" s="14"/>
      <c r="L666" s="3"/>
    </row>
    <row r="667" spans="1:12" ht="16.5" customHeight="1" x14ac:dyDescent="0.3">
      <c r="A667" s="11"/>
      <c r="B667" s="11"/>
      <c r="C667" s="42"/>
      <c r="D667" s="3"/>
      <c r="E667" s="3"/>
      <c r="F667" s="3"/>
      <c r="G667" s="3"/>
      <c r="H667" s="3"/>
      <c r="I667" s="3"/>
      <c r="J667" s="3"/>
      <c r="K667" s="14"/>
      <c r="L667" s="3"/>
    </row>
    <row r="668" spans="1:12" ht="16.5" customHeight="1" x14ac:dyDescent="0.3">
      <c r="A668" s="11"/>
      <c r="B668" s="11"/>
      <c r="C668" s="42"/>
      <c r="D668" s="3"/>
      <c r="E668" s="3"/>
      <c r="F668" s="3"/>
      <c r="G668" s="3"/>
      <c r="H668" s="3"/>
      <c r="I668" s="3"/>
      <c r="J668" s="3"/>
      <c r="K668" s="14"/>
      <c r="L668" s="3"/>
    </row>
    <row r="669" spans="1:12" ht="16.5" customHeight="1" x14ac:dyDescent="0.3">
      <c r="A669" s="11"/>
      <c r="B669" s="11"/>
      <c r="C669" s="42"/>
      <c r="D669" s="3"/>
      <c r="E669" s="3"/>
      <c r="F669" s="3"/>
      <c r="G669" s="3"/>
      <c r="H669" s="3"/>
      <c r="I669" s="3"/>
      <c r="J669" s="3"/>
      <c r="K669" s="14"/>
      <c r="L669" s="3"/>
    </row>
    <row r="670" spans="1:12" ht="16.5" customHeight="1" x14ac:dyDescent="0.3">
      <c r="A670" s="11"/>
      <c r="B670" s="11"/>
      <c r="C670" s="42"/>
      <c r="D670" s="3"/>
      <c r="E670" s="3"/>
      <c r="F670" s="3"/>
      <c r="G670" s="3"/>
      <c r="H670" s="3"/>
      <c r="I670" s="3"/>
      <c r="J670" s="3"/>
      <c r="K670" s="14"/>
      <c r="L670" s="3"/>
    </row>
    <row r="671" spans="1:12" ht="16.5" customHeight="1" x14ac:dyDescent="0.3">
      <c r="A671" s="11"/>
      <c r="B671" s="11"/>
      <c r="C671" s="42"/>
      <c r="D671" s="3"/>
      <c r="E671" s="3"/>
      <c r="F671" s="3"/>
      <c r="G671" s="3"/>
      <c r="H671" s="3"/>
      <c r="I671" s="3"/>
      <c r="J671" s="3"/>
      <c r="K671" s="14"/>
      <c r="L671" s="3"/>
    </row>
    <row r="672" spans="1:12" ht="16.5" customHeight="1" x14ac:dyDescent="0.3">
      <c r="A672" s="11"/>
      <c r="B672" s="11"/>
      <c r="C672" s="42"/>
      <c r="D672" s="3"/>
      <c r="E672" s="3"/>
      <c r="F672" s="3"/>
      <c r="G672" s="3"/>
      <c r="H672" s="3"/>
      <c r="I672" s="3"/>
      <c r="J672" s="3"/>
      <c r="K672" s="14"/>
      <c r="L672" s="3"/>
    </row>
    <row r="673" spans="1:12" ht="16.5" customHeight="1" x14ac:dyDescent="0.3">
      <c r="A673" s="11"/>
      <c r="B673" s="11"/>
      <c r="C673" s="42"/>
      <c r="D673" s="3"/>
      <c r="E673" s="3"/>
      <c r="F673" s="3"/>
      <c r="G673" s="3"/>
      <c r="H673" s="3"/>
      <c r="I673" s="3"/>
      <c r="J673" s="3"/>
      <c r="K673" s="14"/>
      <c r="L673" s="3"/>
    </row>
    <row r="674" spans="1:12" ht="16.5" customHeight="1" x14ac:dyDescent="0.3">
      <c r="A674" s="11"/>
      <c r="B674" s="11"/>
      <c r="C674" s="42"/>
      <c r="D674" s="3"/>
      <c r="E674" s="3"/>
      <c r="F674" s="3"/>
      <c r="G674" s="3"/>
      <c r="H674" s="3"/>
      <c r="I674" s="3"/>
      <c r="J674" s="3"/>
      <c r="K674" s="14"/>
      <c r="L674" s="3"/>
    </row>
    <row r="675" spans="1:12" ht="16.5" customHeight="1" x14ac:dyDescent="0.3">
      <c r="A675" s="11"/>
      <c r="B675" s="11"/>
      <c r="C675" s="42"/>
      <c r="D675" s="3"/>
      <c r="E675" s="3"/>
      <c r="F675" s="3"/>
      <c r="G675" s="3"/>
      <c r="H675" s="3"/>
      <c r="I675" s="3"/>
      <c r="J675" s="3"/>
      <c r="K675" s="14"/>
      <c r="L675" s="3"/>
    </row>
    <row r="676" spans="1:12" ht="16.5" customHeight="1" x14ac:dyDescent="0.3">
      <c r="A676" s="11"/>
      <c r="B676" s="11"/>
      <c r="C676" s="42"/>
      <c r="D676" s="3"/>
      <c r="E676" s="3"/>
      <c r="F676" s="3"/>
      <c r="G676" s="3"/>
      <c r="H676" s="3"/>
      <c r="I676" s="3"/>
      <c r="J676" s="3"/>
      <c r="K676" s="14"/>
      <c r="L676" s="3"/>
    </row>
    <row r="677" spans="1:12" ht="16.5" customHeight="1" x14ac:dyDescent="0.3">
      <c r="A677" s="11"/>
      <c r="B677" s="11"/>
      <c r="C677" s="42"/>
      <c r="D677" s="3"/>
      <c r="E677" s="3"/>
      <c r="F677" s="3"/>
      <c r="G677" s="3"/>
      <c r="H677" s="3"/>
      <c r="I677" s="3"/>
      <c r="J677" s="3"/>
      <c r="K677" s="14"/>
      <c r="L677" s="3"/>
    </row>
    <row r="678" spans="1:12" ht="16.5" customHeight="1" x14ac:dyDescent="0.3">
      <c r="A678" s="11"/>
      <c r="B678" s="11"/>
      <c r="C678" s="42"/>
      <c r="D678" s="3"/>
      <c r="E678" s="3"/>
      <c r="F678" s="3"/>
      <c r="G678" s="3"/>
      <c r="H678" s="3"/>
      <c r="I678" s="3"/>
      <c r="J678" s="3"/>
      <c r="K678" s="14"/>
      <c r="L678" s="3"/>
    </row>
    <row r="679" spans="1:12" ht="16.5" customHeight="1" x14ac:dyDescent="0.3">
      <c r="A679" s="11"/>
      <c r="B679" s="11"/>
      <c r="C679" s="42"/>
      <c r="D679" s="3"/>
      <c r="E679" s="3"/>
      <c r="F679" s="3"/>
      <c r="G679" s="3"/>
      <c r="H679" s="3"/>
      <c r="I679" s="3"/>
      <c r="J679" s="3"/>
      <c r="K679" s="14"/>
      <c r="L679" s="3"/>
    </row>
    <row r="680" spans="1:12" ht="16.5" customHeight="1" x14ac:dyDescent="0.3">
      <c r="A680" s="11"/>
      <c r="B680" s="11"/>
      <c r="C680" s="42"/>
      <c r="D680" s="3"/>
      <c r="E680" s="3"/>
      <c r="F680" s="3"/>
      <c r="G680" s="3"/>
      <c r="H680" s="3"/>
      <c r="I680" s="3"/>
      <c r="J680" s="3"/>
      <c r="K680" s="14"/>
      <c r="L680" s="3"/>
    </row>
    <row r="681" spans="1:12" ht="16.5" customHeight="1" x14ac:dyDescent="0.3">
      <c r="A681" s="11"/>
      <c r="B681" s="11"/>
      <c r="C681" s="42"/>
      <c r="D681" s="3"/>
      <c r="E681" s="3"/>
      <c r="F681" s="3"/>
      <c r="G681" s="3"/>
      <c r="H681" s="3"/>
      <c r="I681" s="3"/>
      <c r="J681" s="3"/>
      <c r="K681" s="14"/>
      <c r="L681" s="3"/>
    </row>
    <row r="682" spans="1:12" ht="16.5" customHeight="1" x14ac:dyDescent="0.3">
      <c r="A682" s="11"/>
      <c r="B682" s="11"/>
      <c r="C682" s="42"/>
      <c r="D682" s="3"/>
      <c r="E682" s="3"/>
      <c r="F682" s="3"/>
      <c r="G682" s="3"/>
      <c r="H682" s="3"/>
      <c r="I682" s="3"/>
      <c r="J682" s="3"/>
      <c r="K682" s="14"/>
      <c r="L682" s="3"/>
    </row>
    <row r="683" spans="1:12" ht="16.5" customHeight="1" x14ac:dyDescent="0.3">
      <c r="A683" s="11"/>
      <c r="B683" s="11"/>
      <c r="C683" s="42"/>
      <c r="D683" s="3"/>
      <c r="E683" s="3"/>
      <c r="F683" s="3"/>
      <c r="G683" s="3"/>
      <c r="H683" s="3"/>
      <c r="I683" s="3"/>
      <c r="J683" s="3"/>
      <c r="K683" s="14"/>
      <c r="L683" s="3"/>
    </row>
    <row r="684" spans="1:12" ht="16.5" customHeight="1" x14ac:dyDescent="0.3">
      <c r="A684" s="11"/>
      <c r="B684" s="11"/>
      <c r="C684" s="42"/>
      <c r="D684" s="3"/>
      <c r="E684" s="3"/>
      <c r="F684" s="3"/>
      <c r="G684" s="3"/>
      <c r="H684" s="3"/>
      <c r="I684" s="3"/>
      <c r="J684" s="3"/>
      <c r="K684" s="14"/>
      <c r="L684" s="3"/>
    </row>
    <row r="685" spans="1:12" ht="16.5" customHeight="1" x14ac:dyDescent="0.3">
      <c r="A685" s="11"/>
      <c r="B685" s="11"/>
      <c r="C685" s="42"/>
      <c r="D685" s="3"/>
      <c r="E685" s="3"/>
      <c r="F685" s="3"/>
      <c r="G685" s="3"/>
      <c r="H685" s="3"/>
      <c r="I685" s="3"/>
      <c r="J685" s="3"/>
      <c r="K685" s="14"/>
      <c r="L685" s="3"/>
    </row>
    <row r="686" spans="1:12" ht="16.5" customHeight="1" x14ac:dyDescent="0.3">
      <c r="A686" s="11"/>
      <c r="B686" s="11"/>
      <c r="C686" s="42"/>
      <c r="D686" s="3"/>
      <c r="E686" s="3"/>
      <c r="F686" s="3"/>
      <c r="G686" s="3"/>
      <c r="H686" s="3"/>
      <c r="I686" s="3"/>
      <c r="J686" s="3"/>
      <c r="K686" s="14"/>
      <c r="L686" s="3"/>
    </row>
    <row r="687" spans="1:12" ht="16.5" customHeight="1" x14ac:dyDescent="0.3">
      <c r="A687" s="11"/>
      <c r="B687" s="11"/>
      <c r="C687" s="42"/>
      <c r="D687" s="3"/>
      <c r="E687" s="3"/>
      <c r="F687" s="3"/>
      <c r="G687" s="3"/>
      <c r="H687" s="3"/>
      <c r="I687" s="3"/>
      <c r="J687" s="3"/>
      <c r="K687" s="14"/>
      <c r="L687" s="3"/>
    </row>
    <row r="688" spans="1:12" ht="16.5" customHeight="1" x14ac:dyDescent="0.3">
      <c r="A688" s="11"/>
      <c r="B688" s="11"/>
      <c r="C688" s="42"/>
      <c r="D688" s="3"/>
      <c r="E688" s="3"/>
      <c r="F688" s="3"/>
      <c r="G688" s="3"/>
      <c r="H688" s="3"/>
      <c r="I688" s="3"/>
      <c r="J688" s="3"/>
      <c r="K688" s="14"/>
      <c r="L688" s="3"/>
    </row>
    <row r="689" spans="1:12" ht="16.5" customHeight="1" x14ac:dyDescent="0.3">
      <c r="A689" s="11"/>
      <c r="B689" s="11"/>
      <c r="C689" s="42"/>
      <c r="D689" s="3"/>
      <c r="E689" s="3"/>
      <c r="F689" s="3"/>
      <c r="G689" s="3"/>
      <c r="H689" s="3"/>
      <c r="I689" s="3"/>
      <c r="J689" s="3"/>
      <c r="K689" s="14"/>
      <c r="L689" s="3"/>
    </row>
    <row r="690" spans="1:12" ht="16.5" customHeight="1" x14ac:dyDescent="0.3">
      <c r="A690" s="11"/>
      <c r="B690" s="11"/>
      <c r="C690" s="42"/>
      <c r="D690" s="3"/>
      <c r="E690" s="3"/>
      <c r="F690" s="3"/>
      <c r="G690" s="3"/>
      <c r="H690" s="3"/>
      <c r="I690" s="3"/>
      <c r="J690" s="3"/>
      <c r="K690" s="14"/>
      <c r="L690" s="3"/>
    </row>
    <row r="691" spans="1:12" ht="16.5" customHeight="1" x14ac:dyDescent="0.3">
      <c r="A691" s="11"/>
      <c r="B691" s="11"/>
      <c r="C691" s="42"/>
      <c r="D691" s="3"/>
      <c r="E691" s="3"/>
      <c r="F691" s="3"/>
      <c r="G691" s="3"/>
      <c r="H691" s="3"/>
      <c r="I691" s="3"/>
      <c r="J691" s="3"/>
      <c r="K691" s="14"/>
      <c r="L691" s="3"/>
    </row>
    <row r="692" spans="1:12" ht="16.5" customHeight="1" x14ac:dyDescent="0.3">
      <c r="A692" s="11"/>
      <c r="B692" s="11"/>
      <c r="C692" s="42"/>
      <c r="D692" s="3"/>
      <c r="E692" s="3"/>
      <c r="F692" s="3"/>
      <c r="G692" s="3"/>
      <c r="H692" s="3"/>
      <c r="I692" s="3"/>
      <c r="J692" s="3"/>
      <c r="K692" s="14"/>
      <c r="L692" s="3"/>
    </row>
    <row r="693" spans="1:12" ht="16.5" customHeight="1" x14ac:dyDescent="0.3">
      <c r="A693" s="11"/>
      <c r="B693" s="11"/>
      <c r="C693" s="42"/>
      <c r="D693" s="3"/>
      <c r="E693" s="3"/>
      <c r="F693" s="3"/>
      <c r="G693" s="3"/>
      <c r="H693" s="3"/>
      <c r="I693" s="3"/>
      <c r="J693" s="3"/>
      <c r="K693" s="14"/>
      <c r="L693" s="3"/>
    </row>
    <row r="694" spans="1:12" ht="16.5" customHeight="1" x14ac:dyDescent="0.3">
      <c r="A694" s="11"/>
      <c r="B694" s="11"/>
      <c r="C694" s="42"/>
      <c r="D694" s="3"/>
      <c r="E694" s="3"/>
      <c r="F694" s="3"/>
      <c r="G694" s="3"/>
      <c r="H694" s="3"/>
      <c r="I694" s="3"/>
      <c r="J694" s="3"/>
      <c r="K694" s="14"/>
      <c r="L694" s="3"/>
    </row>
    <row r="695" spans="1:12" ht="16.5" customHeight="1" x14ac:dyDescent="0.3">
      <c r="A695" s="11"/>
      <c r="B695" s="11"/>
      <c r="C695" s="42"/>
      <c r="D695" s="3"/>
      <c r="E695" s="3"/>
      <c r="F695" s="3"/>
      <c r="G695" s="3"/>
      <c r="H695" s="3"/>
      <c r="I695" s="3"/>
      <c r="J695" s="3"/>
      <c r="K695" s="14"/>
      <c r="L695" s="3"/>
    </row>
    <row r="696" spans="1:12" ht="16.5" customHeight="1" x14ac:dyDescent="0.3">
      <c r="A696" s="11"/>
      <c r="B696" s="11"/>
      <c r="C696" s="42"/>
      <c r="D696" s="3"/>
      <c r="E696" s="3"/>
      <c r="F696" s="3"/>
      <c r="G696" s="3"/>
      <c r="H696" s="3"/>
      <c r="I696" s="3"/>
      <c r="J696" s="3"/>
      <c r="K696" s="14"/>
      <c r="L696" s="3"/>
    </row>
    <row r="697" spans="1:12" ht="16.5" customHeight="1" x14ac:dyDescent="0.3">
      <c r="A697" s="11"/>
      <c r="B697" s="11"/>
      <c r="C697" s="42"/>
      <c r="D697" s="3"/>
      <c r="E697" s="3"/>
      <c r="F697" s="3"/>
      <c r="G697" s="3"/>
      <c r="H697" s="3"/>
      <c r="I697" s="3"/>
      <c r="J697" s="3"/>
      <c r="K697" s="14"/>
      <c r="L697" s="3"/>
    </row>
    <row r="698" spans="1:12" ht="16.5" customHeight="1" x14ac:dyDescent="0.3">
      <c r="A698" s="11"/>
      <c r="B698" s="11"/>
      <c r="C698" s="42"/>
      <c r="D698" s="3"/>
      <c r="E698" s="3"/>
      <c r="F698" s="3"/>
      <c r="G698" s="3"/>
      <c r="H698" s="3"/>
      <c r="I698" s="3"/>
      <c r="J698" s="3"/>
      <c r="K698" s="14"/>
      <c r="L698" s="3"/>
    </row>
    <row r="699" spans="1:12" ht="16.5" customHeight="1" x14ac:dyDescent="0.3">
      <c r="A699" s="11"/>
      <c r="B699" s="11"/>
      <c r="C699" s="42"/>
      <c r="D699" s="3"/>
      <c r="E699" s="3"/>
      <c r="F699" s="3"/>
      <c r="G699" s="3"/>
      <c r="H699" s="3"/>
      <c r="I699" s="3"/>
      <c r="J699" s="3"/>
      <c r="K699" s="14"/>
      <c r="L699" s="3"/>
    </row>
    <row r="700" spans="1:12" ht="16.5" customHeight="1" x14ac:dyDescent="0.3">
      <c r="A700" s="11"/>
      <c r="B700" s="11"/>
      <c r="C700" s="42"/>
      <c r="D700" s="3"/>
      <c r="E700" s="3"/>
      <c r="F700" s="3"/>
      <c r="G700" s="3"/>
      <c r="H700" s="3"/>
      <c r="I700" s="3"/>
      <c r="J700" s="3"/>
      <c r="K700" s="14"/>
      <c r="L700" s="3"/>
    </row>
    <row r="701" spans="1:12" ht="16.5" customHeight="1" x14ac:dyDescent="0.3">
      <c r="A701" s="11"/>
      <c r="B701" s="11"/>
      <c r="C701" s="42"/>
      <c r="D701" s="3"/>
      <c r="E701" s="3"/>
      <c r="F701" s="3"/>
      <c r="G701" s="3"/>
      <c r="H701" s="3"/>
      <c r="I701" s="3"/>
      <c r="J701" s="3"/>
      <c r="K701" s="14"/>
      <c r="L701" s="3"/>
    </row>
    <row r="702" spans="1:12" ht="16.5" customHeight="1" x14ac:dyDescent="0.3">
      <c r="A702" s="11"/>
      <c r="B702" s="11"/>
      <c r="C702" s="42"/>
      <c r="D702" s="3"/>
      <c r="E702" s="3"/>
      <c r="F702" s="3"/>
      <c r="G702" s="3"/>
      <c r="H702" s="3"/>
      <c r="I702" s="3"/>
      <c r="J702" s="3"/>
      <c r="K702" s="14"/>
      <c r="L702" s="3"/>
    </row>
    <row r="703" spans="1:12" ht="16.5" customHeight="1" x14ac:dyDescent="0.3">
      <c r="A703" s="11"/>
      <c r="B703" s="11"/>
      <c r="C703" s="42"/>
      <c r="D703" s="3"/>
      <c r="E703" s="3"/>
      <c r="F703" s="3"/>
      <c r="G703" s="3"/>
      <c r="H703" s="3"/>
      <c r="I703" s="3"/>
      <c r="J703" s="3"/>
      <c r="K703" s="14"/>
      <c r="L703" s="3"/>
    </row>
    <row r="704" spans="1:12" ht="16.5" customHeight="1" x14ac:dyDescent="0.3">
      <c r="A704" s="11"/>
      <c r="B704" s="11"/>
      <c r="C704" s="42"/>
      <c r="D704" s="3"/>
      <c r="E704" s="3"/>
      <c r="F704" s="3"/>
      <c r="G704" s="3"/>
      <c r="H704" s="3"/>
      <c r="I704" s="3"/>
      <c r="J704" s="3"/>
      <c r="K704" s="14"/>
      <c r="L704" s="3"/>
    </row>
    <row r="705" spans="1:12" ht="16.5" customHeight="1" x14ac:dyDescent="0.3">
      <c r="A705" s="11"/>
      <c r="B705" s="11"/>
      <c r="C705" s="42"/>
      <c r="D705" s="3"/>
      <c r="E705" s="3"/>
      <c r="F705" s="3"/>
      <c r="G705" s="3"/>
      <c r="H705" s="3"/>
      <c r="I705" s="3"/>
      <c r="J705" s="3"/>
      <c r="K705" s="14"/>
      <c r="L705" s="3"/>
    </row>
    <row r="706" spans="1:12" ht="16.5" customHeight="1" x14ac:dyDescent="0.3">
      <c r="A706" s="11"/>
      <c r="B706" s="11"/>
      <c r="C706" s="42"/>
      <c r="D706" s="3"/>
      <c r="E706" s="3"/>
      <c r="F706" s="3"/>
      <c r="G706" s="3"/>
      <c r="H706" s="3"/>
      <c r="I706" s="3"/>
      <c r="J706" s="3"/>
      <c r="K706" s="14"/>
      <c r="L706" s="3"/>
    </row>
    <row r="707" spans="1:12" ht="16.5" customHeight="1" x14ac:dyDescent="0.3">
      <c r="A707" s="11"/>
      <c r="B707" s="11"/>
      <c r="C707" s="42"/>
      <c r="D707" s="3"/>
      <c r="E707" s="3"/>
      <c r="F707" s="3"/>
      <c r="G707" s="3"/>
      <c r="H707" s="3"/>
      <c r="I707" s="3"/>
      <c r="J707" s="3"/>
      <c r="K707" s="14"/>
      <c r="L707" s="3"/>
    </row>
    <row r="708" spans="1:12" ht="16.5" customHeight="1" x14ac:dyDescent="0.3">
      <c r="A708" s="11"/>
      <c r="B708" s="11"/>
      <c r="C708" s="42"/>
      <c r="D708" s="3"/>
      <c r="E708" s="3"/>
      <c r="F708" s="3"/>
      <c r="G708" s="3"/>
      <c r="H708" s="3"/>
      <c r="I708" s="3"/>
      <c r="J708" s="3"/>
      <c r="K708" s="14"/>
      <c r="L708" s="3"/>
    </row>
    <row r="709" spans="1:12" ht="16.5" customHeight="1" x14ac:dyDescent="0.3">
      <c r="A709" s="11"/>
      <c r="B709" s="11"/>
      <c r="C709" s="42"/>
      <c r="D709" s="3"/>
      <c r="E709" s="3"/>
      <c r="F709" s="3"/>
      <c r="G709" s="3"/>
      <c r="H709" s="3"/>
      <c r="I709" s="3"/>
      <c r="J709" s="3"/>
      <c r="K709" s="14"/>
      <c r="L709" s="3"/>
    </row>
    <row r="710" spans="1:12" ht="16.5" customHeight="1" x14ac:dyDescent="0.3">
      <c r="A710" s="11"/>
      <c r="B710" s="11"/>
      <c r="C710" s="42"/>
      <c r="D710" s="3"/>
      <c r="E710" s="3"/>
      <c r="F710" s="3"/>
      <c r="G710" s="3"/>
      <c r="H710" s="3"/>
      <c r="I710" s="3"/>
      <c r="J710" s="3"/>
      <c r="K710" s="14"/>
      <c r="L710" s="3"/>
    </row>
    <row r="711" spans="1:12" ht="16.5" customHeight="1" x14ac:dyDescent="0.3">
      <c r="A711" s="11"/>
      <c r="B711" s="11"/>
      <c r="C711" s="42"/>
      <c r="D711" s="3"/>
      <c r="E711" s="3"/>
      <c r="F711" s="3"/>
      <c r="G711" s="3"/>
      <c r="H711" s="3"/>
      <c r="I711" s="3"/>
      <c r="J711" s="3"/>
      <c r="K711" s="14"/>
      <c r="L711" s="3"/>
    </row>
    <row r="712" spans="1:12" ht="16.5" customHeight="1" x14ac:dyDescent="0.3">
      <c r="A712" s="11"/>
      <c r="B712" s="11"/>
      <c r="C712" s="42"/>
      <c r="D712" s="3"/>
      <c r="E712" s="3"/>
      <c r="F712" s="3"/>
      <c r="G712" s="3"/>
      <c r="H712" s="3"/>
      <c r="I712" s="3"/>
      <c r="J712" s="3"/>
      <c r="K712" s="14"/>
      <c r="L712" s="3"/>
    </row>
    <row r="713" spans="1:12" ht="16.5" customHeight="1" x14ac:dyDescent="0.3">
      <c r="A713" s="11"/>
      <c r="B713" s="11"/>
      <c r="C713" s="42"/>
      <c r="D713" s="3"/>
      <c r="E713" s="3"/>
      <c r="F713" s="3"/>
      <c r="G713" s="3"/>
      <c r="H713" s="3"/>
      <c r="I713" s="3"/>
      <c r="J713" s="3"/>
      <c r="K713" s="14"/>
      <c r="L713" s="3"/>
    </row>
    <row r="714" spans="1:12" ht="16.5" customHeight="1" x14ac:dyDescent="0.3">
      <c r="A714" s="11"/>
      <c r="B714" s="11"/>
      <c r="C714" s="42"/>
      <c r="D714" s="3"/>
      <c r="E714" s="3"/>
      <c r="F714" s="3"/>
      <c r="G714" s="3"/>
      <c r="H714" s="3"/>
      <c r="I714" s="3"/>
      <c r="J714" s="3"/>
      <c r="K714" s="14"/>
      <c r="L714" s="3"/>
    </row>
    <row r="715" spans="1:12" ht="16.5" customHeight="1" x14ac:dyDescent="0.3">
      <c r="A715" s="11"/>
      <c r="B715" s="11"/>
      <c r="C715" s="42"/>
      <c r="D715" s="3"/>
      <c r="E715" s="3"/>
      <c r="F715" s="3"/>
      <c r="G715" s="3"/>
      <c r="H715" s="3"/>
      <c r="I715" s="3"/>
      <c r="J715" s="3"/>
      <c r="K715" s="14"/>
      <c r="L715" s="3"/>
    </row>
    <row r="716" spans="1:12" ht="16.5" customHeight="1" x14ac:dyDescent="0.3">
      <c r="A716" s="11"/>
      <c r="B716" s="11"/>
      <c r="C716" s="42"/>
      <c r="D716" s="3"/>
      <c r="E716" s="3"/>
      <c r="F716" s="3"/>
      <c r="G716" s="3"/>
      <c r="H716" s="3"/>
      <c r="I716" s="3"/>
      <c r="J716" s="3"/>
      <c r="K716" s="14"/>
      <c r="L716" s="3"/>
    </row>
    <row r="717" spans="1:12" ht="16.5" customHeight="1" x14ac:dyDescent="0.3">
      <c r="A717" s="11"/>
      <c r="B717" s="11"/>
      <c r="C717" s="42"/>
      <c r="D717" s="3"/>
      <c r="E717" s="3"/>
      <c r="F717" s="3"/>
      <c r="G717" s="3"/>
      <c r="H717" s="3"/>
      <c r="I717" s="3"/>
      <c r="J717" s="3"/>
      <c r="K717" s="14"/>
      <c r="L717" s="3"/>
    </row>
    <row r="718" spans="1:12" ht="16.5" customHeight="1" x14ac:dyDescent="0.3">
      <c r="A718" s="11"/>
      <c r="B718" s="11"/>
      <c r="C718" s="42"/>
      <c r="D718" s="3"/>
      <c r="E718" s="3"/>
      <c r="F718" s="3"/>
      <c r="G718" s="3"/>
      <c r="H718" s="3"/>
      <c r="I718" s="3"/>
      <c r="J718" s="3"/>
      <c r="K718" s="14"/>
      <c r="L718" s="3"/>
    </row>
    <row r="719" spans="1:12" ht="16.5" customHeight="1" x14ac:dyDescent="0.3">
      <c r="A719" s="11"/>
      <c r="B719" s="11"/>
      <c r="C719" s="42"/>
      <c r="D719" s="3"/>
      <c r="E719" s="3"/>
      <c r="F719" s="3"/>
      <c r="G719" s="3"/>
      <c r="H719" s="3"/>
      <c r="I719" s="3"/>
      <c r="J719" s="3"/>
      <c r="K719" s="14"/>
      <c r="L719" s="3"/>
    </row>
    <row r="720" spans="1:12" ht="16.5" customHeight="1" x14ac:dyDescent="0.3">
      <c r="A720" s="11"/>
      <c r="B720" s="11"/>
      <c r="C720" s="42"/>
      <c r="D720" s="3"/>
      <c r="E720" s="3"/>
      <c r="F720" s="3"/>
      <c r="G720" s="3"/>
      <c r="H720" s="3"/>
      <c r="I720" s="3"/>
      <c r="J720" s="3"/>
      <c r="K720" s="14"/>
      <c r="L720" s="3"/>
    </row>
    <row r="721" spans="1:12" ht="16.5" customHeight="1" x14ac:dyDescent="0.3">
      <c r="A721" s="11"/>
      <c r="B721" s="11"/>
      <c r="C721" s="42"/>
      <c r="D721" s="3"/>
      <c r="E721" s="3"/>
      <c r="F721" s="3"/>
      <c r="G721" s="3"/>
      <c r="H721" s="3"/>
      <c r="I721" s="3"/>
      <c r="J721" s="3"/>
      <c r="K721" s="14"/>
      <c r="L721" s="3"/>
    </row>
    <row r="722" spans="1:12" ht="16.5" customHeight="1" x14ac:dyDescent="0.3">
      <c r="A722" s="11"/>
      <c r="B722" s="11"/>
      <c r="C722" s="42"/>
      <c r="D722" s="3"/>
      <c r="E722" s="3"/>
      <c r="F722" s="3"/>
      <c r="G722" s="3"/>
      <c r="H722" s="3"/>
      <c r="I722" s="3"/>
      <c r="J722" s="3"/>
      <c r="K722" s="14"/>
      <c r="L722" s="3"/>
    </row>
    <row r="723" spans="1:12" ht="16.5" customHeight="1" x14ac:dyDescent="0.3">
      <c r="A723" s="11"/>
      <c r="B723" s="11"/>
      <c r="C723" s="42"/>
      <c r="D723" s="3"/>
      <c r="E723" s="3"/>
      <c r="F723" s="3"/>
      <c r="G723" s="3"/>
      <c r="H723" s="3"/>
      <c r="I723" s="3"/>
      <c r="J723" s="3"/>
      <c r="K723" s="14"/>
      <c r="L723" s="3"/>
    </row>
    <row r="724" spans="1:12" ht="16.5" customHeight="1" x14ac:dyDescent="0.3">
      <c r="A724" s="11"/>
      <c r="B724" s="11"/>
      <c r="C724" s="42"/>
      <c r="D724" s="3"/>
      <c r="E724" s="3"/>
      <c r="F724" s="3"/>
      <c r="G724" s="3"/>
      <c r="H724" s="3"/>
      <c r="I724" s="3"/>
      <c r="J724" s="3"/>
      <c r="K724" s="14"/>
      <c r="L724" s="3"/>
    </row>
    <row r="725" spans="1:12" ht="16.5" customHeight="1" x14ac:dyDescent="0.3">
      <c r="A725" s="11"/>
      <c r="B725" s="11"/>
      <c r="C725" s="42"/>
      <c r="D725" s="3"/>
      <c r="E725" s="3"/>
      <c r="F725" s="3"/>
      <c r="G725" s="3"/>
      <c r="H725" s="3"/>
      <c r="I725" s="3"/>
      <c r="J725" s="3"/>
      <c r="K725" s="14"/>
      <c r="L725" s="3"/>
    </row>
    <row r="726" spans="1:12" ht="16.5" customHeight="1" x14ac:dyDescent="0.3">
      <c r="A726" s="11"/>
      <c r="B726" s="11"/>
      <c r="C726" s="42"/>
      <c r="D726" s="3"/>
      <c r="E726" s="3"/>
      <c r="F726" s="3"/>
      <c r="G726" s="3"/>
      <c r="H726" s="3"/>
      <c r="I726" s="3"/>
      <c r="J726" s="3"/>
      <c r="K726" s="14"/>
      <c r="L726" s="3"/>
    </row>
    <row r="727" spans="1:12" ht="16.5" customHeight="1" x14ac:dyDescent="0.3">
      <c r="A727" s="11"/>
      <c r="B727" s="11"/>
      <c r="C727" s="42"/>
      <c r="D727" s="3"/>
      <c r="E727" s="3"/>
      <c r="F727" s="3"/>
      <c r="G727" s="3"/>
      <c r="H727" s="3"/>
      <c r="I727" s="3"/>
      <c r="J727" s="3"/>
      <c r="K727" s="14"/>
      <c r="L727" s="3"/>
    </row>
    <row r="728" spans="1:12" ht="16.5" customHeight="1" x14ac:dyDescent="0.3">
      <c r="A728" s="11"/>
      <c r="B728" s="11"/>
      <c r="C728" s="42"/>
      <c r="D728" s="3"/>
      <c r="E728" s="3"/>
      <c r="F728" s="3"/>
      <c r="G728" s="3"/>
      <c r="H728" s="3"/>
      <c r="I728" s="3"/>
      <c r="J728" s="3"/>
      <c r="K728" s="14"/>
      <c r="L728" s="3"/>
    </row>
    <row r="729" spans="1:12" ht="16.5" customHeight="1" x14ac:dyDescent="0.3">
      <c r="A729" s="11"/>
      <c r="B729" s="11"/>
      <c r="C729" s="42"/>
      <c r="D729" s="3"/>
      <c r="E729" s="3"/>
      <c r="F729" s="3"/>
      <c r="G729" s="3"/>
      <c r="H729" s="3"/>
      <c r="I729" s="3"/>
      <c r="J729" s="3"/>
      <c r="K729" s="14"/>
      <c r="L729" s="3"/>
    </row>
    <row r="730" spans="1:12" ht="16.5" customHeight="1" x14ac:dyDescent="0.3">
      <c r="A730" s="11"/>
      <c r="B730" s="11"/>
      <c r="C730" s="42"/>
      <c r="D730" s="3"/>
      <c r="E730" s="3"/>
      <c r="F730" s="3"/>
      <c r="G730" s="3"/>
      <c r="H730" s="3"/>
      <c r="I730" s="3"/>
      <c r="J730" s="3"/>
      <c r="K730" s="14"/>
      <c r="L730" s="3"/>
    </row>
    <row r="731" spans="1:12" ht="16.5" customHeight="1" x14ac:dyDescent="0.3">
      <c r="A731" s="11"/>
      <c r="B731" s="11"/>
      <c r="C731" s="42"/>
      <c r="D731" s="3"/>
      <c r="E731" s="3"/>
      <c r="F731" s="3"/>
      <c r="G731" s="3"/>
      <c r="H731" s="3"/>
      <c r="I731" s="3"/>
      <c r="J731" s="3"/>
      <c r="K731" s="14"/>
      <c r="L731" s="3"/>
    </row>
    <row r="732" spans="1:12" ht="16.5" customHeight="1" x14ac:dyDescent="0.3">
      <c r="A732" s="11"/>
      <c r="B732" s="11"/>
      <c r="C732" s="42"/>
      <c r="D732" s="3"/>
      <c r="E732" s="3"/>
      <c r="F732" s="3"/>
      <c r="G732" s="3"/>
      <c r="H732" s="3"/>
      <c r="I732" s="3"/>
      <c r="J732" s="3"/>
      <c r="K732" s="14"/>
      <c r="L732" s="3"/>
    </row>
    <row r="733" spans="1:12" ht="16.5" customHeight="1" x14ac:dyDescent="0.3">
      <c r="A733" s="11"/>
      <c r="B733" s="11"/>
      <c r="C733" s="42"/>
      <c r="D733" s="3"/>
      <c r="E733" s="3"/>
      <c r="F733" s="3"/>
      <c r="G733" s="3"/>
      <c r="H733" s="3"/>
      <c r="I733" s="3"/>
      <c r="J733" s="3"/>
      <c r="K733" s="14"/>
      <c r="L733" s="3"/>
    </row>
    <row r="734" spans="1:12" ht="16.5" customHeight="1" x14ac:dyDescent="0.3">
      <c r="A734" s="11"/>
      <c r="B734" s="11"/>
      <c r="C734" s="42"/>
      <c r="D734" s="3"/>
      <c r="E734" s="3"/>
      <c r="F734" s="3"/>
      <c r="G734" s="3"/>
      <c r="H734" s="3"/>
      <c r="I734" s="3"/>
      <c r="J734" s="3"/>
      <c r="K734" s="14"/>
      <c r="L734" s="3"/>
    </row>
    <row r="735" spans="1:12" ht="16.5" customHeight="1" x14ac:dyDescent="0.3">
      <c r="A735" s="11"/>
      <c r="B735" s="11"/>
      <c r="C735" s="42"/>
      <c r="D735" s="3"/>
      <c r="E735" s="3"/>
      <c r="F735" s="3"/>
      <c r="G735" s="3"/>
      <c r="H735" s="3"/>
      <c r="I735" s="3"/>
      <c r="J735" s="3"/>
      <c r="K735" s="14"/>
      <c r="L735" s="3"/>
    </row>
    <row r="736" spans="1:12" ht="16.5" customHeight="1" x14ac:dyDescent="0.3">
      <c r="A736" s="11"/>
      <c r="B736" s="11"/>
      <c r="C736" s="42"/>
      <c r="D736" s="3"/>
      <c r="E736" s="3"/>
      <c r="F736" s="3"/>
      <c r="G736" s="3"/>
      <c r="H736" s="3"/>
      <c r="I736" s="3"/>
      <c r="J736" s="3"/>
      <c r="K736" s="14"/>
      <c r="L736" s="3"/>
    </row>
    <row r="737" spans="1:12" ht="16.5" customHeight="1" x14ac:dyDescent="0.3">
      <c r="A737" s="11"/>
      <c r="B737" s="11"/>
      <c r="C737" s="42"/>
      <c r="D737" s="3"/>
      <c r="E737" s="3"/>
      <c r="F737" s="3"/>
      <c r="G737" s="3"/>
      <c r="H737" s="3"/>
      <c r="I737" s="3"/>
      <c r="J737" s="3"/>
      <c r="K737" s="14"/>
      <c r="L737" s="3"/>
    </row>
    <row r="738" spans="1:12" ht="16.5" customHeight="1" x14ac:dyDescent="0.3">
      <c r="A738" s="11"/>
      <c r="B738" s="11"/>
      <c r="C738" s="42"/>
      <c r="D738" s="3"/>
      <c r="E738" s="3"/>
      <c r="F738" s="3"/>
      <c r="G738" s="3"/>
      <c r="H738" s="3"/>
      <c r="I738" s="3"/>
      <c r="J738" s="3"/>
      <c r="K738" s="14"/>
      <c r="L738" s="3"/>
    </row>
    <row r="739" spans="1:12" ht="16.5" customHeight="1" x14ac:dyDescent="0.3">
      <c r="A739" s="11"/>
      <c r="B739" s="11"/>
      <c r="C739" s="42"/>
      <c r="D739" s="3"/>
      <c r="E739" s="3"/>
      <c r="F739" s="3"/>
      <c r="G739" s="3"/>
      <c r="H739" s="3"/>
      <c r="I739" s="3"/>
      <c r="J739" s="3"/>
      <c r="K739" s="14"/>
      <c r="L739" s="3"/>
    </row>
    <row r="740" spans="1:12" ht="16.5" customHeight="1" x14ac:dyDescent="0.3">
      <c r="A740" s="11"/>
      <c r="B740" s="11"/>
      <c r="C740" s="42"/>
      <c r="D740" s="3"/>
      <c r="E740" s="3"/>
      <c r="F740" s="3"/>
      <c r="G740" s="3"/>
      <c r="H740" s="3"/>
      <c r="I740" s="3"/>
      <c r="J740" s="3"/>
      <c r="K740" s="14"/>
      <c r="L740" s="3"/>
    </row>
    <row r="741" spans="1:12" ht="16.5" customHeight="1" x14ac:dyDescent="0.3">
      <c r="A741" s="11"/>
      <c r="B741" s="11"/>
      <c r="C741" s="42"/>
      <c r="D741" s="3"/>
      <c r="E741" s="3"/>
      <c r="F741" s="3"/>
      <c r="G741" s="3"/>
      <c r="H741" s="3"/>
      <c r="I741" s="3"/>
      <c r="J741" s="3"/>
      <c r="K741" s="14"/>
      <c r="L741" s="3"/>
    </row>
    <row r="742" spans="1:12" ht="16.5" customHeight="1" x14ac:dyDescent="0.3">
      <c r="A742" s="11"/>
      <c r="B742" s="11"/>
      <c r="C742" s="42"/>
      <c r="D742" s="3"/>
      <c r="E742" s="3"/>
      <c r="F742" s="3"/>
      <c r="G742" s="3"/>
      <c r="H742" s="3"/>
      <c r="I742" s="3"/>
      <c r="J742" s="3"/>
      <c r="K742" s="14"/>
      <c r="L742" s="3"/>
    </row>
    <row r="743" spans="1:12" ht="16.5" customHeight="1" x14ac:dyDescent="0.3">
      <c r="A743" s="11"/>
      <c r="B743" s="11"/>
      <c r="C743" s="42"/>
      <c r="D743" s="3"/>
      <c r="E743" s="3"/>
      <c r="F743" s="3"/>
      <c r="G743" s="3"/>
      <c r="H743" s="3"/>
      <c r="I743" s="3"/>
      <c r="J743" s="3"/>
      <c r="K743" s="14"/>
      <c r="L743" s="3"/>
    </row>
    <row r="744" spans="1:12" ht="16.5" customHeight="1" x14ac:dyDescent="0.3">
      <c r="A744" s="11"/>
      <c r="B744" s="11"/>
      <c r="C744" s="42"/>
      <c r="D744" s="3"/>
      <c r="E744" s="3"/>
      <c r="F744" s="3"/>
      <c r="G744" s="3"/>
      <c r="H744" s="3"/>
      <c r="I744" s="3"/>
      <c r="J744" s="3"/>
      <c r="K744" s="14"/>
      <c r="L744" s="3"/>
    </row>
    <row r="745" spans="1:12" ht="16.5" customHeight="1" x14ac:dyDescent="0.3">
      <c r="A745" s="11"/>
      <c r="B745" s="11"/>
      <c r="C745" s="42"/>
      <c r="D745" s="3"/>
      <c r="E745" s="3"/>
      <c r="F745" s="3"/>
      <c r="G745" s="3"/>
      <c r="H745" s="3"/>
      <c r="I745" s="3"/>
      <c r="J745" s="3"/>
      <c r="K745" s="14"/>
      <c r="L745" s="3"/>
    </row>
    <row r="746" spans="1:12" ht="16.5" customHeight="1" x14ac:dyDescent="0.3">
      <c r="A746" s="11"/>
      <c r="B746" s="11"/>
      <c r="C746" s="42"/>
      <c r="D746" s="3"/>
      <c r="E746" s="3"/>
      <c r="F746" s="3"/>
      <c r="G746" s="3"/>
      <c r="H746" s="3"/>
      <c r="I746" s="3"/>
      <c r="J746" s="3"/>
      <c r="K746" s="14"/>
      <c r="L746" s="3"/>
    </row>
    <row r="747" spans="1:12" ht="16.5" customHeight="1" x14ac:dyDescent="0.3">
      <c r="A747" s="11"/>
      <c r="B747" s="11"/>
      <c r="C747" s="42"/>
      <c r="D747" s="3"/>
      <c r="E747" s="3"/>
      <c r="F747" s="3"/>
      <c r="G747" s="3"/>
      <c r="H747" s="3"/>
      <c r="I747" s="3"/>
      <c r="J747" s="3"/>
      <c r="K747" s="14"/>
      <c r="L747" s="3"/>
    </row>
    <row r="748" spans="1:12" ht="16.5" customHeight="1" x14ac:dyDescent="0.3">
      <c r="A748" s="11"/>
      <c r="B748" s="11"/>
      <c r="C748" s="42"/>
      <c r="D748" s="3"/>
      <c r="E748" s="3"/>
      <c r="F748" s="3"/>
      <c r="G748" s="3"/>
      <c r="H748" s="3"/>
      <c r="I748" s="3"/>
      <c r="J748" s="3"/>
      <c r="K748" s="14"/>
      <c r="L748" s="3"/>
    </row>
    <row r="749" spans="1:12" ht="16.5" customHeight="1" x14ac:dyDescent="0.3">
      <c r="A749" s="11"/>
      <c r="B749" s="11"/>
      <c r="C749" s="42"/>
      <c r="D749" s="3"/>
      <c r="E749" s="3"/>
      <c r="F749" s="3"/>
      <c r="G749" s="3"/>
      <c r="H749" s="3"/>
      <c r="I749" s="3"/>
      <c r="J749" s="3"/>
      <c r="K749" s="14"/>
      <c r="L749" s="3"/>
    </row>
    <row r="750" spans="1:12" ht="16.5" customHeight="1" x14ac:dyDescent="0.3">
      <c r="A750" s="11"/>
      <c r="B750" s="11"/>
      <c r="C750" s="42"/>
      <c r="D750" s="3"/>
      <c r="E750" s="3"/>
      <c r="F750" s="3"/>
      <c r="G750" s="3"/>
      <c r="H750" s="3"/>
      <c r="I750" s="3"/>
      <c r="J750" s="3"/>
      <c r="K750" s="14"/>
      <c r="L750" s="3"/>
    </row>
    <row r="751" spans="1:12" ht="16.5" customHeight="1" x14ac:dyDescent="0.3">
      <c r="A751" s="11"/>
      <c r="B751" s="11"/>
      <c r="C751" s="42"/>
      <c r="D751" s="3"/>
      <c r="E751" s="3"/>
      <c r="F751" s="3"/>
      <c r="G751" s="3"/>
      <c r="H751" s="3"/>
      <c r="I751" s="3"/>
      <c r="J751" s="3"/>
      <c r="K751" s="14"/>
      <c r="L751" s="3"/>
    </row>
    <row r="752" spans="1:12" ht="16.5" customHeight="1" x14ac:dyDescent="0.3">
      <c r="A752" s="11"/>
      <c r="B752" s="11"/>
      <c r="C752" s="42"/>
      <c r="D752" s="3"/>
      <c r="E752" s="3"/>
      <c r="F752" s="3"/>
      <c r="G752" s="3"/>
      <c r="H752" s="3"/>
      <c r="I752" s="3"/>
      <c r="J752" s="3"/>
      <c r="K752" s="14"/>
      <c r="L752" s="3"/>
    </row>
    <row r="753" spans="1:12" ht="16.5" customHeight="1" x14ac:dyDescent="0.3">
      <c r="A753" s="11"/>
      <c r="B753" s="11"/>
      <c r="C753" s="42"/>
      <c r="D753" s="3"/>
      <c r="E753" s="3"/>
      <c r="F753" s="3"/>
      <c r="G753" s="3"/>
      <c r="H753" s="3"/>
      <c r="I753" s="3"/>
      <c r="J753" s="3"/>
      <c r="K753" s="14"/>
      <c r="L753" s="3"/>
    </row>
    <row r="754" spans="1:12" ht="16.5" customHeight="1" x14ac:dyDescent="0.3">
      <c r="A754" s="11"/>
      <c r="B754" s="11"/>
      <c r="C754" s="42"/>
      <c r="D754" s="3"/>
      <c r="E754" s="3"/>
      <c r="F754" s="3"/>
      <c r="G754" s="3"/>
      <c r="H754" s="3"/>
      <c r="I754" s="3"/>
      <c r="J754" s="3"/>
      <c r="K754" s="14"/>
      <c r="L754" s="3"/>
    </row>
    <row r="755" spans="1:12" ht="16.5" customHeight="1" x14ac:dyDescent="0.3">
      <c r="A755" s="11"/>
      <c r="B755" s="11"/>
      <c r="C755" s="42"/>
      <c r="D755" s="3"/>
      <c r="E755" s="3"/>
      <c r="F755" s="3"/>
      <c r="G755" s="3"/>
      <c r="H755" s="3"/>
      <c r="I755" s="3"/>
      <c r="J755" s="3"/>
      <c r="K755" s="14"/>
      <c r="L755" s="3"/>
    </row>
    <row r="756" spans="1:12" ht="16.5" customHeight="1" x14ac:dyDescent="0.3">
      <c r="A756" s="11"/>
      <c r="B756" s="11"/>
      <c r="C756" s="42"/>
      <c r="D756" s="3"/>
      <c r="E756" s="3"/>
      <c r="F756" s="3"/>
      <c r="G756" s="3"/>
      <c r="H756" s="3"/>
      <c r="I756" s="3"/>
      <c r="J756" s="3"/>
      <c r="K756" s="14"/>
      <c r="L756" s="3"/>
    </row>
    <row r="757" spans="1:12" ht="16.5" customHeight="1" x14ac:dyDescent="0.3">
      <c r="A757" s="11"/>
      <c r="B757" s="11"/>
      <c r="C757" s="42"/>
      <c r="D757" s="3"/>
      <c r="E757" s="3"/>
      <c r="F757" s="3"/>
      <c r="G757" s="3"/>
      <c r="H757" s="3"/>
      <c r="I757" s="3"/>
      <c r="J757" s="3"/>
      <c r="K757" s="14"/>
      <c r="L757" s="3"/>
    </row>
    <row r="758" spans="1:12" ht="16.5" customHeight="1" x14ac:dyDescent="0.3">
      <c r="A758" s="11"/>
      <c r="B758" s="11"/>
      <c r="C758" s="42"/>
      <c r="D758" s="3"/>
      <c r="E758" s="3"/>
      <c r="F758" s="3"/>
      <c r="G758" s="3"/>
      <c r="H758" s="3"/>
      <c r="I758" s="3"/>
      <c r="J758" s="3"/>
      <c r="K758" s="14"/>
      <c r="L758" s="3"/>
    </row>
    <row r="759" spans="1:12" ht="16.5" customHeight="1" x14ac:dyDescent="0.3">
      <c r="A759" s="11"/>
      <c r="B759" s="11"/>
      <c r="C759" s="42"/>
      <c r="D759" s="3"/>
      <c r="E759" s="3"/>
      <c r="F759" s="3"/>
      <c r="G759" s="3"/>
      <c r="H759" s="3"/>
      <c r="I759" s="3"/>
      <c r="J759" s="3"/>
      <c r="K759" s="14"/>
      <c r="L759" s="3"/>
    </row>
    <row r="760" spans="1:12" ht="16.5" customHeight="1" x14ac:dyDescent="0.3">
      <c r="A760" s="11"/>
      <c r="B760" s="11"/>
      <c r="C760" s="42"/>
      <c r="D760" s="3"/>
      <c r="E760" s="3"/>
      <c r="F760" s="3"/>
      <c r="G760" s="3"/>
      <c r="H760" s="3"/>
      <c r="I760" s="3"/>
      <c r="J760" s="3"/>
      <c r="K760" s="14"/>
      <c r="L760" s="3"/>
    </row>
    <row r="761" spans="1:12" ht="16.5" customHeight="1" x14ac:dyDescent="0.3">
      <c r="A761" s="11"/>
      <c r="B761" s="11"/>
      <c r="C761" s="42"/>
      <c r="D761" s="3"/>
      <c r="E761" s="3"/>
      <c r="F761" s="3"/>
      <c r="G761" s="3"/>
      <c r="H761" s="3"/>
      <c r="I761" s="3"/>
      <c r="J761" s="3"/>
      <c r="K761" s="14"/>
      <c r="L761" s="3"/>
    </row>
    <row r="762" spans="1:12" ht="16.5" customHeight="1" x14ac:dyDescent="0.3">
      <c r="A762" s="11"/>
      <c r="B762" s="11"/>
      <c r="C762" s="42"/>
      <c r="D762" s="3"/>
      <c r="E762" s="3"/>
      <c r="F762" s="3"/>
      <c r="G762" s="3"/>
      <c r="H762" s="3"/>
      <c r="I762" s="3"/>
      <c r="J762" s="3"/>
      <c r="K762" s="14"/>
      <c r="L762" s="3"/>
    </row>
    <row r="763" spans="1:12" ht="16.5" customHeight="1" x14ac:dyDescent="0.3">
      <c r="A763" s="11"/>
      <c r="B763" s="11"/>
      <c r="C763" s="42"/>
      <c r="D763" s="3"/>
      <c r="E763" s="3"/>
      <c r="F763" s="3"/>
      <c r="G763" s="3"/>
      <c r="H763" s="3"/>
      <c r="I763" s="3"/>
      <c r="J763" s="3"/>
      <c r="K763" s="14"/>
      <c r="L763" s="3"/>
    </row>
    <row r="764" spans="1:12" ht="16.5" customHeight="1" x14ac:dyDescent="0.3">
      <c r="A764" s="11"/>
      <c r="B764" s="11"/>
      <c r="C764" s="42"/>
      <c r="D764" s="3"/>
      <c r="E764" s="3"/>
      <c r="F764" s="3"/>
      <c r="G764" s="3"/>
      <c r="H764" s="3"/>
      <c r="I764" s="3"/>
      <c r="J764" s="3"/>
      <c r="K764" s="14"/>
      <c r="L764" s="3"/>
    </row>
    <row r="765" spans="1:12" ht="16.5" customHeight="1" x14ac:dyDescent="0.3">
      <c r="A765" s="11"/>
      <c r="B765" s="11"/>
      <c r="C765" s="42"/>
      <c r="D765" s="3"/>
      <c r="E765" s="3"/>
      <c r="F765" s="3"/>
      <c r="G765" s="3"/>
      <c r="H765" s="3"/>
      <c r="I765" s="3"/>
      <c r="J765" s="3"/>
      <c r="K765" s="14"/>
      <c r="L765" s="3"/>
    </row>
    <row r="766" spans="1:12" ht="16.5" customHeight="1" x14ac:dyDescent="0.3">
      <c r="A766" s="11"/>
      <c r="B766" s="11"/>
      <c r="C766" s="42"/>
      <c r="D766" s="3"/>
      <c r="E766" s="3"/>
      <c r="F766" s="3"/>
      <c r="G766" s="3"/>
      <c r="H766" s="3"/>
      <c r="I766" s="3"/>
      <c r="J766" s="3"/>
      <c r="K766" s="14"/>
      <c r="L766" s="3"/>
    </row>
    <row r="767" spans="1:12" ht="16.5" customHeight="1" x14ac:dyDescent="0.3">
      <c r="A767" s="11"/>
      <c r="B767" s="11"/>
      <c r="C767" s="42"/>
      <c r="D767" s="3"/>
      <c r="E767" s="3"/>
      <c r="F767" s="3"/>
      <c r="G767" s="3"/>
      <c r="H767" s="3"/>
      <c r="I767" s="3"/>
      <c r="J767" s="3"/>
      <c r="K767" s="14"/>
      <c r="L767" s="3"/>
    </row>
    <row r="768" spans="1:12" ht="16.5" customHeight="1" x14ac:dyDescent="0.3">
      <c r="A768" s="11"/>
      <c r="B768" s="11"/>
      <c r="C768" s="42"/>
      <c r="D768" s="3"/>
      <c r="E768" s="3"/>
      <c r="F768" s="3"/>
      <c r="G768" s="3"/>
      <c r="H768" s="3"/>
      <c r="I768" s="3"/>
      <c r="J768" s="3"/>
      <c r="K768" s="14"/>
      <c r="L768" s="3"/>
    </row>
    <row r="769" spans="1:12" ht="16.5" customHeight="1" x14ac:dyDescent="0.3">
      <c r="A769" s="11"/>
      <c r="B769" s="11"/>
      <c r="C769" s="42"/>
      <c r="D769" s="3"/>
      <c r="E769" s="3"/>
      <c r="F769" s="3"/>
      <c r="G769" s="3"/>
      <c r="H769" s="3"/>
      <c r="I769" s="3"/>
      <c r="J769" s="3"/>
      <c r="K769" s="14"/>
      <c r="L769" s="3"/>
    </row>
    <row r="770" spans="1:12" ht="16.5" customHeight="1" x14ac:dyDescent="0.3">
      <c r="A770" s="11"/>
      <c r="B770" s="11"/>
      <c r="C770" s="42"/>
      <c r="D770" s="3"/>
      <c r="E770" s="3"/>
      <c r="F770" s="3"/>
      <c r="G770" s="3"/>
      <c r="H770" s="3"/>
      <c r="I770" s="3"/>
      <c r="J770" s="3"/>
      <c r="K770" s="14"/>
      <c r="L770" s="3"/>
    </row>
    <row r="771" spans="1:12" ht="16.5" customHeight="1" x14ac:dyDescent="0.3">
      <c r="A771" s="11"/>
      <c r="B771" s="11"/>
      <c r="C771" s="42"/>
      <c r="D771" s="3"/>
      <c r="E771" s="3"/>
      <c r="F771" s="3"/>
      <c r="G771" s="3"/>
      <c r="H771" s="3"/>
      <c r="I771" s="3"/>
      <c r="J771" s="3"/>
      <c r="K771" s="14"/>
      <c r="L771" s="3"/>
    </row>
    <row r="772" spans="1:12" ht="16.5" customHeight="1" x14ac:dyDescent="0.3">
      <c r="A772" s="11"/>
      <c r="B772" s="11"/>
      <c r="C772" s="42"/>
      <c r="D772" s="3"/>
      <c r="E772" s="3"/>
      <c r="F772" s="3"/>
      <c r="G772" s="3"/>
      <c r="H772" s="3"/>
      <c r="I772" s="3"/>
      <c r="J772" s="3"/>
      <c r="K772" s="14"/>
      <c r="L772" s="3"/>
    </row>
    <row r="773" spans="1:12" ht="16.5" customHeight="1" x14ac:dyDescent="0.3">
      <c r="A773" s="11"/>
      <c r="B773" s="11"/>
      <c r="C773" s="42"/>
      <c r="D773" s="3"/>
      <c r="E773" s="3"/>
      <c r="F773" s="3"/>
      <c r="G773" s="3"/>
      <c r="H773" s="3"/>
      <c r="I773" s="3"/>
      <c r="J773" s="3"/>
      <c r="K773" s="14"/>
      <c r="L773" s="3"/>
    </row>
    <row r="774" spans="1:12" ht="16.5" customHeight="1" x14ac:dyDescent="0.3">
      <c r="A774" s="11"/>
      <c r="B774" s="11"/>
      <c r="C774" s="42"/>
      <c r="D774" s="3"/>
      <c r="E774" s="3"/>
      <c r="F774" s="3"/>
      <c r="G774" s="3"/>
      <c r="H774" s="3"/>
      <c r="I774" s="3"/>
      <c r="J774" s="3"/>
      <c r="K774" s="14"/>
      <c r="L774" s="3"/>
    </row>
    <row r="775" spans="1:12" ht="16.5" customHeight="1" x14ac:dyDescent="0.3">
      <c r="A775" s="11"/>
      <c r="B775" s="11"/>
      <c r="C775" s="42"/>
      <c r="D775" s="3"/>
      <c r="E775" s="3"/>
      <c r="F775" s="3"/>
      <c r="G775" s="3"/>
      <c r="H775" s="3"/>
      <c r="I775" s="3"/>
      <c r="J775" s="3"/>
      <c r="K775" s="14"/>
      <c r="L775" s="3"/>
    </row>
    <row r="776" spans="1:12" ht="16.5" customHeight="1" x14ac:dyDescent="0.3">
      <c r="A776" s="11"/>
      <c r="B776" s="11"/>
      <c r="C776" s="42"/>
      <c r="D776" s="3"/>
      <c r="E776" s="3"/>
      <c r="F776" s="3"/>
      <c r="G776" s="3"/>
      <c r="H776" s="3"/>
      <c r="I776" s="3"/>
      <c r="J776" s="3"/>
      <c r="K776" s="14"/>
      <c r="L776" s="3"/>
    </row>
    <row r="777" spans="1:12" ht="16.5" customHeight="1" x14ac:dyDescent="0.3">
      <c r="A777" s="11"/>
      <c r="B777" s="11"/>
      <c r="C777" s="42"/>
      <c r="D777" s="3"/>
      <c r="E777" s="3"/>
      <c r="F777" s="3"/>
      <c r="G777" s="3"/>
      <c r="H777" s="3"/>
      <c r="I777" s="3"/>
      <c r="J777" s="3"/>
      <c r="K777" s="14"/>
      <c r="L777" s="3"/>
    </row>
    <row r="778" spans="1:12" ht="16.5" customHeight="1" x14ac:dyDescent="0.3">
      <c r="A778" s="11"/>
      <c r="B778" s="11"/>
      <c r="C778" s="42"/>
      <c r="D778" s="3"/>
      <c r="E778" s="3"/>
      <c r="F778" s="3"/>
      <c r="G778" s="3"/>
      <c r="H778" s="3"/>
      <c r="I778" s="3"/>
      <c r="J778" s="3"/>
      <c r="K778" s="14"/>
      <c r="L778" s="3"/>
    </row>
    <row r="779" spans="1:12" ht="16.5" customHeight="1" x14ac:dyDescent="0.3">
      <c r="A779" s="11"/>
      <c r="B779" s="11"/>
      <c r="C779" s="42"/>
      <c r="D779" s="3"/>
      <c r="E779" s="3"/>
      <c r="F779" s="3"/>
      <c r="G779" s="3"/>
      <c r="H779" s="3"/>
      <c r="I779" s="3"/>
      <c r="J779" s="3"/>
      <c r="K779" s="14"/>
      <c r="L779" s="3"/>
    </row>
    <row r="780" spans="1:12" ht="16.5" customHeight="1" x14ac:dyDescent="0.3">
      <c r="A780" s="11"/>
      <c r="B780" s="11"/>
      <c r="C780" s="42"/>
      <c r="D780" s="3"/>
      <c r="E780" s="3"/>
      <c r="F780" s="3"/>
      <c r="G780" s="3"/>
      <c r="H780" s="3"/>
      <c r="I780" s="3"/>
      <c r="J780" s="3"/>
      <c r="K780" s="14"/>
      <c r="L780" s="3"/>
    </row>
    <row r="781" spans="1:12" ht="16.5" customHeight="1" x14ac:dyDescent="0.3">
      <c r="A781" s="11"/>
      <c r="B781" s="11"/>
      <c r="C781" s="42"/>
      <c r="D781" s="3"/>
      <c r="E781" s="3"/>
      <c r="F781" s="3"/>
      <c r="G781" s="3"/>
      <c r="H781" s="3"/>
      <c r="I781" s="3"/>
      <c r="J781" s="3"/>
      <c r="K781" s="14"/>
      <c r="L781" s="3"/>
    </row>
    <row r="782" spans="1:12" ht="16.5" customHeight="1" x14ac:dyDescent="0.3">
      <c r="A782" s="11"/>
      <c r="B782" s="11"/>
      <c r="C782" s="42"/>
      <c r="D782" s="3"/>
      <c r="E782" s="3"/>
      <c r="F782" s="3"/>
      <c r="G782" s="3"/>
      <c r="H782" s="3"/>
      <c r="I782" s="3"/>
      <c r="J782" s="3"/>
      <c r="K782" s="14"/>
      <c r="L782" s="3"/>
    </row>
    <row r="783" spans="1:12" ht="16.5" customHeight="1" x14ac:dyDescent="0.3">
      <c r="A783" s="11"/>
      <c r="B783" s="11"/>
      <c r="C783" s="42"/>
      <c r="D783" s="3"/>
      <c r="E783" s="3"/>
      <c r="F783" s="3"/>
      <c r="G783" s="3"/>
      <c r="H783" s="3"/>
      <c r="I783" s="3"/>
      <c r="J783" s="3"/>
      <c r="K783" s="14"/>
      <c r="L783" s="3"/>
    </row>
    <row r="784" spans="1:12" ht="16.5" customHeight="1" x14ac:dyDescent="0.3">
      <c r="A784" s="11"/>
      <c r="B784" s="11"/>
      <c r="C784" s="42"/>
      <c r="D784" s="3"/>
      <c r="E784" s="3"/>
      <c r="F784" s="3"/>
      <c r="G784" s="3"/>
      <c r="H784" s="3"/>
      <c r="I784" s="3"/>
      <c r="J784" s="3"/>
      <c r="K784" s="14"/>
      <c r="L784" s="3"/>
    </row>
    <row r="785" spans="1:12" ht="16.5" customHeight="1" x14ac:dyDescent="0.3">
      <c r="A785" s="11"/>
      <c r="B785" s="11"/>
      <c r="C785" s="42"/>
      <c r="D785" s="3"/>
      <c r="E785" s="3"/>
      <c r="F785" s="3"/>
      <c r="G785" s="3"/>
      <c r="H785" s="3"/>
      <c r="I785" s="3"/>
      <c r="J785" s="3"/>
      <c r="K785" s="14"/>
      <c r="L785" s="3"/>
    </row>
    <row r="786" spans="1:12" ht="16.5" customHeight="1" x14ac:dyDescent="0.3">
      <c r="A786" s="11"/>
      <c r="B786" s="11"/>
      <c r="C786" s="42"/>
      <c r="D786" s="3"/>
      <c r="E786" s="3"/>
      <c r="F786" s="3"/>
      <c r="G786" s="3"/>
      <c r="H786" s="3"/>
      <c r="I786" s="3"/>
      <c r="J786" s="3"/>
      <c r="K786" s="14"/>
      <c r="L786" s="3"/>
    </row>
    <row r="787" spans="1:12" ht="16.5" customHeight="1" x14ac:dyDescent="0.3">
      <c r="A787" s="11"/>
      <c r="B787" s="11"/>
      <c r="C787" s="42"/>
      <c r="D787" s="3"/>
      <c r="E787" s="3"/>
      <c r="F787" s="3"/>
      <c r="G787" s="3"/>
      <c r="H787" s="3"/>
      <c r="I787" s="3"/>
      <c r="J787" s="3"/>
      <c r="K787" s="14"/>
      <c r="L787" s="3"/>
    </row>
    <row r="788" spans="1:12" ht="16.5" customHeight="1" x14ac:dyDescent="0.3">
      <c r="A788" s="11"/>
      <c r="B788" s="11"/>
      <c r="C788" s="42"/>
      <c r="D788" s="3"/>
      <c r="E788" s="3"/>
      <c r="F788" s="3"/>
      <c r="G788" s="3"/>
      <c r="H788" s="3"/>
      <c r="I788" s="3"/>
      <c r="J788" s="3"/>
      <c r="K788" s="14"/>
      <c r="L788" s="3"/>
    </row>
    <row r="789" spans="1:12" ht="16.5" customHeight="1" x14ac:dyDescent="0.3">
      <c r="A789" s="11"/>
      <c r="B789" s="11"/>
      <c r="C789" s="42"/>
      <c r="D789" s="3"/>
      <c r="E789" s="3"/>
      <c r="F789" s="3"/>
      <c r="G789" s="3"/>
      <c r="H789" s="3"/>
      <c r="I789" s="3"/>
      <c r="J789" s="3"/>
      <c r="K789" s="14"/>
      <c r="L789" s="3"/>
    </row>
    <row r="790" spans="1:12" ht="16.5" customHeight="1" x14ac:dyDescent="0.3">
      <c r="A790" s="11"/>
      <c r="B790" s="11"/>
      <c r="C790" s="42"/>
      <c r="D790" s="3"/>
      <c r="E790" s="3"/>
      <c r="F790" s="3"/>
      <c r="G790" s="3"/>
      <c r="H790" s="3"/>
      <c r="I790" s="3"/>
      <c r="J790" s="3"/>
      <c r="K790" s="14"/>
      <c r="L790" s="3"/>
    </row>
    <row r="791" spans="1:12" ht="16.5" customHeight="1" x14ac:dyDescent="0.3">
      <c r="A791" s="11"/>
      <c r="B791" s="11"/>
      <c r="C791" s="42"/>
      <c r="D791" s="3"/>
      <c r="E791" s="3"/>
      <c r="F791" s="3"/>
      <c r="G791" s="3"/>
      <c r="H791" s="3"/>
      <c r="I791" s="3"/>
      <c r="J791" s="3"/>
      <c r="K791" s="14"/>
      <c r="L791" s="3"/>
    </row>
    <row r="792" spans="1:12" ht="16.5" customHeight="1" x14ac:dyDescent="0.3">
      <c r="A792" s="11"/>
      <c r="B792" s="11"/>
      <c r="C792" s="42"/>
      <c r="D792" s="3"/>
      <c r="E792" s="3"/>
      <c r="F792" s="3"/>
      <c r="G792" s="3"/>
      <c r="H792" s="3"/>
      <c r="I792" s="3"/>
      <c r="J792" s="3"/>
      <c r="K792" s="14"/>
      <c r="L792" s="3"/>
    </row>
    <row r="793" spans="1:12" ht="16.5" customHeight="1" x14ac:dyDescent="0.3">
      <c r="A793" s="11"/>
      <c r="B793" s="11"/>
      <c r="C793" s="42"/>
      <c r="D793" s="3"/>
      <c r="E793" s="3"/>
      <c r="F793" s="3"/>
      <c r="G793" s="3"/>
      <c r="H793" s="3"/>
      <c r="I793" s="3"/>
      <c r="J793" s="3"/>
      <c r="K793" s="14"/>
      <c r="L793" s="3"/>
    </row>
    <row r="794" spans="1:12" ht="16.5" customHeight="1" x14ac:dyDescent="0.3">
      <c r="A794" s="11"/>
      <c r="B794" s="11"/>
      <c r="C794" s="42"/>
      <c r="D794" s="3"/>
      <c r="E794" s="3"/>
      <c r="F794" s="3"/>
      <c r="G794" s="3"/>
      <c r="H794" s="3"/>
      <c r="I794" s="3"/>
      <c r="J794" s="3"/>
      <c r="K794" s="14"/>
      <c r="L794" s="3"/>
    </row>
    <row r="795" spans="1:12" ht="16.5" customHeight="1" x14ac:dyDescent="0.3">
      <c r="A795" s="11"/>
      <c r="B795" s="11"/>
      <c r="C795" s="42"/>
      <c r="D795" s="3"/>
      <c r="E795" s="3"/>
      <c r="F795" s="3"/>
      <c r="G795" s="3"/>
      <c r="H795" s="3"/>
      <c r="I795" s="3"/>
      <c r="J795" s="3"/>
      <c r="K795" s="14"/>
      <c r="L795" s="3"/>
    </row>
    <row r="796" spans="1:12" ht="16.5" customHeight="1" x14ac:dyDescent="0.3">
      <c r="A796" s="11"/>
      <c r="B796" s="11"/>
      <c r="C796" s="42"/>
      <c r="D796" s="3"/>
      <c r="E796" s="3"/>
      <c r="F796" s="3"/>
      <c r="G796" s="3"/>
      <c r="H796" s="3"/>
      <c r="I796" s="3"/>
      <c r="J796" s="3"/>
      <c r="K796" s="14"/>
      <c r="L796" s="3"/>
    </row>
    <row r="797" spans="1:12" ht="16.5" customHeight="1" x14ac:dyDescent="0.3">
      <c r="A797" s="11"/>
      <c r="B797" s="11"/>
      <c r="C797" s="42"/>
      <c r="D797" s="3"/>
      <c r="E797" s="3"/>
      <c r="F797" s="3"/>
      <c r="G797" s="3"/>
      <c r="H797" s="3"/>
      <c r="I797" s="3"/>
      <c r="J797" s="3"/>
      <c r="K797" s="14"/>
      <c r="L797" s="3"/>
    </row>
    <row r="798" spans="1:12" ht="16.5" customHeight="1" x14ac:dyDescent="0.3">
      <c r="A798" s="11"/>
      <c r="B798" s="11"/>
      <c r="C798" s="42"/>
      <c r="D798" s="3"/>
      <c r="E798" s="3"/>
      <c r="F798" s="3"/>
      <c r="G798" s="3"/>
      <c r="H798" s="3"/>
      <c r="I798" s="3"/>
      <c r="J798" s="3"/>
      <c r="K798" s="14"/>
      <c r="L798" s="3"/>
    </row>
    <row r="799" spans="1:12" ht="16.5" customHeight="1" x14ac:dyDescent="0.3">
      <c r="A799" s="11"/>
      <c r="B799" s="11"/>
      <c r="C799" s="42"/>
      <c r="D799" s="3"/>
      <c r="E799" s="3"/>
      <c r="F799" s="3"/>
      <c r="G799" s="3"/>
      <c r="H799" s="3"/>
      <c r="I799" s="3"/>
      <c r="J799" s="3"/>
      <c r="K799" s="14"/>
      <c r="L799" s="3"/>
    </row>
    <row r="800" spans="1:12" ht="16.5" customHeight="1" x14ac:dyDescent="0.3">
      <c r="A800" s="11"/>
      <c r="B800" s="11"/>
      <c r="C800" s="42"/>
      <c r="D800" s="3"/>
      <c r="E800" s="3"/>
      <c r="F800" s="3"/>
      <c r="G800" s="3"/>
      <c r="H800" s="3"/>
      <c r="I800" s="3"/>
      <c r="J800" s="3"/>
      <c r="K800" s="14"/>
      <c r="L800" s="3"/>
    </row>
    <row r="801" spans="1:12" ht="16.5" customHeight="1" x14ac:dyDescent="0.3">
      <c r="A801" s="11"/>
      <c r="B801" s="11"/>
      <c r="C801" s="42"/>
      <c r="D801" s="3"/>
      <c r="E801" s="3"/>
      <c r="F801" s="3"/>
      <c r="G801" s="3"/>
      <c r="H801" s="3"/>
      <c r="I801" s="3"/>
      <c r="J801" s="3"/>
      <c r="K801" s="14"/>
      <c r="L801" s="3"/>
    </row>
    <row r="802" spans="1:12" ht="16.5" customHeight="1" x14ac:dyDescent="0.3">
      <c r="A802" s="11"/>
      <c r="B802" s="11"/>
      <c r="C802" s="42"/>
      <c r="D802" s="3"/>
      <c r="E802" s="3"/>
      <c r="F802" s="3"/>
      <c r="G802" s="3"/>
      <c r="H802" s="3"/>
      <c r="I802" s="3"/>
      <c r="J802" s="3"/>
      <c r="K802" s="14"/>
      <c r="L802" s="3"/>
    </row>
    <row r="803" spans="1:12" ht="16.5" customHeight="1" x14ac:dyDescent="0.3">
      <c r="A803" s="11"/>
      <c r="B803" s="11"/>
      <c r="C803" s="42"/>
      <c r="D803" s="3"/>
      <c r="E803" s="3"/>
      <c r="F803" s="3"/>
      <c r="G803" s="3"/>
      <c r="H803" s="3"/>
      <c r="I803" s="3"/>
      <c r="J803" s="3"/>
      <c r="K803" s="14"/>
      <c r="L803" s="3"/>
    </row>
    <row r="804" spans="1:12" ht="16.5" customHeight="1" x14ac:dyDescent="0.3">
      <c r="A804" s="11"/>
      <c r="B804" s="11"/>
      <c r="C804" s="42"/>
      <c r="D804" s="3"/>
      <c r="E804" s="3"/>
      <c r="F804" s="3"/>
      <c r="G804" s="3"/>
      <c r="H804" s="3"/>
      <c r="I804" s="3"/>
      <c r="J804" s="3"/>
      <c r="K804" s="14"/>
      <c r="L804" s="3"/>
    </row>
    <row r="805" spans="1:12" ht="16.5" customHeight="1" x14ac:dyDescent="0.3">
      <c r="A805" s="11"/>
      <c r="B805" s="11"/>
      <c r="C805" s="42"/>
      <c r="D805" s="3"/>
      <c r="E805" s="3"/>
      <c r="F805" s="3"/>
      <c r="G805" s="3"/>
      <c r="H805" s="3"/>
      <c r="I805" s="3"/>
      <c r="J805" s="3"/>
      <c r="K805" s="14"/>
      <c r="L805" s="3"/>
    </row>
    <row r="806" spans="1:12" ht="16.5" customHeight="1" x14ac:dyDescent="0.3">
      <c r="A806" s="11"/>
      <c r="B806" s="11"/>
      <c r="C806" s="42"/>
      <c r="D806" s="3"/>
      <c r="E806" s="3"/>
      <c r="F806" s="3"/>
      <c r="G806" s="3"/>
      <c r="H806" s="3"/>
      <c r="I806" s="3"/>
      <c r="J806" s="3"/>
      <c r="K806" s="14"/>
      <c r="L806" s="3"/>
    </row>
    <row r="807" spans="1:12" ht="16.5" customHeight="1" x14ac:dyDescent="0.3">
      <c r="A807" s="11"/>
      <c r="B807" s="11"/>
      <c r="C807" s="42"/>
      <c r="D807" s="3"/>
      <c r="E807" s="3"/>
      <c r="F807" s="3"/>
      <c r="G807" s="3"/>
      <c r="H807" s="3"/>
      <c r="I807" s="3"/>
      <c r="J807" s="3"/>
      <c r="K807" s="14"/>
      <c r="L807" s="3"/>
    </row>
    <row r="808" spans="1:12" ht="16.5" customHeight="1" x14ac:dyDescent="0.3">
      <c r="A808" s="11"/>
      <c r="B808" s="11"/>
      <c r="C808" s="42"/>
      <c r="D808" s="3"/>
      <c r="E808" s="3"/>
      <c r="F808" s="3"/>
      <c r="G808" s="3"/>
      <c r="H808" s="3"/>
      <c r="I808" s="3"/>
      <c r="J808" s="3"/>
      <c r="K808" s="14"/>
      <c r="L808" s="3"/>
    </row>
    <row r="809" spans="1:12" ht="16.5" customHeight="1" x14ac:dyDescent="0.3">
      <c r="A809" s="11"/>
      <c r="B809" s="11"/>
      <c r="C809" s="42"/>
      <c r="D809" s="3"/>
      <c r="E809" s="3"/>
      <c r="F809" s="3"/>
      <c r="G809" s="3"/>
      <c r="H809" s="3"/>
      <c r="I809" s="3"/>
      <c r="J809" s="3"/>
      <c r="K809" s="14"/>
      <c r="L809" s="3"/>
    </row>
    <row r="810" spans="1:12" ht="16.5" customHeight="1" x14ac:dyDescent="0.3">
      <c r="A810" s="11"/>
      <c r="B810" s="11"/>
      <c r="C810" s="42"/>
      <c r="D810" s="3"/>
      <c r="E810" s="3"/>
      <c r="F810" s="3"/>
      <c r="G810" s="3"/>
      <c r="H810" s="3"/>
      <c r="I810" s="3"/>
      <c r="J810" s="3"/>
      <c r="K810" s="14"/>
      <c r="L810" s="3"/>
    </row>
    <row r="811" spans="1:12" ht="16.5" customHeight="1" x14ac:dyDescent="0.3">
      <c r="A811" s="11"/>
      <c r="B811" s="11"/>
      <c r="C811" s="42"/>
      <c r="D811" s="3"/>
      <c r="E811" s="3"/>
      <c r="F811" s="3"/>
      <c r="G811" s="3"/>
      <c r="H811" s="3"/>
      <c r="I811" s="3"/>
      <c r="J811" s="3"/>
      <c r="K811" s="14"/>
      <c r="L811" s="3"/>
    </row>
    <row r="812" spans="1:12" ht="16.5" customHeight="1" x14ac:dyDescent="0.3">
      <c r="A812" s="11"/>
      <c r="B812" s="11"/>
      <c r="C812" s="42"/>
      <c r="D812" s="3"/>
      <c r="E812" s="3"/>
      <c r="F812" s="3"/>
      <c r="G812" s="3"/>
      <c r="H812" s="3"/>
      <c r="I812" s="3"/>
      <c r="J812" s="3"/>
      <c r="K812" s="14"/>
      <c r="L812" s="3"/>
    </row>
    <row r="813" spans="1:12" ht="16.5" customHeight="1" x14ac:dyDescent="0.3">
      <c r="A813" s="11"/>
      <c r="B813" s="11"/>
      <c r="C813" s="42"/>
      <c r="D813" s="3"/>
      <c r="E813" s="3"/>
      <c r="F813" s="3"/>
      <c r="G813" s="3"/>
      <c r="H813" s="3"/>
      <c r="I813" s="3"/>
      <c r="J813" s="3"/>
      <c r="K813" s="14"/>
      <c r="L813" s="3"/>
    </row>
    <row r="814" spans="1:12" ht="16.5" customHeight="1" x14ac:dyDescent="0.3">
      <c r="A814" s="11"/>
      <c r="B814" s="11"/>
      <c r="C814" s="42"/>
      <c r="D814" s="3"/>
      <c r="E814" s="3"/>
      <c r="F814" s="3"/>
      <c r="G814" s="3"/>
      <c r="H814" s="3"/>
      <c r="I814" s="3"/>
      <c r="J814" s="3"/>
      <c r="K814" s="14"/>
      <c r="L814" s="3"/>
    </row>
    <row r="815" spans="1:12" ht="16.5" customHeight="1" x14ac:dyDescent="0.3">
      <c r="A815" s="11"/>
      <c r="B815" s="11"/>
      <c r="C815" s="42"/>
      <c r="D815" s="3"/>
      <c r="E815" s="3"/>
      <c r="F815" s="3"/>
      <c r="G815" s="3"/>
      <c r="H815" s="3"/>
      <c r="I815" s="3"/>
      <c r="J815" s="3"/>
      <c r="K815" s="14"/>
      <c r="L815" s="3"/>
    </row>
    <row r="816" spans="1:12" ht="16.5" customHeight="1" x14ac:dyDescent="0.3">
      <c r="A816" s="11"/>
      <c r="B816" s="11"/>
      <c r="C816" s="42"/>
      <c r="D816" s="3"/>
      <c r="E816" s="3"/>
      <c r="F816" s="3"/>
      <c r="G816" s="3"/>
      <c r="H816" s="3"/>
      <c r="I816" s="3"/>
      <c r="J816" s="3"/>
      <c r="K816" s="14"/>
      <c r="L816" s="3"/>
    </row>
    <row r="817" spans="1:12" ht="16.5" customHeight="1" x14ac:dyDescent="0.3">
      <c r="A817" s="11"/>
      <c r="B817" s="11"/>
      <c r="C817" s="42"/>
      <c r="D817" s="3"/>
      <c r="E817" s="3"/>
      <c r="F817" s="3"/>
      <c r="G817" s="3"/>
      <c r="H817" s="3"/>
      <c r="I817" s="3"/>
      <c r="J817" s="3"/>
      <c r="K817" s="14"/>
      <c r="L817" s="3"/>
    </row>
    <row r="818" spans="1:12" ht="16.5" customHeight="1" x14ac:dyDescent="0.3">
      <c r="A818" s="11"/>
      <c r="B818" s="11"/>
      <c r="C818" s="42"/>
      <c r="D818" s="3"/>
      <c r="E818" s="3"/>
      <c r="F818" s="3"/>
      <c r="G818" s="3"/>
      <c r="H818" s="3"/>
      <c r="I818" s="3"/>
      <c r="J818" s="3"/>
      <c r="K818" s="14"/>
      <c r="L818" s="3"/>
    </row>
    <row r="819" spans="1:12" ht="16.5" customHeight="1" x14ac:dyDescent="0.3">
      <c r="A819" s="11"/>
      <c r="B819" s="11"/>
      <c r="C819" s="42"/>
      <c r="D819" s="3"/>
      <c r="E819" s="3"/>
      <c r="F819" s="3"/>
      <c r="G819" s="3"/>
      <c r="H819" s="3"/>
      <c r="I819" s="3"/>
      <c r="J819" s="3"/>
      <c r="K819" s="14"/>
      <c r="L819" s="3"/>
    </row>
    <row r="820" spans="1:12" ht="16.5" customHeight="1" x14ac:dyDescent="0.3">
      <c r="A820" s="11"/>
      <c r="B820" s="11"/>
      <c r="C820" s="42"/>
      <c r="D820" s="3"/>
      <c r="E820" s="3"/>
      <c r="F820" s="3"/>
      <c r="G820" s="3"/>
      <c r="H820" s="3"/>
      <c r="I820" s="3"/>
      <c r="J820" s="3"/>
      <c r="K820" s="14"/>
      <c r="L820" s="3"/>
    </row>
    <row r="821" spans="1:12" ht="16.5" customHeight="1" x14ac:dyDescent="0.3">
      <c r="A821" s="11"/>
      <c r="B821" s="11"/>
      <c r="C821" s="42"/>
      <c r="D821" s="3"/>
      <c r="E821" s="3"/>
      <c r="F821" s="3"/>
      <c r="G821" s="3"/>
      <c r="H821" s="3"/>
      <c r="I821" s="3"/>
      <c r="J821" s="3"/>
      <c r="K821" s="14"/>
      <c r="L821" s="3"/>
    </row>
    <row r="822" spans="1:12" ht="16.5" customHeight="1" x14ac:dyDescent="0.3">
      <c r="A822" s="11"/>
      <c r="B822" s="11"/>
      <c r="C822" s="42"/>
      <c r="D822" s="3"/>
      <c r="E822" s="3"/>
      <c r="F822" s="3"/>
      <c r="G822" s="3"/>
      <c r="H822" s="3"/>
      <c r="I822" s="3"/>
      <c r="J822" s="3"/>
      <c r="K822" s="14"/>
      <c r="L822" s="3"/>
    </row>
    <row r="823" spans="1:12" ht="16.5" customHeight="1" x14ac:dyDescent="0.3">
      <c r="A823" s="11"/>
      <c r="B823" s="11"/>
      <c r="C823" s="42"/>
      <c r="D823" s="3"/>
      <c r="E823" s="3"/>
      <c r="F823" s="3"/>
      <c r="G823" s="3"/>
      <c r="H823" s="3"/>
      <c r="I823" s="3"/>
      <c r="J823" s="3"/>
      <c r="K823" s="14"/>
      <c r="L823" s="3"/>
    </row>
    <row r="824" spans="1:12" ht="16.5" customHeight="1" x14ac:dyDescent="0.3">
      <c r="A824" s="11"/>
      <c r="B824" s="11"/>
      <c r="C824" s="42"/>
      <c r="D824" s="3"/>
      <c r="E824" s="3"/>
      <c r="F824" s="3"/>
      <c r="G824" s="3"/>
      <c r="H824" s="3"/>
      <c r="I824" s="3"/>
      <c r="J824" s="3"/>
      <c r="K824" s="14"/>
      <c r="L824" s="3"/>
    </row>
    <row r="825" spans="1:12" ht="16.5" customHeight="1" x14ac:dyDescent="0.3">
      <c r="A825" s="11"/>
      <c r="B825" s="11"/>
      <c r="C825" s="42"/>
      <c r="D825" s="3"/>
      <c r="E825" s="3"/>
      <c r="F825" s="3"/>
      <c r="G825" s="3"/>
      <c r="H825" s="3"/>
      <c r="I825" s="3"/>
      <c r="J825" s="3"/>
      <c r="K825" s="14"/>
      <c r="L825" s="3"/>
    </row>
    <row r="826" spans="1:12" ht="16.5" customHeight="1" x14ac:dyDescent="0.3">
      <c r="A826" s="11"/>
      <c r="B826" s="11"/>
      <c r="C826" s="42"/>
      <c r="D826" s="3"/>
      <c r="E826" s="3"/>
      <c r="F826" s="3"/>
      <c r="G826" s="3"/>
      <c r="H826" s="3"/>
      <c r="I826" s="3"/>
      <c r="J826" s="3"/>
      <c r="K826" s="14"/>
      <c r="L826" s="3"/>
    </row>
    <row r="827" spans="1:12" ht="16.5" customHeight="1" x14ac:dyDescent="0.3">
      <c r="A827" s="11"/>
      <c r="B827" s="11"/>
      <c r="C827" s="42"/>
      <c r="D827" s="3"/>
      <c r="E827" s="3"/>
      <c r="F827" s="3"/>
      <c r="G827" s="3"/>
      <c r="H827" s="3"/>
      <c r="I827" s="3"/>
      <c r="J827" s="3"/>
      <c r="K827" s="14"/>
      <c r="L827" s="3"/>
    </row>
    <row r="828" spans="1:12" ht="16.5" customHeight="1" x14ac:dyDescent="0.3">
      <c r="A828" s="11"/>
      <c r="B828" s="11"/>
      <c r="C828" s="42"/>
      <c r="D828" s="3"/>
      <c r="E828" s="3"/>
      <c r="F828" s="3"/>
      <c r="G828" s="3"/>
      <c r="H828" s="3"/>
      <c r="I828" s="3"/>
      <c r="J828" s="3"/>
      <c r="K828" s="14"/>
      <c r="L828" s="3"/>
    </row>
    <row r="829" spans="1:12" ht="16.5" customHeight="1" x14ac:dyDescent="0.3">
      <c r="A829" s="11"/>
      <c r="B829" s="11"/>
      <c r="C829" s="42"/>
      <c r="D829" s="3"/>
      <c r="E829" s="3"/>
      <c r="F829" s="3"/>
      <c r="G829" s="3"/>
      <c r="H829" s="3"/>
      <c r="I829" s="3"/>
      <c r="J829" s="3"/>
      <c r="K829" s="14"/>
      <c r="L829" s="3"/>
    </row>
    <row r="830" spans="1:12" ht="16.5" customHeight="1" x14ac:dyDescent="0.3">
      <c r="A830" s="11"/>
      <c r="B830" s="11"/>
      <c r="C830" s="42"/>
      <c r="D830" s="3"/>
      <c r="E830" s="3"/>
      <c r="F830" s="3"/>
      <c r="G830" s="3"/>
      <c r="H830" s="3"/>
      <c r="I830" s="3"/>
      <c r="J830" s="3"/>
      <c r="K830" s="14"/>
      <c r="L830" s="3"/>
    </row>
    <row r="831" spans="1:12" ht="16.5" customHeight="1" x14ac:dyDescent="0.3">
      <c r="A831" s="11"/>
      <c r="B831" s="11"/>
      <c r="C831" s="42"/>
      <c r="D831" s="3"/>
      <c r="E831" s="3"/>
      <c r="F831" s="3"/>
      <c r="G831" s="3"/>
      <c r="H831" s="3"/>
      <c r="I831" s="3"/>
      <c r="J831" s="3"/>
      <c r="K831" s="14"/>
      <c r="L831" s="3"/>
    </row>
    <row r="832" spans="1:12" ht="16.5" customHeight="1" x14ac:dyDescent="0.3">
      <c r="A832" s="11"/>
      <c r="B832" s="11"/>
      <c r="C832" s="42"/>
      <c r="D832" s="3"/>
      <c r="E832" s="3"/>
      <c r="F832" s="3"/>
      <c r="G832" s="3"/>
      <c r="H832" s="3"/>
      <c r="I832" s="3"/>
      <c r="J832" s="3"/>
      <c r="K832" s="14"/>
      <c r="L832" s="3"/>
    </row>
    <row r="833" spans="1:12" ht="16.5" customHeight="1" x14ac:dyDescent="0.3">
      <c r="A833" s="11"/>
      <c r="B833" s="11"/>
      <c r="C833" s="42"/>
      <c r="D833" s="3"/>
      <c r="E833" s="3"/>
      <c r="F833" s="3"/>
      <c r="G833" s="3"/>
      <c r="H833" s="3"/>
      <c r="I833" s="3"/>
      <c r="J833" s="3"/>
      <c r="K833" s="14"/>
      <c r="L833" s="3"/>
    </row>
    <row r="834" spans="1:12" ht="16.5" customHeight="1" x14ac:dyDescent="0.3">
      <c r="A834" s="11"/>
      <c r="B834" s="11"/>
      <c r="C834" s="42"/>
      <c r="D834" s="3"/>
      <c r="E834" s="3"/>
      <c r="F834" s="3"/>
      <c r="G834" s="3"/>
      <c r="H834" s="3"/>
      <c r="I834" s="3"/>
      <c r="J834" s="3"/>
      <c r="K834" s="14"/>
      <c r="L834" s="3"/>
    </row>
    <row r="835" spans="1:12" ht="16.5" customHeight="1" x14ac:dyDescent="0.3">
      <c r="A835" s="11"/>
      <c r="B835" s="11"/>
      <c r="C835" s="42"/>
      <c r="D835" s="3"/>
      <c r="E835" s="3"/>
      <c r="F835" s="3"/>
      <c r="G835" s="3"/>
      <c r="H835" s="3"/>
      <c r="I835" s="3"/>
      <c r="J835" s="3"/>
      <c r="K835" s="14"/>
      <c r="L835" s="3"/>
    </row>
    <row r="836" spans="1:12" ht="16.5" customHeight="1" x14ac:dyDescent="0.3">
      <c r="A836" s="11"/>
      <c r="B836" s="11"/>
      <c r="C836" s="42"/>
      <c r="D836" s="3"/>
      <c r="E836" s="3"/>
      <c r="F836" s="3"/>
      <c r="G836" s="3"/>
      <c r="H836" s="3"/>
      <c r="I836" s="3"/>
      <c r="J836" s="3"/>
      <c r="K836" s="14"/>
      <c r="L836" s="3"/>
    </row>
    <row r="837" spans="1:12" ht="16.5" customHeight="1" x14ac:dyDescent="0.3">
      <c r="A837" s="11"/>
      <c r="B837" s="11"/>
      <c r="C837" s="42"/>
      <c r="D837" s="3"/>
      <c r="E837" s="3"/>
      <c r="F837" s="3"/>
      <c r="G837" s="3"/>
      <c r="H837" s="3"/>
      <c r="I837" s="3"/>
      <c r="J837" s="3"/>
      <c r="K837" s="14"/>
      <c r="L837" s="3"/>
    </row>
    <row r="838" spans="1:12" ht="16.5" customHeight="1" x14ac:dyDescent="0.3">
      <c r="A838" s="11"/>
      <c r="B838" s="11"/>
      <c r="C838" s="42"/>
      <c r="D838" s="3"/>
      <c r="E838" s="3"/>
      <c r="F838" s="3"/>
      <c r="G838" s="3"/>
      <c r="H838" s="3"/>
      <c r="I838" s="3"/>
      <c r="J838" s="3"/>
      <c r="K838" s="14"/>
      <c r="L838" s="3"/>
    </row>
    <row r="839" spans="1:12" ht="16.5" customHeight="1" x14ac:dyDescent="0.3">
      <c r="A839" s="11"/>
      <c r="B839" s="11"/>
      <c r="C839" s="42"/>
      <c r="D839" s="3"/>
      <c r="E839" s="3"/>
      <c r="F839" s="3"/>
      <c r="G839" s="3"/>
      <c r="H839" s="3"/>
      <c r="I839" s="3"/>
      <c r="J839" s="3"/>
      <c r="K839" s="14"/>
      <c r="L839" s="3"/>
    </row>
    <row r="840" spans="1:12" ht="16.5" customHeight="1" x14ac:dyDescent="0.3">
      <c r="A840" s="11"/>
      <c r="B840" s="11"/>
      <c r="C840" s="42"/>
      <c r="D840" s="3"/>
      <c r="E840" s="3"/>
      <c r="F840" s="3"/>
      <c r="G840" s="3"/>
      <c r="H840" s="3"/>
      <c r="I840" s="3"/>
      <c r="J840" s="3"/>
      <c r="K840" s="14"/>
      <c r="L840" s="3"/>
    </row>
    <row r="841" spans="1:12" ht="16.5" customHeight="1" x14ac:dyDescent="0.3">
      <c r="A841" s="11"/>
      <c r="B841" s="11"/>
      <c r="C841" s="42"/>
      <c r="D841" s="3"/>
      <c r="E841" s="3"/>
      <c r="F841" s="3"/>
      <c r="G841" s="3"/>
      <c r="H841" s="3"/>
      <c r="I841" s="3"/>
      <c r="J841" s="3"/>
      <c r="K841" s="14"/>
      <c r="L841" s="3"/>
    </row>
    <row r="842" spans="1:12" ht="16.5" customHeight="1" x14ac:dyDescent="0.3">
      <c r="A842" s="11"/>
      <c r="B842" s="11"/>
      <c r="C842" s="42"/>
      <c r="D842" s="3"/>
      <c r="E842" s="3"/>
      <c r="F842" s="3"/>
      <c r="G842" s="3"/>
      <c r="H842" s="3"/>
      <c r="I842" s="3"/>
      <c r="J842" s="3"/>
      <c r="K842" s="14"/>
      <c r="L842" s="3"/>
    </row>
    <row r="843" spans="1:12" ht="16.5" customHeight="1" x14ac:dyDescent="0.3">
      <c r="A843" s="11"/>
      <c r="B843" s="11"/>
      <c r="C843" s="42"/>
      <c r="D843" s="3"/>
      <c r="E843" s="3"/>
      <c r="F843" s="3"/>
      <c r="G843" s="3"/>
      <c r="H843" s="3"/>
      <c r="I843" s="3"/>
      <c r="J843" s="3"/>
      <c r="K843" s="14"/>
      <c r="L843" s="3"/>
    </row>
    <row r="844" spans="1:12" ht="16.5" customHeight="1" x14ac:dyDescent="0.3">
      <c r="A844" s="11"/>
      <c r="B844" s="11"/>
      <c r="C844" s="42"/>
      <c r="D844" s="3"/>
      <c r="E844" s="3"/>
      <c r="F844" s="3"/>
      <c r="G844" s="3"/>
      <c r="H844" s="3"/>
      <c r="I844" s="3"/>
      <c r="J844" s="3"/>
      <c r="K844" s="14"/>
      <c r="L844" s="3"/>
    </row>
    <row r="845" spans="1:12" ht="16.5" customHeight="1" x14ac:dyDescent="0.3">
      <c r="A845" s="11"/>
      <c r="B845" s="11"/>
      <c r="C845" s="42"/>
      <c r="D845" s="3"/>
      <c r="E845" s="3"/>
      <c r="F845" s="3"/>
      <c r="G845" s="3"/>
      <c r="H845" s="3"/>
      <c r="I845" s="3"/>
      <c r="J845" s="3"/>
      <c r="K845" s="14"/>
      <c r="L845" s="3"/>
    </row>
    <row r="846" spans="1:12" ht="16.5" customHeight="1" x14ac:dyDescent="0.3">
      <c r="A846" s="11"/>
      <c r="B846" s="11"/>
      <c r="C846" s="42"/>
      <c r="D846" s="3"/>
      <c r="E846" s="3"/>
      <c r="F846" s="3"/>
      <c r="G846" s="3"/>
      <c r="H846" s="3"/>
      <c r="I846" s="3"/>
      <c r="J846" s="3"/>
      <c r="K846" s="14"/>
      <c r="L846" s="3"/>
    </row>
    <row r="847" spans="1:12" ht="16.5" customHeight="1" x14ac:dyDescent="0.3">
      <c r="A847" s="11"/>
      <c r="B847" s="11"/>
      <c r="C847" s="42"/>
      <c r="D847" s="3"/>
      <c r="E847" s="3"/>
      <c r="F847" s="3"/>
      <c r="G847" s="3"/>
      <c r="H847" s="3"/>
      <c r="I847" s="3"/>
      <c r="J847" s="3"/>
      <c r="K847" s="14"/>
      <c r="L847" s="3"/>
    </row>
    <row r="848" spans="1:12" ht="16.5" customHeight="1" x14ac:dyDescent="0.3">
      <c r="A848" s="11"/>
      <c r="B848" s="11"/>
      <c r="C848" s="42"/>
      <c r="D848" s="3"/>
      <c r="E848" s="3"/>
      <c r="F848" s="3"/>
      <c r="G848" s="3"/>
      <c r="H848" s="3"/>
      <c r="I848" s="3"/>
      <c r="J848" s="3"/>
      <c r="K848" s="14"/>
      <c r="L848" s="3"/>
    </row>
    <row r="849" spans="1:12" ht="16.5" customHeight="1" x14ac:dyDescent="0.3">
      <c r="A849" s="11"/>
      <c r="B849" s="11"/>
      <c r="C849" s="42"/>
      <c r="D849" s="3"/>
      <c r="E849" s="3"/>
      <c r="F849" s="3"/>
      <c r="G849" s="3"/>
      <c r="H849" s="3"/>
      <c r="I849" s="3"/>
      <c r="J849" s="3"/>
      <c r="K849" s="14"/>
      <c r="L849" s="3"/>
    </row>
    <row r="850" spans="1:12" ht="16.5" customHeight="1" x14ac:dyDescent="0.3">
      <c r="A850" s="11"/>
      <c r="B850" s="11"/>
      <c r="C850" s="42"/>
      <c r="D850" s="3"/>
      <c r="E850" s="3"/>
      <c r="F850" s="3"/>
      <c r="G850" s="3"/>
      <c r="H850" s="3"/>
      <c r="I850" s="3"/>
      <c r="J850" s="3"/>
      <c r="K850" s="14"/>
      <c r="L850" s="3"/>
    </row>
    <row r="851" spans="1:12" ht="16.5" customHeight="1" x14ac:dyDescent="0.3">
      <c r="A851" s="11"/>
      <c r="B851" s="11"/>
      <c r="C851" s="42"/>
      <c r="D851" s="3"/>
      <c r="E851" s="3"/>
      <c r="F851" s="3"/>
      <c r="G851" s="3"/>
      <c r="H851" s="3"/>
      <c r="I851" s="3"/>
      <c r="J851" s="3"/>
      <c r="K851" s="14"/>
      <c r="L851" s="3"/>
    </row>
    <row r="852" spans="1:12" ht="16.5" customHeight="1" x14ac:dyDescent="0.3">
      <c r="A852" s="11"/>
      <c r="B852" s="11"/>
      <c r="C852" s="42"/>
      <c r="D852" s="3"/>
      <c r="E852" s="3"/>
      <c r="F852" s="3"/>
      <c r="G852" s="3"/>
      <c r="H852" s="3"/>
      <c r="I852" s="3"/>
      <c r="J852" s="3"/>
      <c r="K852" s="14"/>
      <c r="L852" s="3"/>
    </row>
    <row r="853" spans="1:12" ht="16.5" customHeight="1" x14ac:dyDescent="0.3">
      <c r="A853" s="11"/>
      <c r="B853" s="11"/>
      <c r="C853" s="42"/>
      <c r="D853" s="3"/>
      <c r="E853" s="3"/>
      <c r="F853" s="3"/>
      <c r="G853" s="3"/>
      <c r="H853" s="3"/>
      <c r="I853" s="3"/>
      <c r="J853" s="3"/>
      <c r="K853" s="14"/>
      <c r="L853" s="3"/>
    </row>
    <row r="854" spans="1:12" ht="16.5" customHeight="1" x14ac:dyDescent="0.3">
      <c r="A854" s="11"/>
      <c r="B854" s="11"/>
      <c r="C854" s="42"/>
      <c r="D854" s="3"/>
      <c r="E854" s="3"/>
      <c r="F854" s="3"/>
      <c r="G854" s="3"/>
      <c r="H854" s="3"/>
      <c r="I854" s="3"/>
      <c r="J854" s="3"/>
      <c r="K854" s="14"/>
      <c r="L854" s="3"/>
    </row>
    <row r="855" spans="1:12" ht="16.5" customHeight="1" x14ac:dyDescent="0.3">
      <c r="A855" s="11"/>
      <c r="B855" s="11"/>
      <c r="C855" s="42"/>
      <c r="D855" s="3"/>
      <c r="E855" s="3"/>
      <c r="F855" s="3"/>
      <c r="G855" s="3"/>
      <c r="H855" s="3"/>
      <c r="I855" s="3"/>
      <c r="J855" s="3"/>
      <c r="K855" s="14"/>
      <c r="L855" s="3"/>
    </row>
    <row r="856" spans="1:12" ht="16.5" customHeight="1" x14ac:dyDescent="0.3">
      <c r="A856" s="11"/>
      <c r="B856" s="11"/>
      <c r="C856" s="42"/>
      <c r="D856" s="3"/>
      <c r="E856" s="3"/>
      <c r="F856" s="3"/>
      <c r="G856" s="3"/>
      <c r="H856" s="3"/>
      <c r="I856" s="3"/>
      <c r="J856" s="3"/>
      <c r="K856" s="14"/>
      <c r="L856" s="3"/>
    </row>
    <row r="857" spans="1:12" ht="16.5" customHeight="1" x14ac:dyDescent="0.3">
      <c r="A857" s="11"/>
      <c r="B857" s="11"/>
      <c r="C857" s="42"/>
      <c r="D857" s="3"/>
      <c r="E857" s="3"/>
      <c r="F857" s="3"/>
      <c r="G857" s="3"/>
      <c r="H857" s="3"/>
      <c r="I857" s="3"/>
      <c r="J857" s="3"/>
      <c r="K857" s="14"/>
      <c r="L857" s="3"/>
    </row>
    <row r="858" spans="1:12" ht="16.5" customHeight="1" x14ac:dyDescent="0.3">
      <c r="A858" s="11"/>
      <c r="B858" s="11"/>
      <c r="C858" s="42"/>
      <c r="D858" s="3"/>
      <c r="E858" s="3"/>
      <c r="F858" s="3"/>
      <c r="G858" s="3"/>
      <c r="H858" s="3"/>
      <c r="I858" s="3"/>
      <c r="J858" s="3"/>
      <c r="K858" s="14"/>
      <c r="L858" s="3"/>
    </row>
    <row r="859" spans="1:12" ht="16.5" customHeight="1" x14ac:dyDescent="0.3">
      <c r="A859" s="11"/>
      <c r="B859" s="11"/>
      <c r="C859" s="42"/>
      <c r="D859" s="3"/>
      <c r="E859" s="3"/>
      <c r="F859" s="3"/>
      <c r="G859" s="3"/>
      <c r="H859" s="3"/>
      <c r="I859" s="3"/>
      <c r="J859" s="3"/>
      <c r="K859" s="14"/>
      <c r="L859" s="3"/>
    </row>
    <row r="860" spans="1:12" ht="16.5" customHeight="1" x14ac:dyDescent="0.3">
      <c r="A860" s="11"/>
      <c r="B860" s="11"/>
      <c r="C860" s="42"/>
      <c r="D860" s="3"/>
      <c r="E860" s="3"/>
      <c r="F860" s="3"/>
      <c r="G860" s="3"/>
      <c r="H860" s="3"/>
      <c r="I860" s="3"/>
      <c r="J860" s="3"/>
      <c r="K860" s="14"/>
      <c r="L860" s="3"/>
    </row>
    <row r="861" spans="1:12" ht="16.5" customHeight="1" x14ac:dyDescent="0.3">
      <c r="A861" s="11"/>
      <c r="B861" s="11"/>
      <c r="C861" s="42"/>
      <c r="D861" s="3"/>
      <c r="E861" s="3"/>
      <c r="F861" s="3"/>
      <c r="G861" s="3"/>
      <c r="H861" s="3"/>
      <c r="I861" s="3"/>
      <c r="J861" s="3"/>
      <c r="K861" s="14"/>
      <c r="L861" s="3"/>
    </row>
    <row r="862" spans="1:12" ht="16.5" customHeight="1" x14ac:dyDescent="0.3">
      <c r="A862" s="11"/>
      <c r="B862" s="11"/>
      <c r="C862" s="42"/>
      <c r="D862" s="3"/>
      <c r="E862" s="3"/>
      <c r="F862" s="3"/>
      <c r="G862" s="3"/>
      <c r="H862" s="3"/>
      <c r="I862" s="3"/>
      <c r="J862" s="3"/>
      <c r="K862" s="14"/>
      <c r="L862" s="3"/>
    </row>
    <row r="863" spans="1:12" ht="16.5" customHeight="1" x14ac:dyDescent="0.3">
      <c r="A863" s="11"/>
      <c r="B863" s="11"/>
      <c r="C863" s="42"/>
      <c r="D863" s="3"/>
      <c r="E863" s="3"/>
      <c r="F863" s="3"/>
      <c r="G863" s="3"/>
      <c r="H863" s="3"/>
      <c r="I863" s="3"/>
      <c r="J863" s="3"/>
      <c r="K863" s="14"/>
      <c r="L863" s="3"/>
    </row>
    <row r="864" spans="1:12" ht="16.5" customHeight="1" x14ac:dyDescent="0.3">
      <c r="A864" s="11"/>
      <c r="B864" s="11"/>
      <c r="C864" s="42"/>
      <c r="D864" s="3"/>
      <c r="E864" s="3"/>
      <c r="F864" s="3"/>
      <c r="G864" s="3"/>
      <c r="H864" s="3"/>
      <c r="I864" s="3"/>
      <c r="J864" s="3"/>
      <c r="K864" s="14"/>
      <c r="L864" s="3"/>
    </row>
    <row r="865" spans="1:12" ht="16.5" customHeight="1" x14ac:dyDescent="0.3">
      <c r="A865" s="11"/>
      <c r="B865" s="11"/>
      <c r="C865" s="42"/>
      <c r="D865" s="3"/>
      <c r="E865" s="3"/>
      <c r="F865" s="3"/>
      <c r="G865" s="3"/>
      <c r="H865" s="3"/>
      <c r="I865" s="3"/>
      <c r="J865" s="3"/>
      <c r="K865" s="14"/>
      <c r="L865" s="3"/>
    </row>
    <row r="866" spans="1:12" ht="16.5" customHeight="1" x14ac:dyDescent="0.3">
      <c r="A866" s="11"/>
      <c r="B866" s="11"/>
      <c r="C866" s="42"/>
      <c r="D866" s="3"/>
      <c r="E866" s="3"/>
      <c r="F866" s="3"/>
      <c r="G866" s="3"/>
      <c r="H866" s="3"/>
      <c r="I866" s="3"/>
      <c r="J866" s="3"/>
      <c r="K866" s="14"/>
      <c r="L866" s="3"/>
    </row>
    <row r="867" spans="1:12" ht="16.5" customHeight="1" x14ac:dyDescent="0.3">
      <c r="A867" s="11"/>
      <c r="B867" s="11"/>
      <c r="C867" s="42"/>
      <c r="D867" s="3"/>
      <c r="E867" s="3"/>
      <c r="F867" s="3"/>
      <c r="G867" s="3"/>
      <c r="H867" s="3"/>
      <c r="I867" s="3"/>
      <c r="J867" s="3"/>
      <c r="K867" s="14"/>
      <c r="L867" s="3"/>
    </row>
    <row r="868" spans="1:12" ht="16.5" customHeight="1" x14ac:dyDescent="0.3">
      <c r="A868" s="11"/>
      <c r="B868" s="11"/>
      <c r="C868" s="42"/>
      <c r="D868" s="3"/>
      <c r="E868" s="3"/>
      <c r="F868" s="3"/>
      <c r="G868" s="3"/>
      <c r="H868" s="3"/>
      <c r="I868" s="3"/>
      <c r="J868" s="3"/>
      <c r="K868" s="14"/>
      <c r="L868" s="3"/>
    </row>
    <row r="869" spans="1:12" ht="16.5" customHeight="1" x14ac:dyDescent="0.3">
      <c r="A869" s="11"/>
      <c r="B869" s="11"/>
      <c r="C869" s="42"/>
      <c r="D869" s="3"/>
      <c r="E869" s="3"/>
      <c r="F869" s="3"/>
      <c r="G869" s="3"/>
      <c r="H869" s="3"/>
      <c r="I869" s="3"/>
      <c r="J869" s="3"/>
      <c r="K869" s="14"/>
      <c r="L869" s="3"/>
    </row>
    <row r="870" spans="1:12" ht="16.5" customHeight="1" x14ac:dyDescent="0.3">
      <c r="A870" s="11"/>
      <c r="B870" s="11"/>
      <c r="C870" s="42"/>
      <c r="D870" s="3"/>
      <c r="E870" s="3"/>
      <c r="F870" s="3"/>
      <c r="G870" s="3"/>
      <c r="H870" s="3"/>
      <c r="I870" s="3"/>
      <c r="J870" s="3"/>
      <c r="K870" s="14"/>
      <c r="L870" s="3"/>
    </row>
    <row r="871" spans="1:12" ht="16.5" customHeight="1" x14ac:dyDescent="0.3">
      <c r="A871" s="11"/>
      <c r="B871" s="11"/>
      <c r="C871" s="42"/>
      <c r="D871" s="3"/>
      <c r="E871" s="3"/>
      <c r="F871" s="3"/>
      <c r="G871" s="3"/>
      <c r="H871" s="3"/>
      <c r="I871" s="3"/>
      <c r="J871" s="3"/>
      <c r="K871" s="14"/>
      <c r="L871" s="3"/>
    </row>
    <row r="872" spans="1:12" ht="16.5" customHeight="1" x14ac:dyDescent="0.3">
      <c r="A872" s="11"/>
      <c r="B872" s="11"/>
      <c r="C872" s="42"/>
      <c r="D872" s="3"/>
      <c r="E872" s="3"/>
      <c r="F872" s="3"/>
      <c r="G872" s="3"/>
      <c r="H872" s="3"/>
      <c r="I872" s="3"/>
      <c r="J872" s="3"/>
      <c r="K872" s="14"/>
      <c r="L872" s="3"/>
    </row>
    <row r="873" spans="1:12" ht="16.5" customHeight="1" x14ac:dyDescent="0.3">
      <c r="A873" s="11"/>
      <c r="B873" s="11"/>
      <c r="C873" s="42"/>
      <c r="D873" s="3"/>
      <c r="E873" s="3"/>
      <c r="F873" s="3"/>
      <c r="G873" s="3"/>
      <c r="H873" s="3"/>
      <c r="I873" s="3"/>
      <c r="J873" s="3"/>
      <c r="K873" s="14"/>
      <c r="L873" s="3"/>
    </row>
    <row r="874" spans="1:12" ht="16.5" customHeight="1" x14ac:dyDescent="0.3">
      <c r="A874" s="11"/>
      <c r="B874" s="11"/>
      <c r="C874" s="42"/>
      <c r="D874" s="3"/>
      <c r="E874" s="3"/>
      <c r="F874" s="3"/>
      <c r="G874" s="3"/>
      <c r="H874" s="3"/>
      <c r="I874" s="3"/>
      <c r="J874" s="3"/>
      <c r="K874" s="14"/>
      <c r="L874" s="3"/>
    </row>
    <row r="875" spans="1:12" ht="16.5" customHeight="1" x14ac:dyDescent="0.3">
      <c r="A875" s="11"/>
      <c r="B875" s="11"/>
      <c r="C875" s="42"/>
      <c r="D875" s="3"/>
      <c r="E875" s="3"/>
      <c r="F875" s="3"/>
      <c r="G875" s="3"/>
      <c r="H875" s="3"/>
      <c r="I875" s="3"/>
      <c r="J875" s="3"/>
      <c r="K875" s="14"/>
      <c r="L875" s="3"/>
    </row>
    <row r="876" spans="1:12" ht="16.5" customHeight="1" x14ac:dyDescent="0.3">
      <c r="A876" s="11"/>
      <c r="B876" s="11"/>
      <c r="C876" s="42"/>
      <c r="D876" s="3"/>
      <c r="E876" s="3"/>
      <c r="F876" s="3"/>
      <c r="G876" s="3"/>
      <c r="H876" s="3"/>
      <c r="I876" s="3"/>
      <c r="J876" s="3"/>
      <c r="K876" s="14"/>
      <c r="L876" s="3"/>
    </row>
    <row r="877" spans="1:12" ht="16.5" customHeight="1" x14ac:dyDescent="0.3">
      <c r="A877" s="11"/>
      <c r="B877" s="11"/>
      <c r="C877" s="42"/>
      <c r="D877" s="3"/>
      <c r="E877" s="3"/>
      <c r="F877" s="3"/>
      <c r="G877" s="3"/>
      <c r="H877" s="3"/>
      <c r="I877" s="3"/>
      <c r="J877" s="3"/>
      <c r="K877" s="14"/>
      <c r="L877" s="3"/>
    </row>
    <row r="878" spans="1:12" ht="16.5" customHeight="1" x14ac:dyDescent="0.3">
      <c r="A878" s="11"/>
      <c r="B878" s="11"/>
      <c r="C878" s="42"/>
      <c r="D878" s="3"/>
      <c r="E878" s="3"/>
      <c r="F878" s="3"/>
      <c r="G878" s="3"/>
      <c r="H878" s="3"/>
      <c r="I878" s="3"/>
      <c r="J878" s="3"/>
      <c r="K878" s="14"/>
      <c r="L878" s="3"/>
    </row>
    <row r="879" spans="1:12" ht="16.5" customHeight="1" x14ac:dyDescent="0.3">
      <c r="A879" s="11"/>
      <c r="B879" s="11"/>
      <c r="C879" s="42"/>
      <c r="D879" s="3"/>
      <c r="E879" s="3"/>
      <c r="F879" s="3"/>
      <c r="G879" s="3"/>
      <c r="H879" s="3"/>
      <c r="I879" s="3"/>
      <c r="J879" s="3"/>
      <c r="K879" s="14"/>
      <c r="L879" s="3"/>
    </row>
    <row r="880" spans="1:12" ht="16.5" customHeight="1" x14ac:dyDescent="0.3">
      <c r="A880" s="11"/>
      <c r="B880" s="11"/>
      <c r="C880" s="42"/>
      <c r="D880" s="3"/>
      <c r="E880" s="3"/>
      <c r="F880" s="3"/>
      <c r="G880" s="3"/>
      <c r="H880" s="3"/>
      <c r="I880" s="3"/>
      <c r="J880" s="3"/>
      <c r="K880" s="14"/>
      <c r="L880" s="3"/>
    </row>
    <row r="881" spans="1:12" ht="16.5" customHeight="1" x14ac:dyDescent="0.3">
      <c r="A881" s="11"/>
      <c r="B881" s="11"/>
      <c r="C881" s="42"/>
      <c r="D881" s="3"/>
      <c r="E881" s="3"/>
      <c r="F881" s="3"/>
      <c r="G881" s="3"/>
      <c r="H881" s="3"/>
      <c r="I881" s="3"/>
      <c r="J881" s="3"/>
      <c r="K881" s="14"/>
      <c r="L881" s="3"/>
    </row>
    <row r="882" spans="1:12" ht="16.5" customHeight="1" x14ac:dyDescent="0.3">
      <c r="A882" s="11"/>
      <c r="B882" s="11"/>
      <c r="C882" s="42"/>
      <c r="D882" s="3"/>
      <c r="E882" s="3"/>
      <c r="F882" s="3"/>
      <c r="G882" s="3"/>
      <c r="H882" s="3"/>
      <c r="I882" s="3"/>
      <c r="J882" s="3"/>
      <c r="K882" s="14"/>
      <c r="L882" s="3"/>
    </row>
    <row r="883" spans="1:12" ht="16.5" customHeight="1" x14ac:dyDescent="0.3">
      <c r="A883" s="11"/>
      <c r="B883" s="11"/>
      <c r="C883" s="42"/>
      <c r="D883" s="3"/>
      <c r="E883" s="3"/>
      <c r="F883" s="3"/>
      <c r="G883" s="3"/>
      <c r="H883" s="3"/>
      <c r="I883" s="3"/>
      <c r="J883" s="3"/>
      <c r="K883" s="14"/>
      <c r="L883" s="3"/>
    </row>
    <row r="884" spans="1:12" ht="16.5" customHeight="1" x14ac:dyDescent="0.3">
      <c r="A884" s="11"/>
      <c r="B884" s="11"/>
      <c r="C884" s="42"/>
      <c r="D884" s="3"/>
      <c r="E884" s="3"/>
      <c r="F884" s="3"/>
      <c r="G884" s="3"/>
      <c r="H884" s="3"/>
      <c r="I884" s="3"/>
      <c r="J884" s="3"/>
      <c r="K884" s="14"/>
      <c r="L884" s="3"/>
    </row>
    <row r="885" spans="1:12" ht="16.5" customHeight="1" x14ac:dyDescent="0.3">
      <c r="A885" s="11"/>
      <c r="B885" s="11"/>
      <c r="C885" s="42"/>
      <c r="D885" s="3"/>
      <c r="E885" s="3"/>
      <c r="F885" s="3"/>
      <c r="G885" s="3"/>
      <c r="H885" s="3"/>
      <c r="I885" s="3"/>
      <c r="J885" s="3"/>
      <c r="K885" s="14"/>
      <c r="L885" s="3"/>
    </row>
    <row r="886" spans="1:12" ht="16.5" customHeight="1" x14ac:dyDescent="0.3">
      <c r="A886" s="11"/>
      <c r="B886" s="11"/>
      <c r="C886" s="42"/>
      <c r="D886" s="3"/>
      <c r="E886" s="3"/>
      <c r="F886" s="3"/>
      <c r="G886" s="3"/>
      <c r="H886" s="3"/>
      <c r="I886" s="3"/>
      <c r="J886" s="3"/>
      <c r="K886" s="14"/>
      <c r="L886" s="3"/>
    </row>
    <row r="887" spans="1:12" ht="16.5" customHeight="1" x14ac:dyDescent="0.3">
      <c r="A887" s="11"/>
      <c r="B887" s="11"/>
      <c r="C887" s="42"/>
      <c r="D887" s="3"/>
      <c r="E887" s="3"/>
      <c r="F887" s="3"/>
      <c r="G887" s="3"/>
      <c r="H887" s="3"/>
      <c r="I887" s="3"/>
      <c r="J887" s="3"/>
      <c r="K887" s="14"/>
      <c r="L887" s="3"/>
    </row>
    <row r="888" spans="1:12" ht="16.5" customHeight="1" x14ac:dyDescent="0.3">
      <c r="A888" s="11"/>
      <c r="B888" s="11"/>
      <c r="C888" s="42"/>
      <c r="D888" s="3"/>
      <c r="E888" s="3"/>
      <c r="F888" s="3"/>
      <c r="G888" s="3"/>
      <c r="H888" s="3"/>
      <c r="I888" s="3"/>
      <c r="J888" s="3"/>
      <c r="K888" s="14"/>
      <c r="L888" s="3"/>
    </row>
    <row r="889" spans="1:12" ht="16.5" customHeight="1" x14ac:dyDescent="0.3">
      <c r="A889" s="11"/>
      <c r="B889" s="11"/>
      <c r="C889" s="42"/>
      <c r="D889" s="3"/>
      <c r="E889" s="3"/>
      <c r="F889" s="3"/>
      <c r="G889" s="3"/>
      <c r="H889" s="3"/>
      <c r="I889" s="3"/>
      <c r="J889" s="3"/>
      <c r="K889" s="14"/>
      <c r="L889" s="3"/>
    </row>
    <row r="890" spans="1:12" ht="16.5" customHeight="1" x14ac:dyDescent="0.3">
      <c r="A890" s="11"/>
      <c r="B890" s="11"/>
      <c r="C890" s="42"/>
      <c r="D890" s="3"/>
      <c r="E890" s="3"/>
      <c r="F890" s="3"/>
      <c r="G890" s="3"/>
      <c r="H890" s="3"/>
      <c r="I890" s="3"/>
      <c r="J890" s="3"/>
      <c r="K890" s="14"/>
      <c r="L890" s="3"/>
    </row>
    <row r="891" spans="1:12" ht="16.5" customHeight="1" x14ac:dyDescent="0.3">
      <c r="A891" s="11"/>
      <c r="B891" s="11"/>
      <c r="C891" s="42"/>
      <c r="D891" s="3"/>
      <c r="E891" s="3"/>
      <c r="F891" s="3"/>
      <c r="G891" s="3"/>
      <c r="H891" s="3"/>
      <c r="I891" s="3"/>
      <c r="J891" s="3"/>
      <c r="K891" s="14"/>
      <c r="L891" s="3"/>
    </row>
    <row r="892" spans="1:12" ht="16.5" customHeight="1" x14ac:dyDescent="0.3">
      <c r="A892" s="11"/>
      <c r="B892" s="11"/>
      <c r="C892" s="42"/>
      <c r="D892" s="3"/>
      <c r="E892" s="3"/>
      <c r="F892" s="3"/>
      <c r="G892" s="3"/>
      <c r="H892" s="3"/>
      <c r="I892" s="3"/>
      <c r="J892" s="3"/>
      <c r="K892" s="14"/>
      <c r="L892" s="3"/>
    </row>
    <row r="893" spans="1:12" ht="16.5" customHeight="1" x14ac:dyDescent="0.3">
      <c r="A893" s="11"/>
      <c r="B893" s="11"/>
      <c r="C893" s="42"/>
      <c r="D893" s="3"/>
      <c r="E893" s="3"/>
      <c r="F893" s="3"/>
      <c r="G893" s="3"/>
      <c r="H893" s="3"/>
      <c r="I893" s="3"/>
      <c r="J893" s="3"/>
      <c r="K893" s="14"/>
      <c r="L893" s="3"/>
    </row>
    <row r="894" spans="1:12" ht="16.5" customHeight="1" x14ac:dyDescent="0.3">
      <c r="A894" s="11"/>
      <c r="B894" s="11"/>
      <c r="C894" s="42"/>
      <c r="D894" s="3"/>
      <c r="E894" s="3"/>
      <c r="F894" s="3"/>
      <c r="G894" s="3"/>
      <c r="H894" s="3"/>
      <c r="I894" s="3"/>
      <c r="J894" s="3"/>
      <c r="K894" s="14"/>
      <c r="L894" s="3"/>
    </row>
    <row r="895" spans="1:12" ht="16.5" customHeight="1" x14ac:dyDescent="0.3">
      <c r="A895" s="11"/>
      <c r="B895" s="11"/>
      <c r="C895" s="42"/>
      <c r="D895" s="3"/>
      <c r="E895" s="3"/>
      <c r="F895" s="3"/>
      <c r="G895" s="3"/>
      <c r="H895" s="3"/>
      <c r="I895" s="3"/>
      <c r="J895" s="3"/>
      <c r="K895" s="14"/>
      <c r="L895" s="3"/>
    </row>
    <row r="896" spans="1:12" ht="16.5" customHeight="1" x14ac:dyDescent="0.3">
      <c r="A896" s="11"/>
      <c r="B896" s="11"/>
      <c r="C896" s="42"/>
      <c r="D896" s="3"/>
      <c r="E896" s="3"/>
      <c r="F896" s="3"/>
      <c r="G896" s="3"/>
      <c r="H896" s="3"/>
      <c r="I896" s="3"/>
      <c r="J896" s="3"/>
      <c r="K896" s="14"/>
      <c r="L896" s="3"/>
    </row>
    <row r="897" spans="1:12" ht="16.5" customHeight="1" x14ac:dyDescent="0.3">
      <c r="A897" s="11"/>
      <c r="B897" s="11"/>
      <c r="C897" s="42"/>
      <c r="D897" s="3"/>
      <c r="E897" s="3"/>
      <c r="F897" s="3"/>
      <c r="G897" s="3"/>
      <c r="H897" s="3"/>
      <c r="I897" s="3"/>
      <c r="J897" s="3"/>
      <c r="K897" s="14"/>
      <c r="L897" s="3"/>
    </row>
    <row r="898" spans="1:12" ht="16.5" customHeight="1" x14ac:dyDescent="0.3">
      <c r="A898" s="11"/>
      <c r="B898" s="11"/>
      <c r="C898" s="42"/>
      <c r="D898" s="3"/>
      <c r="E898" s="3"/>
      <c r="F898" s="3"/>
      <c r="G898" s="3"/>
      <c r="H898" s="3"/>
      <c r="I898" s="3"/>
      <c r="J898" s="3"/>
      <c r="K898" s="14"/>
      <c r="L898" s="3"/>
    </row>
    <row r="899" spans="1:12" ht="16.5" customHeight="1" x14ac:dyDescent="0.3">
      <c r="A899" s="11"/>
      <c r="B899" s="11"/>
      <c r="C899" s="42"/>
      <c r="D899" s="3"/>
      <c r="E899" s="3"/>
      <c r="F899" s="3"/>
      <c r="G899" s="3"/>
      <c r="H899" s="3"/>
      <c r="I899" s="3"/>
      <c r="J899" s="3"/>
      <c r="K899" s="14"/>
      <c r="L899" s="3"/>
    </row>
    <row r="900" spans="1:12" ht="16.5" customHeight="1" x14ac:dyDescent="0.3">
      <c r="A900" s="11"/>
      <c r="B900" s="11"/>
      <c r="C900" s="42"/>
      <c r="D900" s="3"/>
      <c r="E900" s="3"/>
      <c r="F900" s="3"/>
      <c r="G900" s="3"/>
      <c r="H900" s="3"/>
      <c r="I900" s="3"/>
      <c r="J900" s="3"/>
      <c r="K900" s="14"/>
      <c r="L900" s="3"/>
    </row>
    <row r="901" spans="1:12" ht="16.5" customHeight="1" x14ac:dyDescent="0.3">
      <c r="A901" s="11"/>
      <c r="B901" s="11"/>
      <c r="C901" s="42"/>
      <c r="D901" s="3"/>
      <c r="E901" s="3"/>
      <c r="F901" s="3"/>
      <c r="G901" s="3"/>
      <c r="H901" s="3"/>
      <c r="I901" s="3"/>
      <c r="J901" s="3"/>
      <c r="K901" s="14"/>
      <c r="L901" s="3"/>
    </row>
    <row r="902" spans="1:12" ht="16.5" customHeight="1" x14ac:dyDescent="0.3">
      <c r="A902" s="11"/>
      <c r="B902" s="11"/>
      <c r="C902" s="42"/>
      <c r="D902" s="3"/>
      <c r="E902" s="3"/>
      <c r="F902" s="3"/>
      <c r="G902" s="3"/>
      <c r="H902" s="3"/>
      <c r="I902" s="3"/>
      <c r="J902" s="3"/>
      <c r="K902" s="14"/>
      <c r="L902" s="3"/>
    </row>
    <row r="903" spans="1:12" ht="16.5" customHeight="1" x14ac:dyDescent="0.3">
      <c r="A903" s="11"/>
      <c r="B903" s="11"/>
      <c r="C903" s="42"/>
      <c r="D903" s="3"/>
      <c r="E903" s="3"/>
      <c r="F903" s="3"/>
      <c r="G903" s="3"/>
      <c r="H903" s="3"/>
      <c r="I903" s="3"/>
      <c r="J903" s="3"/>
      <c r="K903" s="14"/>
      <c r="L903" s="3"/>
    </row>
    <row r="904" spans="1:12" ht="16.5" customHeight="1" x14ac:dyDescent="0.3">
      <c r="A904" s="11"/>
      <c r="B904" s="11"/>
      <c r="C904" s="42"/>
      <c r="D904" s="3"/>
      <c r="E904" s="3"/>
      <c r="F904" s="3"/>
      <c r="G904" s="3"/>
      <c r="H904" s="3"/>
      <c r="I904" s="3"/>
      <c r="J904" s="3"/>
      <c r="K904" s="14"/>
      <c r="L904" s="3"/>
    </row>
    <row r="905" spans="1:12" ht="16.5" customHeight="1" x14ac:dyDescent="0.3">
      <c r="A905" s="11"/>
      <c r="B905" s="11"/>
      <c r="C905" s="42"/>
      <c r="D905" s="3"/>
      <c r="E905" s="3"/>
      <c r="F905" s="3"/>
      <c r="G905" s="3"/>
      <c r="H905" s="3"/>
      <c r="I905" s="3"/>
      <c r="J905" s="3"/>
      <c r="K905" s="14"/>
      <c r="L905" s="3"/>
    </row>
    <row r="906" spans="1:12" ht="16.5" customHeight="1" x14ac:dyDescent="0.3">
      <c r="A906" s="11"/>
      <c r="B906" s="11"/>
      <c r="C906" s="42"/>
      <c r="D906" s="3"/>
      <c r="E906" s="3"/>
      <c r="F906" s="3"/>
      <c r="G906" s="3"/>
      <c r="H906" s="3"/>
      <c r="I906" s="3"/>
      <c r="J906" s="3"/>
      <c r="K906" s="14"/>
      <c r="L906" s="3"/>
    </row>
    <row r="907" spans="1:12" ht="16.5" customHeight="1" x14ac:dyDescent="0.3">
      <c r="A907" s="11"/>
      <c r="B907" s="11"/>
      <c r="C907" s="42"/>
      <c r="D907" s="3"/>
      <c r="E907" s="3"/>
      <c r="F907" s="3"/>
      <c r="G907" s="3"/>
      <c r="H907" s="3"/>
      <c r="I907" s="3"/>
      <c r="J907" s="3"/>
      <c r="K907" s="14"/>
      <c r="L907" s="3"/>
    </row>
    <row r="908" spans="1:12" ht="16.5" customHeight="1" x14ac:dyDescent="0.3">
      <c r="A908" s="11"/>
      <c r="B908" s="11"/>
      <c r="C908" s="42"/>
      <c r="D908" s="3"/>
      <c r="E908" s="3"/>
      <c r="F908" s="3"/>
      <c r="G908" s="3"/>
      <c r="H908" s="3"/>
      <c r="I908" s="3"/>
      <c r="J908" s="3"/>
      <c r="K908" s="14"/>
      <c r="L908" s="3"/>
    </row>
    <row r="909" spans="1:12" ht="16.5" customHeight="1" x14ac:dyDescent="0.3">
      <c r="A909" s="11"/>
      <c r="B909" s="11"/>
      <c r="C909" s="42"/>
      <c r="D909" s="3"/>
      <c r="E909" s="3"/>
      <c r="F909" s="3"/>
      <c r="G909" s="3"/>
      <c r="H909" s="3"/>
      <c r="I909" s="3"/>
      <c r="J909" s="3"/>
      <c r="K909" s="14"/>
      <c r="L909" s="3"/>
    </row>
    <row r="910" spans="1:12" ht="16.5" customHeight="1" x14ac:dyDescent="0.3">
      <c r="A910" s="11"/>
      <c r="B910" s="11"/>
      <c r="C910" s="42"/>
      <c r="D910" s="3"/>
      <c r="E910" s="3"/>
      <c r="F910" s="3"/>
      <c r="G910" s="3"/>
      <c r="H910" s="3"/>
      <c r="I910" s="3"/>
      <c r="J910" s="3"/>
      <c r="K910" s="14"/>
      <c r="L910" s="3"/>
    </row>
    <row r="911" spans="1:12" ht="16.5" customHeight="1" x14ac:dyDescent="0.3">
      <c r="A911" s="11"/>
      <c r="B911" s="11"/>
      <c r="C911" s="42"/>
      <c r="D911" s="3"/>
      <c r="E911" s="3"/>
      <c r="F911" s="3"/>
      <c r="G911" s="3"/>
      <c r="H911" s="3"/>
      <c r="I911" s="3"/>
      <c r="J911" s="3"/>
      <c r="K911" s="14"/>
      <c r="L911" s="3"/>
    </row>
    <row r="912" spans="1:12" ht="16.5" customHeight="1" x14ac:dyDescent="0.3">
      <c r="A912" s="11"/>
      <c r="B912" s="11"/>
      <c r="C912" s="42"/>
      <c r="D912" s="3"/>
      <c r="E912" s="3"/>
      <c r="F912" s="3"/>
      <c r="G912" s="3"/>
      <c r="H912" s="3"/>
      <c r="I912" s="3"/>
      <c r="J912" s="3"/>
      <c r="K912" s="14"/>
      <c r="L912" s="3"/>
    </row>
    <row r="913" spans="1:12" ht="16.5" customHeight="1" x14ac:dyDescent="0.3">
      <c r="A913" s="11"/>
      <c r="B913" s="11"/>
      <c r="C913" s="42"/>
      <c r="D913" s="3"/>
      <c r="E913" s="3"/>
      <c r="F913" s="3"/>
      <c r="G913" s="3"/>
      <c r="H913" s="3"/>
      <c r="I913" s="3"/>
      <c r="J913" s="3"/>
      <c r="K913" s="14"/>
      <c r="L913" s="3"/>
    </row>
    <row r="914" spans="1:12" ht="16.5" customHeight="1" x14ac:dyDescent="0.3">
      <c r="A914" s="11"/>
      <c r="B914" s="11"/>
      <c r="C914" s="42"/>
      <c r="D914" s="3"/>
      <c r="E914" s="3"/>
      <c r="F914" s="3"/>
      <c r="G914" s="3"/>
      <c r="H914" s="3"/>
      <c r="I914" s="3"/>
      <c r="J914" s="3"/>
      <c r="K914" s="14"/>
      <c r="L914" s="3"/>
    </row>
    <row r="915" spans="1:12" ht="16.5" customHeight="1" x14ac:dyDescent="0.3">
      <c r="A915" s="11"/>
      <c r="B915" s="11"/>
      <c r="C915" s="42"/>
      <c r="D915" s="3"/>
      <c r="E915" s="3"/>
      <c r="F915" s="3"/>
      <c r="G915" s="3"/>
      <c r="H915" s="3"/>
      <c r="I915" s="3"/>
      <c r="J915" s="3"/>
      <c r="K915" s="14"/>
      <c r="L915" s="3"/>
    </row>
    <row r="916" spans="1:12" ht="16.5" customHeight="1" x14ac:dyDescent="0.3">
      <c r="A916" s="11"/>
      <c r="B916" s="11"/>
      <c r="C916" s="42"/>
      <c r="D916" s="3"/>
      <c r="E916" s="3"/>
      <c r="F916" s="3"/>
      <c r="G916" s="3"/>
      <c r="H916" s="3"/>
      <c r="I916" s="3"/>
      <c r="J916" s="3"/>
      <c r="K916" s="14"/>
      <c r="L916" s="3"/>
    </row>
    <row r="917" spans="1:12" ht="16.5" customHeight="1" x14ac:dyDescent="0.3">
      <c r="A917" s="11"/>
      <c r="B917" s="11"/>
      <c r="C917" s="42"/>
      <c r="D917" s="3"/>
      <c r="E917" s="3"/>
      <c r="F917" s="3"/>
      <c r="G917" s="3"/>
      <c r="H917" s="3"/>
      <c r="I917" s="3"/>
      <c r="J917" s="3"/>
      <c r="K917" s="14"/>
      <c r="L917" s="3"/>
    </row>
    <row r="918" spans="1:12" ht="16.5" customHeight="1" x14ac:dyDescent="0.3">
      <c r="A918" s="11"/>
      <c r="B918" s="11"/>
      <c r="C918" s="42"/>
      <c r="D918" s="3"/>
      <c r="E918" s="3"/>
      <c r="F918" s="3"/>
      <c r="G918" s="3"/>
      <c r="H918" s="3"/>
      <c r="I918" s="3"/>
      <c r="J918" s="3"/>
      <c r="K918" s="14"/>
      <c r="L918" s="3"/>
    </row>
    <row r="919" spans="1:12" ht="16.5" customHeight="1" x14ac:dyDescent="0.3">
      <c r="A919" s="11"/>
      <c r="B919" s="11"/>
      <c r="C919" s="42"/>
      <c r="D919" s="3"/>
      <c r="E919" s="3"/>
      <c r="F919" s="3"/>
      <c r="G919" s="3"/>
      <c r="H919" s="3"/>
      <c r="I919" s="3"/>
      <c r="J919" s="3"/>
      <c r="K919" s="14"/>
      <c r="L919" s="3"/>
    </row>
    <row r="920" spans="1:12" ht="16.5" customHeight="1" x14ac:dyDescent="0.3">
      <c r="A920" s="11"/>
      <c r="B920" s="11"/>
      <c r="C920" s="42"/>
      <c r="D920" s="3"/>
      <c r="E920" s="3"/>
      <c r="F920" s="3"/>
      <c r="G920" s="3"/>
      <c r="H920" s="3"/>
      <c r="I920" s="3"/>
      <c r="J920" s="3"/>
      <c r="K920" s="14"/>
      <c r="L920" s="3"/>
    </row>
    <row r="921" spans="1:12" ht="16.5" customHeight="1" x14ac:dyDescent="0.3">
      <c r="A921" s="11"/>
      <c r="B921" s="11"/>
      <c r="C921" s="42"/>
      <c r="D921" s="3"/>
      <c r="E921" s="3"/>
      <c r="F921" s="3"/>
      <c r="G921" s="3"/>
      <c r="H921" s="3"/>
      <c r="I921" s="3"/>
      <c r="J921" s="3"/>
      <c r="K921" s="14"/>
      <c r="L921" s="3"/>
    </row>
    <row r="922" spans="1:12" ht="16.5" customHeight="1" x14ac:dyDescent="0.3">
      <c r="A922" s="11"/>
      <c r="B922" s="11"/>
      <c r="C922" s="42"/>
      <c r="D922" s="3"/>
      <c r="E922" s="3"/>
      <c r="F922" s="3"/>
      <c r="G922" s="3"/>
      <c r="H922" s="3"/>
      <c r="I922" s="3"/>
      <c r="J922" s="3"/>
      <c r="K922" s="14"/>
      <c r="L922" s="3"/>
    </row>
    <row r="923" spans="1:12" ht="16.5" customHeight="1" x14ac:dyDescent="0.3">
      <c r="A923" s="11"/>
      <c r="B923" s="11"/>
      <c r="C923" s="42"/>
      <c r="D923" s="3"/>
      <c r="E923" s="3"/>
      <c r="F923" s="3"/>
      <c r="G923" s="3"/>
      <c r="H923" s="3"/>
      <c r="I923" s="3"/>
      <c r="J923" s="3"/>
      <c r="K923" s="14"/>
      <c r="L923" s="3"/>
    </row>
    <row r="924" spans="1:12" ht="16.5" customHeight="1" x14ac:dyDescent="0.3">
      <c r="A924" s="11"/>
      <c r="B924" s="11"/>
      <c r="C924" s="42"/>
      <c r="D924" s="3"/>
      <c r="E924" s="3"/>
      <c r="F924" s="3"/>
      <c r="G924" s="3"/>
      <c r="H924" s="3"/>
      <c r="I924" s="3"/>
      <c r="J924" s="3"/>
      <c r="K924" s="14"/>
      <c r="L924" s="3"/>
    </row>
    <row r="925" spans="1:12" ht="16.5" customHeight="1" x14ac:dyDescent="0.3">
      <c r="A925" s="11"/>
      <c r="B925" s="11"/>
      <c r="C925" s="42"/>
      <c r="D925" s="3"/>
      <c r="E925" s="3"/>
      <c r="F925" s="3"/>
      <c r="G925" s="3"/>
      <c r="H925" s="3"/>
      <c r="I925" s="3"/>
      <c r="J925" s="3"/>
      <c r="K925" s="14"/>
      <c r="L925" s="3"/>
    </row>
    <row r="926" spans="1:12" ht="16.5" customHeight="1" x14ac:dyDescent="0.3">
      <c r="A926" s="11"/>
      <c r="B926" s="11"/>
      <c r="C926" s="42"/>
      <c r="D926" s="3"/>
      <c r="E926" s="3"/>
      <c r="F926" s="3"/>
      <c r="G926" s="3"/>
      <c r="H926" s="3"/>
      <c r="I926" s="3"/>
      <c r="J926" s="3"/>
      <c r="K926" s="14"/>
      <c r="L926" s="3"/>
    </row>
    <row r="927" spans="1:12" ht="16.5" customHeight="1" x14ac:dyDescent="0.3">
      <c r="A927" s="11"/>
      <c r="B927" s="11"/>
      <c r="C927" s="42"/>
      <c r="D927" s="3"/>
      <c r="E927" s="3"/>
      <c r="F927" s="3"/>
      <c r="G927" s="3"/>
      <c r="H927" s="3"/>
      <c r="I927" s="3"/>
      <c r="J927" s="3"/>
      <c r="K927" s="14"/>
      <c r="L927" s="3"/>
    </row>
    <row r="928" spans="1:12" ht="16.5" customHeight="1" x14ac:dyDescent="0.3">
      <c r="A928" s="11"/>
      <c r="B928" s="11"/>
      <c r="C928" s="42"/>
      <c r="D928" s="3"/>
      <c r="E928" s="3"/>
      <c r="F928" s="3"/>
      <c r="G928" s="3"/>
      <c r="H928" s="3"/>
      <c r="I928" s="3"/>
      <c r="J928" s="3"/>
      <c r="K928" s="14"/>
      <c r="L928" s="3"/>
    </row>
    <row r="929" spans="1:12" ht="16.5" customHeight="1" x14ac:dyDescent="0.3">
      <c r="A929" s="11"/>
      <c r="B929" s="11"/>
      <c r="C929" s="42"/>
      <c r="D929" s="3"/>
      <c r="E929" s="3"/>
      <c r="F929" s="3"/>
      <c r="G929" s="3"/>
      <c r="H929" s="3"/>
      <c r="I929" s="3"/>
      <c r="J929" s="3"/>
      <c r="K929" s="14"/>
      <c r="L929" s="3"/>
    </row>
    <row r="930" spans="1:12" ht="16.5" customHeight="1" x14ac:dyDescent="0.3">
      <c r="A930" s="11"/>
      <c r="B930" s="11"/>
      <c r="C930" s="42"/>
      <c r="D930" s="3"/>
      <c r="E930" s="3"/>
      <c r="F930" s="3"/>
      <c r="G930" s="3"/>
      <c r="H930" s="3"/>
      <c r="I930" s="3"/>
      <c r="J930" s="3"/>
      <c r="K930" s="14"/>
      <c r="L930" s="3"/>
    </row>
    <row r="931" spans="1:12" ht="16.5" customHeight="1" x14ac:dyDescent="0.3">
      <c r="A931" s="11"/>
      <c r="B931" s="11"/>
      <c r="C931" s="42"/>
      <c r="D931" s="3"/>
      <c r="E931" s="3"/>
      <c r="F931" s="3"/>
      <c r="G931" s="3"/>
      <c r="H931" s="3"/>
      <c r="I931" s="3"/>
      <c r="J931" s="3"/>
      <c r="K931" s="14"/>
      <c r="L931" s="3"/>
    </row>
    <row r="932" spans="1:12" ht="16.5" customHeight="1" x14ac:dyDescent="0.3">
      <c r="A932" s="11"/>
      <c r="B932" s="11"/>
      <c r="C932" s="42"/>
      <c r="D932" s="3"/>
      <c r="E932" s="3"/>
      <c r="F932" s="3"/>
      <c r="G932" s="3"/>
      <c r="H932" s="3"/>
      <c r="I932" s="3"/>
      <c r="J932" s="3"/>
      <c r="K932" s="14"/>
      <c r="L932" s="3"/>
    </row>
    <row r="933" spans="1:12" ht="16.5" customHeight="1" x14ac:dyDescent="0.3">
      <c r="A933" s="11"/>
      <c r="B933" s="11"/>
      <c r="C933" s="42"/>
      <c r="D933" s="3"/>
      <c r="E933" s="3"/>
      <c r="F933" s="3"/>
      <c r="G933" s="3"/>
      <c r="H933" s="3"/>
      <c r="I933" s="3"/>
      <c r="J933" s="3"/>
      <c r="K933" s="14"/>
      <c r="L933" s="3"/>
    </row>
    <row r="934" spans="1:12" ht="16.5" customHeight="1" x14ac:dyDescent="0.3">
      <c r="A934" s="11"/>
      <c r="B934" s="11"/>
      <c r="C934" s="42"/>
      <c r="D934" s="3"/>
      <c r="E934" s="3"/>
      <c r="F934" s="3"/>
      <c r="G934" s="3"/>
      <c r="H934" s="3"/>
      <c r="I934" s="3"/>
      <c r="J934" s="3"/>
      <c r="K934" s="14"/>
      <c r="L934" s="3"/>
    </row>
    <row r="935" spans="1:12" ht="16.5" customHeight="1" x14ac:dyDescent="0.3">
      <c r="A935" s="11"/>
      <c r="B935" s="11"/>
      <c r="C935" s="42"/>
      <c r="D935" s="3"/>
      <c r="E935" s="3"/>
      <c r="F935" s="3"/>
      <c r="G935" s="3"/>
      <c r="H935" s="3"/>
      <c r="I935" s="3"/>
      <c r="J935" s="3"/>
      <c r="K935" s="14"/>
      <c r="L935" s="3"/>
    </row>
    <row r="936" spans="1:12" ht="16.5" customHeight="1" x14ac:dyDescent="0.3">
      <c r="A936" s="11"/>
      <c r="B936" s="11"/>
      <c r="C936" s="42"/>
      <c r="D936" s="3"/>
      <c r="E936" s="3"/>
      <c r="F936" s="3"/>
      <c r="G936" s="3"/>
      <c r="H936" s="3"/>
      <c r="I936" s="3"/>
      <c r="J936" s="3"/>
      <c r="K936" s="14"/>
      <c r="L936" s="3"/>
    </row>
    <row r="937" spans="1:12" ht="16.5" customHeight="1" x14ac:dyDescent="0.3">
      <c r="A937" s="11"/>
      <c r="B937" s="11"/>
      <c r="C937" s="42"/>
      <c r="D937" s="3"/>
      <c r="E937" s="3"/>
      <c r="F937" s="3"/>
      <c r="G937" s="3"/>
      <c r="H937" s="3"/>
      <c r="I937" s="3"/>
      <c r="J937" s="3"/>
      <c r="K937" s="14"/>
      <c r="L937" s="3"/>
    </row>
    <row r="938" spans="1:12" ht="16.5" customHeight="1" x14ac:dyDescent="0.3">
      <c r="A938" s="11"/>
      <c r="B938" s="11"/>
      <c r="C938" s="42"/>
      <c r="D938" s="3"/>
      <c r="E938" s="3"/>
      <c r="F938" s="3"/>
      <c r="G938" s="3"/>
      <c r="H938" s="3"/>
      <c r="I938" s="3"/>
      <c r="J938" s="3"/>
      <c r="K938" s="14"/>
      <c r="L938" s="3"/>
    </row>
    <row r="939" spans="1:12" ht="16.5" customHeight="1" x14ac:dyDescent="0.3">
      <c r="A939" s="11"/>
      <c r="B939" s="11"/>
      <c r="C939" s="42"/>
      <c r="D939" s="3"/>
      <c r="E939" s="3"/>
      <c r="F939" s="3"/>
      <c r="G939" s="3"/>
      <c r="H939" s="3"/>
      <c r="I939" s="3"/>
      <c r="J939" s="3"/>
      <c r="K939" s="14"/>
      <c r="L939" s="3"/>
    </row>
    <row r="940" spans="1:12" ht="16.5" customHeight="1" x14ac:dyDescent="0.3">
      <c r="A940" s="11"/>
      <c r="B940" s="11"/>
      <c r="C940" s="42"/>
      <c r="D940" s="3"/>
      <c r="E940" s="3"/>
      <c r="F940" s="3"/>
      <c r="G940" s="3"/>
      <c r="H940" s="3"/>
      <c r="I940" s="3"/>
      <c r="J940" s="3"/>
      <c r="K940" s="14"/>
      <c r="L940" s="3"/>
    </row>
    <row r="941" spans="1:12" ht="16.5" customHeight="1" x14ac:dyDescent="0.3">
      <c r="A941" s="11"/>
      <c r="B941" s="11"/>
      <c r="C941" s="42"/>
      <c r="D941" s="3"/>
      <c r="E941" s="3"/>
      <c r="F941" s="3"/>
      <c r="G941" s="3"/>
      <c r="H941" s="3"/>
      <c r="I941" s="3"/>
      <c r="J941" s="3"/>
      <c r="K941" s="14"/>
      <c r="L941" s="3"/>
    </row>
    <row r="942" spans="1:12" ht="16.5" customHeight="1" x14ac:dyDescent="0.3">
      <c r="A942" s="11"/>
      <c r="B942" s="11"/>
      <c r="C942" s="42"/>
      <c r="D942" s="3"/>
      <c r="E942" s="3"/>
      <c r="F942" s="3"/>
      <c r="G942" s="3"/>
      <c r="H942" s="3"/>
      <c r="I942" s="3"/>
      <c r="J942" s="3"/>
      <c r="K942" s="14"/>
      <c r="L942" s="3"/>
    </row>
    <row r="943" spans="1:12" ht="16.5" customHeight="1" x14ac:dyDescent="0.3">
      <c r="A943" s="11"/>
      <c r="B943" s="11"/>
      <c r="C943" s="42"/>
      <c r="D943" s="3"/>
      <c r="E943" s="3"/>
      <c r="F943" s="3"/>
      <c r="G943" s="3"/>
      <c r="H943" s="3"/>
      <c r="I943" s="3"/>
      <c r="J943" s="3"/>
      <c r="K943" s="14"/>
      <c r="L943" s="3"/>
    </row>
    <row r="944" spans="1:12" ht="16.5" customHeight="1" x14ac:dyDescent="0.3">
      <c r="A944" s="11"/>
      <c r="B944" s="11"/>
      <c r="C944" s="42"/>
      <c r="D944" s="3"/>
      <c r="E944" s="3"/>
      <c r="F944" s="3"/>
      <c r="G944" s="3"/>
      <c r="H944" s="3"/>
      <c r="I944" s="3"/>
      <c r="J944" s="3"/>
      <c r="K944" s="14"/>
      <c r="L944" s="3"/>
    </row>
    <row r="945" spans="1:12" ht="16.5" customHeight="1" x14ac:dyDescent="0.3">
      <c r="A945" s="11"/>
      <c r="B945" s="11"/>
      <c r="C945" s="42"/>
      <c r="D945" s="3"/>
      <c r="E945" s="3"/>
      <c r="F945" s="3"/>
      <c r="G945" s="3"/>
      <c r="H945" s="3"/>
      <c r="I945" s="3"/>
      <c r="J945" s="3"/>
      <c r="K945" s="14"/>
      <c r="L945" s="3"/>
    </row>
    <row r="946" spans="1:12" ht="16.5" customHeight="1" x14ac:dyDescent="0.3">
      <c r="A946" s="11"/>
      <c r="B946" s="11"/>
      <c r="C946" s="42"/>
      <c r="D946" s="3"/>
      <c r="E946" s="3"/>
      <c r="F946" s="3"/>
      <c r="G946" s="3"/>
      <c r="H946" s="3"/>
      <c r="I946" s="3"/>
      <c r="J946" s="3"/>
      <c r="K946" s="14"/>
      <c r="L946" s="3"/>
    </row>
    <row r="947" spans="1:12" ht="16.5" customHeight="1" x14ac:dyDescent="0.3">
      <c r="A947" s="11"/>
      <c r="B947" s="11"/>
      <c r="C947" s="42"/>
      <c r="D947" s="3"/>
      <c r="E947" s="3"/>
      <c r="F947" s="3"/>
      <c r="G947" s="3"/>
      <c r="H947" s="3"/>
      <c r="I947" s="3"/>
      <c r="J947" s="3"/>
      <c r="K947" s="14"/>
      <c r="L947" s="3"/>
    </row>
    <row r="948" spans="1:12" ht="16.5" customHeight="1" x14ac:dyDescent="0.3">
      <c r="A948" s="11"/>
      <c r="B948" s="11"/>
      <c r="C948" s="42"/>
      <c r="D948" s="3"/>
      <c r="E948" s="3"/>
      <c r="F948" s="3"/>
      <c r="G948" s="3"/>
      <c r="H948" s="3"/>
      <c r="I948" s="3"/>
      <c r="J948" s="3"/>
      <c r="K948" s="14"/>
      <c r="L948" s="3"/>
    </row>
    <row r="949" spans="1:12" ht="16.5" customHeight="1" x14ac:dyDescent="0.3">
      <c r="A949" s="11"/>
      <c r="B949" s="11"/>
      <c r="C949" s="42"/>
      <c r="D949" s="3"/>
      <c r="E949" s="3"/>
      <c r="F949" s="3"/>
      <c r="G949" s="3"/>
      <c r="H949" s="3"/>
      <c r="I949" s="3"/>
      <c r="J949" s="3"/>
      <c r="K949" s="14"/>
      <c r="L949" s="3"/>
    </row>
    <row r="950" spans="1:12" ht="16.5" customHeight="1" x14ac:dyDescent="0.3">
      <c r="A950" s="11"/>
      <c r="B950" s="11"/>
      <c r="C950" s="42"/>
      <c r="D950" s="3"/>
      <c r="E950" s="3"/>
      <c r="F950" s="3"/>
      <c r="G950" s="3"/>
      <c r="H950" s="3"/>
      <c r="I950" s="3"/>
      <c r="J950" s="3"/>
      <c r="K950" s="14"/>
      <c r="L950" s="3"/>
    </row>
    <row r="951" spans="1:12" ht="16.5" customHeight="1" x14ac:dyDescent="0.3">
      <c r="A951" s="11"/>
      <c r="B951" s="11"/>
      <c r="C951" s="42"/>
      <c r="D951" s="3"/>
      <c r="E951" s="3"/>
      <c r="F951" s="3"/>
      <c r="G951" s="3"/>
      <c r="H951" s="3"/>
      <c r="I951" s="3"/>
      <c r="J951" s="3"/>
      <c r="K951" s="14"/>
      <c r="L951" s="3"/>
    </row>
    <row r="952" spans="1:12" ht="16.5" customHeight="1" x14ac:dyDescent="0.3">
      <c r="A952" s="11"/>
      <c r="B952" s="11"/>
      <c r="C952" s="42"/>
      <c r="D952" s="3"/>
      <c r="E952" s="3"/>
      <c r="F952" s="3"/>
      <c r="G952" s="3"/>
      <c r="H952" s="3"/>
      <c r="I952" s="3"/>
      <c r="J952" s="3"/>
      <c r="K952" s="14"/>
      <c r="L952" s="3"/>
    </row>
    <row r="953" spans="1:12" ht="16.5" customHeight="1" x14ac:dyDescent="0.3">
      <c r="A953" s="11"/>
      <c r="B953" s="11"/>
      <c r="C953" s="42"/>
      <c r="D953" s="3"/>
      <c r="E953" s="3"/>
      <c r="F953" s="3"/>
      <c r="G953" s="3"/>
      <c r="H953" s="3"/>
      <c r="I953" s="3"/>
      <c r="J953" s="3"/>
      <c r="K953" s="14"/>
      <c r="L953" s="3"/>
    </row>
    <row r="954" spans="1:12" ht="16.5" customHeight="1" x14ac:dyDescent="0.3">
      <c r="A954" s="11"/>
      <c r="B954" s="11"/>
      <c r="C954" s="42"/>
      <c r="D954" s="3"/>
      <c r="E954" s="3"/>
      <c r="F954" s="3"/>
      <c r="G954" s="3"/>
      <c r="H954" s="3"/>
      <c r="I954" s="3"/>
      <c r="J954" s="3"/>
      <c r="K954" s="14"/>
      <c r="L954" s="3"/>
    </row>
    <row r="955" spans="1:12" ht="16.5" customHeight="1" x14ac:dyDescent="0.3">
      <c r="A955" s="11"/>
      <c r="B955" s="11"/>
      <c r="C955" s="42"/>
      <c r="D955" s="3"/>
      <c r="E955" s="3"/>
      <c r="F955" s="3"/>
      <c r="G955" s="3"/>
      <c r="H955" s="3"/>
      <c r="I955" s="3"/>
      <c r="J955" s="3"/>
      <c r="K955" s="14"/>
      <c r="L955" s="3"/>
    </row>
    <row r="956" spans="1:12" ht="16.5" customHeight="1" x14ac:dyDescent="0.3">
      <c r="A956" s="11"/>
      <c r="B956" s="11"/>
      <c r="C956" s="42"/>
      <c r="D956" s="3"/>
      <c r="E956" s="3"/>
      <c r="F956" s="3"/>
      <c r="G956" s="3"/>
      <c r="H956" s="3"/>
      <c r="I956" s="3"/>
      <c r="J956" s="3"/>
      <c r="K956" s="14"/>
      <c r="L956" s="3"/>
    </row>
    <row r="957" spans="1:12" ht="16.5" customHeight="1" x14ac:dyDescent="0.3">
      <c r="A957" s="11"/>
      <c r="B957" s="11"/>
      <c r="C957" s="42"/>
      <c r="D957" s="3"/>
      <c r="E957" s="3"/>
      <c r="F957" s="3"/>
      <c r="G957" s="3"/>
      <c r="H957" s="3"/>
      <c r="I957" s="3"/>
      <c r="J957" s="3"/>
      <c r="K957" s="14"/>
      <c r="L957" s="3"/>
    </row>
    <row r="958" spans="1:12" ht="16.5" customHeight="1" x14ac:dyDescent="0.3">
      <c r="A958" s="11"/>
      <c r="B958" s="11"/>
      <c r="C958" s="42"/>
      <c r="D958" s="3"/>
      <c r="E958" s="3"/>
      <c r="F958" s="3"/>
      <c r="G958" s="3"/>
      <c r="H958" s="3"/>
      <c r="I958" s="3"/>
      <c r="J958" s="3"/>
      <c r="K958" s="14"/>
      <c r="L958" s="3"/>
    </row>
    <row r="959" spans="1:12" ht="16.5" customHeight="1" x14ac:dyDescent="0.3">
      <c r="A959" s="11"/>
      <c r="B959" s="11"/>
      <c r="C959" s="42"/>
      <c r="D959" s="3"/>
      <c r="E959" s="3"/>
      <c r="F959" s="3"/>
      <c r="G959" s="3"/>
      <c r="H959" s="3"/>
      <c r="I959" s="3"/>
      <c r="J959" s="3"/>
      <c r="K959" s="14"/>
      <c r="L959" s="3"/>
    </row>
    <row r="960" spans="1:12" ht="16.5" customHeight="1" x14ac:dyDescent="0.3">
      <c r="A960" s="11"/>
      <c r="B960" s="11"/>
      <c r="C960" s="42"/>
      <c r="D960" s="3"/>
      <c r="E960" s="3"/>
      <c r="F960" s="3"/>
      <c r="G960" s="3"/>
      <c r="H960" s="3"/>
      <c r="I960" s="3"/>
      <c r="J960" s="3"/>
      <c r="K960" s="14"/>
      <c r="L960" s="3"/>
    </row>
    <row r="961" spans="1:12" ht="16.5" customHeight="1" x14ac:dyDescent="0.3">
      <c r="A961" s="11"/>
      <c r="B961" s="11"/>
      <c r="C961" s="42"/>
      <c r="D961" s="3"/>
      <c r="E961" s="3"/>
      <c r="F961" s="3"/>
      <c r="G961" s="3"/>
      <c r="H961" s="3"/>
      <c r="I961" s="3"/>
      <c r="J961" s="3"/>
      <c r="K961" s="14"/>
      <c r="L961" s="3"/>
    </row>
    <row r="962" spans="1:12" ht="16.5" customHeight="1" x14ac:dyDescent="0.3">
      <c r="A962" s="11"/>
      <c r="B962" s="11"/>
      <c r="C962" s="42"/>
      <c r="D962" s="3"/>
      <c r="E962" s="3"/>
      <c r="F962" s="3"/>
      <c r="G962" s="3"/>
      <c r="H962" s="3"/>
      <c r="I962" s="3"/>
      <c r="J962" s="3"/>
      <c r="K962" s="14"/>
      <c r="L962" s="3"/>
    </row>
    <row r="963" spans="1:12" ht="16.5" customHeight="1" x14ac:dyDescent="0.3">
      <c r="A963" s="11"/>
      <c r="B963" s="11"/>
      <c r="C963" s="42"/>
      <c r="D963" s="3"/>
      <c r="E963" s="3"/>
      <c r="F963" s="3"/>
      <c r="G963" s="3"/>
      <c r="H963" s="3"/>
      <c r="I963" s="3"/>
      <c r="J963" s="3"/>
      <c r="K963" s="14"/>
      <c r="L963" s="3"/>
    </row>
    <row r="964" spans="1:12" ht="16.5" customHeight="1" x14ac:dyDescent="0.3">
      <c r="A964" s="11"/>
      <c r="B964" s="11"/>
      <c r="C964" s="42"/>
      <c r="D964" s="3"/>
      <c r="E964" s="3"/>
      <c r="F964" s="3"/>
      <c r="G964" s="3"/>
      <c r="H964" s="3"/>
      <c r="I964" s="3"/>
      <c r="J964" s="3"/>
      <c r="K964" s="14"/>
      <c r="L964" s="3"/>
    </row>
    <row r="965" spans="1:12" ht="16.5" customHeight="1" x14ac:dyDescent="0.3">
      <c r="A965" s="11"/>
      <c r="B965" s="11"/>
      <c r="C965" s="42"/>
      <c r="D965" s="3"/>
      <c r="E965" s="3"/>
      <c r="F965" s="3"/>
      <c r="G965" s="3"/>
      <c r="H965" s="3"/>
      <c r="I965" s="3"/>
      <c r="J965" s="3"/>
      <c r="K965" s="14"/>
      <c r="L965" s="3"/>
    </row>
    <row r="966" spans="1:12" ht="16.5" customHeight="1" x14ac:dyDescent="0.3">
      <c r="A966" s="11"/>
      <c r="B966" s="11"/>
      <c r="C966" s="42"/>
      <c r="D966" s="3"/>
      <c r="E966" s="3"/>
      <c r="F966" s="3"/>
      <c r="G966" s="3"/>
      <c r="H966" s="3"/>
      <c r="I966" s="3"/>
      <c r="J966" s="3"/>
      <c r="K966" s="14"/>
      <c r="L966" s="3"/>
    </row>
    <row r="967" spans="1:12" ht="16.5" customHeight="1" x14ac:dyDescent="0.3">
      <c r="A967" s="11"/>
      <c r="B967" s="11"/>
      <c r="C967" s="42"/>
      <c r="D967" s="3"/>
      <c r="E967" s="3"/>
      <c r="F967" s="3"/>
      <c r="G967" s="3"/>
      <c r="H967" s="3"/>
      <c r="I967" s="3"/>
      <c r="J967" s="3"/>
      <c r="K967" s="14"/>
      <c r="L967" s="3"/>
    </row>
    <row r="968" spans="1:12" ht="16.5" customHeight="1" x14ac:dyDescent="0.3">
      <c r="A968" s="11"/>
      <c r="B968" s="11"/>
      <c r="C968" s="42"/>
      <c r="D968" s="3"/>
      <c r="E968" s="3"/>
      <c r="F968" s="3"/>
      <c r="G968" s="3"/>
      <c r="H968" s="3"/>
      <c r="I968" s="3"/>
      <c r="J968" s="3"/>
      <c r="K968" s="14"/>
      <c r="L968" s="3"/>
    </row>
    <row r="969" spans="1:12" ht="16.5" customHeight="1" x14ac:dyDescent="0.3">
      <c r="A969" s="11"/>
      <c r="B969" s="11"/>
      <c r="C969" s="42"/>
      <c r="D969" s="3"/>
      <c r="E969" s="3"/>
      <c r="F969" s="3"/>
      <c r="G969" s="3"/>
      <c r="H969" s="3"/>
      <c r="I969" s="3"/>
      <c r="J969" s="3"/>
      <c r="K969" s="14"/>
      <c r="L969" s="3"/>
    </row>
    <row r="970" spans="1:12" ht="16.5" customHeight="1" x14ac:dyDescent="0.3">
      <c r="A970" s="11"/>
      <c r="B970" s="11"/>
      <c r="C970" s="42"/>
      <c r="D970" s="3"/>
      <c r="E970" s="3"/>
      <c r="F970" s="3"/>
      <c r="G970" s="3"/>
      <c r="H970" s="3"/>
      <c r="I970" s="3"/>
      <c r="J970" s="3"/>
      <c r="K970" s="14"/>
      <c r="L970" s="3"/>
    </row>
    <row r="971" spans="1:12" ht="16.5" customHeight="1" x14ac:dyDescent="0.3">
      <c r="A971" s="11"/>
      <c r="B971" s="11"/>
      <c r="C971" s="42"/>
      <c r="D971" s="3"/>
      <c r="E971" s="3"/>
      <c r="F971" s="3"/>
      <c r="G971" s="3"/>
      <c r="H971" s="3"/>
      <c r="I971" s="3"/>
      <c r="J971" s="3"/>
      <c r="K971" s="14"/>
      <c r="L971" s="3"/>
    </row>
    <row r="972" spans="1:12" ht="16.5" customHeight="1" x14ac:dyDescent="0.3">
      <c r="A972" s="11"/>
      <c r="B972" s="11"/>
      <c r="C972" s="42"/>
      <c r="D972" s="3"/>
      <c r="E972" s="3"/>
      <c r="F972" s="3"/>
      <c r="G972" s="3"/>
      <c r="H972" s="3"/>
      <c r="I972" s="3"/>
      <c r="J972" s="3"/>
      <c r="K972" s="14"/>
      <c r="L972" s="3"/>
    </row>
    <row r="973" spans="1:12" ht="16.5" customHeight="1" x14ac:dyDescent="0.3">
      <c r="A973" s="11"/>
      <c r="B973" s="11"/>
      <c r="C973" s="42"/>
      <c r="D973" s="3"/>
      <c r="E973" s="3"/>
      <c r="F973" s="3"/>
      <c r="G973" s="3"/>
      <c r="H973" s="3"/>
      <c r="I973" s="3"/>
      <c r="J973" s="3"/>
      <c r="K973" s="14"/>
      <c r="L973" s="3"/>
    </row>
    <row r="974" spans="1:12" ht="16.5" customHeight="1" x14ac:dyDescent="0.3">
      <c r="A974" s="11"/>
      <c r="B974" s="11"/>
      <c r="C974" s="42"/>
      <c r="D974" s="3"/>
      <c r="E974" s="3"/>
      <c r="F974" s="3"/>
      <c r="G974" s="3"/>
      <c r="H974" s="3"/>
      <c r="I974" s="3"/>
      <c r="J974" s="3"/>
      <c r="K974" s="14"/>
      <c r="L974" s="3"/>
    </row>
    <row r="975" spans="1:12" ht="16.5" customHeight="1" x14ac:dyDescent="0.3">
      <c r="A975" s="11"/>
      <c r="B975" s="11"/>
      <c r="C975" s="42"/>
      <c r="D975" s="3"/>
      <c r="E975" s="3"/>
      <c r="F975" s="3"/>
      <c r="G975" s="3"/>
      <c r="H975" s="3"/>
      <c r="I975" s="3"/>
      <c r="J975" s="3"/>
      <c r="K975" s="14"/>
      <c r="L975" s="3"/>
    </row>
    <row r="976" spans="1:12" ht="16.5" customHeight="1" x14ac:dyDescent="0.3">
      <c r="A976" s="11"/>
      <c r="B976" s="11"/>
      <c r="C976" s="42"/>
      <c r="D976" s="3"/>
      <c r="E976" s="3"/>
      <c r="F976" s="3"/>
      <c r="G976" s="3"/>
      <c r="H976" s="3"/>
      <c r="I976" s="3"/>
      <c r="J976" s="3"/>
      <c r="K976" s="14"/>
      <c r="L976" s="3"/>
    </row>
    <row r="977" spans="1:12" ht="16.5" customHeight="1" x14ac:dyDescent="0.3">
      <c r="A977" s="11"/>
      <c r="B977" s="11"/>
      <c r="C977" s="42"/>
      <c r="D977" s="3"/>
      <c r="E977" s="3"/>
      <c r="F977" s="3"/>
      <c r="G977" s="3"/>
      <c r="H977" s="3"/>
      <c r="I977" s="3"/>
      <c r="J977" s="3"/>
      <c r="K977" s="14"/>
      <c r="L977" s="3"/>
    </row>
    <row r="978" spans="1:12" ht="16.5" customHeight="1" x14ac:dyDescent="0.3">
      <c r="A978" s="11"/>
      <c r="B978" s="11"/>
      <c r="C978" s="42"/>
      <c r="D978" s="3"/>
      <c r="E978" s="3"/>
      <c r="F978" s="3"/>
      <c r="G978" s="3"/>
      <c r="H978" s="3"/>
      <c r="I978" s="3"/>
      <c r="J978" s="3"/>
      <c r="K978" s="14"/>
      <c r="L978" s="3"/>
    </row>
    <row r="979" spans="1:12" ht="16.5" customHeight="1" x14ac:dyDescent="0.3">
      <c r="A979" s="11"/>
      <c r="B979" s="11"/>
      <c r="C979" s="42"/>
      <c r="D979" s="3"/>
      <c r="E979" s="3"/>
      <c r="F979" s="3"/>
      <c r="G979" s="3"/>
      <c r="H979" s="3"/>
      <c r="I979" s="3"/>
      <c r="J979" s="3"/>
      <c r="K979" s="14"/>
      <c r="L979" s="3"/>
    </row>
    <row r="980" spans="1:12" ht="16.5" customHeight="1" x14ac:dyDescent="0.3">
      <c r="A980" s="11"/>
      <c r="B980" s="11"/>
      <c r="C980" s="42"/>
      <c r="D980" s="3"/>
      <c r="E980" s="3"/>
      <c r="F980" s="3"/>
      <c r="G980" s="3"/>
      <c r="H980" s="3"/>
      <c r="I980" s="3"/>
      <c r="J980" s="3"/>
      <c r="K980" s="14"/>
      <c r="L980" s="3"/>
    </row>
    <row r="981" spans="1:12" ht="16.5" customHeight="1" x14ac:dyDescent="0.3">
      <c r="A981" s="11"/>
      <c r="B981" s="11"/>
      <c r="C981" s="42"/>
      <c r="D981" s="3"/>
      <c r="E981" s="3"/>
      <c r="F981" s="3"/>
      <c r="G981" s="3"/>
      <c r="H981" s="3"/>
      <c r="I981" s="3"/>
      <c r="J981" s="3"/>
      <c r="K981" s="14"/>
      <c r="L981" s="3"/>
    </row>
    <row r="982" spans="1:12" ht="16.5" customHeight="1" x14ac:dyDescent="0.3">
      <c r="A982" s="11"/>
      <c r="B982" s="11"/>
      <c r="C982" s="42"/>
      <c r="D982" s="3"/>
      <c r="E982" s="3"/>
      <c r="F982" s="3"/>
      <c r="G982" s="3"/>
      <c r="H982" s="3"/>
      <c r="I982" s="3"/>
      <c r="J982" s="3"/>
      <c r="K982" s="14"/>
      <c r="L982" s="3"/>
    </row>
    <row r="983" spans="1:12" ht="16.5" customHeight="1" x14ac:dyDescent="0.3">
      <c r="A983" s="11"/>
      <c r="B983" s="11"/>
      <c r="C983" s="42"/>
      <c r="D983" s="3"/>
      <c r="E983" s="3"/>
      <c r="F983" s="3"/>
      <c r="G983" s="3"/>
      <c r="H983" s="3"/>
      <c r="I983" s="3"/>
      <c r="J983" s="3"/>
      <c r="K983" s="14"/>
      <c r="L983" s="3"/>
    </row>
    <row r="984" spans="1:12" ht="16.5" customHeight="1" x14ac:dyDescent="0.3">
      <c r="A984" s="11"/>
      <c r="B984" s="11"/>
      <c r="C984" s="42"/>
      <c r="D984" s="3"/>
      <c r="E984" s="3"/>
      <c r="F984" s="3"/>
      <c r="G984" s="3"/>
      <c r="H984" s="3"/>
      <c r="I984" s="3"/>
      <c r="J984" s="3"/>
      <c r="K984" s="14"/>
      <c r="L984" s="3"/>
    </row>
    <row r="985" spans="1:12" ht="16.5" customHeight="1" x14ac:dyDescent="0.3">
      <c r="A985" s="11"/>
      <c r="B985" s="11"/>
      <c r="C985" s="42"/>
      <c r="D985" s="3"/>
      <c r="E985" s="3"/>
      <c r="F985" s="3"/>
      <c r="G985" s="3"/>
      <c r="H985" s="3"/>
      <c r="I985" s="3"/>
      <c r="J985" s="3"/>
      <c r="K985" s="14"/>
      <c r="L985" s="3"/>
    </row>
    <row r="986" spans="1:12" ht="16.5" customHeight="1" x14ac:dyDescent="0.3">
      <c r="A986" s="11"/>
      <c r="B986" s="11"/>
      <c r="C986" s="42"/>
      <c r="D986" s="3"/>
      <c r="E986" s="3"/>
      <c r="F986" s="3"/>
      <c r="G986" s="3"/>
      <c r="H986" s="3"/>
      <c r="I986" s="3"/>
      <c r="J986" s="3"/>
      <c r="K986" s="14"/>
      <c r="L986" s="3"/>
    </row>
    <row r="987" spans="1:12" ht="16.5" customHeight="1" x14ac:dyDescent="0.3">
      <c r="A987" s="11"/>
      <c r="B987" s="11"/>
      <c r="C987" s="42"/>
      <c r="D987" s="3"/>
      <c r="E987" s="3"/>
      <c r="F987" s="3"/>
      <c r="G987" s="3"/>
      <c r="H987" s="3"/>
      <c r="I987" s="3"/>
      <c r="J987" s="3"/>
      <c r="K987" s="14"/>
      <c r="L987" s="3"/>
    </row>
    <row r="988" spans="1:12" ht="16.5" customHeight="1" x14ac:dyDescent="0.3">
      <c r="A988" s="11"/>
      <c r="B988" s="11"/>
      <c r="C988" s="42"/>
      <c r="D988" s="3"/>
      <c r="E988" s="3"/>
      <c r="F988" s="3"/>
      <c r="G988" s="3"/>
      <c r="H988" s="3"/>
      <c r="I988" s="3"/>
      <c r="J988" s="3"/>
      <c r="K988" s="14"/>
      <c r="L988" s="3"/>
    </row>
    <row r="989" spans="1:12" ht="16.5" customHeight="1" x14ac:dyDescent="0.3">
      <c r="A989" s="11"/>
      <c r="B989" s="11"/>
      <c r="C989" s="42"/>
      <c r="D989" s="3"/>
      <c r="E989" s="3"/>
      <c r="F989" s="3"/>
      <c r="G989" s="3"/>
      <c r="H989" s="3"/>
      <c r="I989" s="3"/>
      <c r="J989" s="3"/>
      <c r="K989" s="14"/>
      <c r="L989" s="3"/>
    </row>
    <row r="990" spans="1:12" ht="16.5" customHeight="1" x14ac:dyDescent="0.3">
      <c r="A990" s="11"/>
      <c r="B990" s="11"/>
      <c r="C990" s="42"/>
      <c r="D990" s="3"/>
      <c r="E990" s="3"/>
      <c r="F990" s="3"/>
      <c r="G990" s="3"/>
      <c r="H990" s="3"/>
      <c r="I990" s="3"/>
      <c r="J990" s="3"/>
      <c r="K990" s="14"/>
      <c r="L990" s="3"/>
    </row>
    <row r="991" spans="1:12" ht="16.5" customHeight="1" x14ac:dyDescent="0.3">
      <c r="A991" s="11"/>
      <c r="B991" s="11"/>
      <c r="C991" s="42"/>
      <c r="D991" s="3"/>
      <c r="E991" s="3"/>
      <c r="F991" s="3"/>
      <c r="G991" s="3"/>
      <c r="H991" s="3"/>
      <c r="I991" s="3"/>
      <c r="J991" s="3"/>
      <c r="K991" s="14"/>
      <c r="L991" s="3"/>
    </row>
    <row r="992" spans="1:12" ht="16.5" customHeight="1" x14ac:dyDescent="0.3">
      <c r="A992" s="11"/>
      <c r="B992" s="11"/>
      <c r="C992" s="42"/>
      <c r="D992" s="3"/>
      <c r="E992" s="3"/>
      <c r="F992" s="3"/>
      <c r="G992" s="3"/>
      <c r="H992" s="3"/>
      <c r="I992" s="3"/>
      <c r="J992" s="3"/>
      <c r="K992" s="14"/>
      <c r="L992" s="3"/>
    </row>
    <row r="993" spans="1:12" ht="16.5" customHeight="1" x14ac:dyDescent="0.3">
      <c r="A993" s="11"/>
      <c r="B993" s="11"/>
      <c r="C993" s="42"/>
      <c r="D993" s="3"/>
      <c r="E993" s="3"/>
      <c r="F993" s="3"/>
      <c r="G993" s="3"/>
      <c r="H993" s="3"/>
      <c r="I993" s="3"/>
      <c r="J993" s="3"/>
      <c r="K993" s="14"/>
      <c r="L993" s="3"/>
    </row>
    <row r="994" spans="1:12" ht="16.5" customHeight="1" x14ac:dyDescent="0.3">
      <c r="A994" s="11"/>
      <c r="B994" s="11"/>
      <c r="C994" s="42"/>
      <c r="D994" s="3"/>
      <c r="E994" s="3"/>
      <c r="F994" s="3"/>
      <c r="G994" s="3"/>
      <c r="H994" s="3"/>
      <c r="I994" s="3"/>
      <c r="J994" s="3"/>
      <c r="K994" s="14"/>
      <c r="L994" s="3"/>
    </row>
    <row r="995" spans="1:12" ht="16.5" customHeight="1" x14ac:dyDescent="0.3">
      <c r="A995" s="11"/>
      <c r="B995" s="11"/>
      <c r="C995" s="42"/>
      <c r="D995" s="3"/>
      <c r="E995" s="3"/>
      <c r="F995" s="3"/>
      <c r="G995" s="3"/>
      <c r="H995" s="3"/>
      <c r="I995" s="3"/>
      <c r="J995" s="3"/>
      <c r="K995" s="14"/>
      <c r="L995" s="3"/>
    </row>
    <row r="996" spans="1:12" ht="16.5" customHeight="1" x14ac:dyDescent="0.3">
      <c r="A996" s="11"/>
      <c r="B996" s="11"/>
      <c r="C996" s="42"/>
      <c r="D996" s="3"/>
      <c r="E996" s="3"/>
      <c r="F996" s="3"/>
      <c r="G996" s="3"/>
      <c r="H996" s="3"/>
      <c r="I996" s="3"/>
      <c r="J996" s="3"/>
      <c r="K996" s="14"/>
      <c r="L996" s="3"/>
    </row>
    <row r="997" spans="1:12" ht="16.5" customHeight="1" x14ac:dyDescent="0.3">
      <c r="A997" s="11"/>
      <c r="B997" s="11"/>
      <c r="C997" s="42"/>
      <c r="D997" s="3"/>
      <c r="E997" s="3"/>
      <c r="F997" s="3"/>
      <c r="G997" s="3"/>
      <c r="H997" s="3"/>
      <c r="I997" s="3"/>
      <c r="J997" s="3"/>
      <c r="K997" s="14"/>
      <c r="L997" s="3"/>
    </row>
    <row r="998" spans="1:12" ht="16.5" customHeight="1" x14ac:dyDescent="0.3">
      <c r="A998" s="11"/>
      <c r="B998" s="11"/>
      <c r="C998" s="42"/>
      <c r="D998" s="3"/>
      <c r="E998" s="3"/>
      <c r="F998" s="3"/>
      <c r="G998" s="3"/>
      <c r="H998" s="3"/>
      <c r="I998" s="3"/>
      <c r="J998" s="3"/>
      <c r="K998" s="14"/>
      <c r="L998" s="3"/>
    </row>
    <row r="999" spans="1:12" ht="16.5" customHeight="1" x14ac:dyDescent="0.3">
      <c r="A999" s="11"/>
      <c r="B999" s="11"/>
      <c r="C999" s="42"/>
      <c r="D999" s="3"/>
      <c r="E999" s="3"/>
      <c r="F999" s="3"/>
      <c r="G999" s="3"/>
      <c r="H999" s="3"/>
      <c r="I999" s="3"/>
      <c r="J999" s="3"/>
      <c r="K999" s="14"/>
      <c r="L999" s="3"/>
    </row>
    <row r="1000" spans="1:12" ht="16.5" customHeight="1" x14ac:dyDescent="0.3">
      <c r="A1000" s="11"/>
      <c r="B1000" s="11"/>
      <c r="C1000" s="42"/>
      <c r="D1000" s="3"/>
      <c r="E1000" s="3"/>
      <c r="F1000" s="3"/>
      <c r="G1000" s="3"/>
      <c r="H1000" s="3"/>
      <c r="I1000" s="3"/>
      <c r="J1000" s="3"/>
      <c r="K1000" s="14"/>
      <c r="L1000" s="3"/>
    </row>
    <row r="1001" spans="1:12" ht="16.5" customHeight="1" x14ac:dyDescent="0.3">
      <c r="A1001" s="11"/>
      <c r="B1001" s="11"/>
      <c r="C1001" s="42"/>
      <c r="D1001" s="3"/>
      <c r="E1001" s="3"/>
      <c r="F1001" s="3"/>
      <c r="G1001" s="3"/>
      <c r="H1001" s="3"/>
      <c r="I1001" s="3"/>
      <c r="J1001" s="3"/>
      <c r="K1001" s="14"/>
      <c r="L1001" s="3"/>
    </row>
    <row r="1002" spans="1:12" ht="16.5" customHeight="1" x14ac:dyDescent="0.3">
      <c r="A1002" s="11"/>
      <c r="B1002" s="11"/>
      <c r="C1002" s="42"/>
      <c r="D1002" s="3"/>
      <c r="E1002" s="3"/>
      <c r="F1002" s="3"/>
      <c r="G1002" s="3"/>
      <c r="H1002" s="3"/>
      <c r="I1002" s="3"/>
      <c r="J1002" s="3"/>
      <c r="K1002" s="14"/>
      <c r="L1002" s="3"/>
    </row>
    <row r="1003" spans="1:12" ht="16.5" customHeight="1" x14ac:dyDescent="0.3">
      <c r="A1003" s="11"/>
      <c r="B1003" s="11"/>
      <c r="C1003" s="42"/>
      <c r="D1003" s="3"/>
      <c r="E1003" s="3"/>
      <c r="F1003" s="3"/>
      <c r="G1003" s="3"/>
      <c r="H1003" s="3"/>
      <c r="I1003" s="3"/>
      <c r="J1003" s="3"/>
      <c r="K1003" s="14"/>
      <c r="L1003" s="3"/>
    </row>
    <row r="1004" spans="1:12" ht="16.5" customHeight="1" x14ac:dyDescent="0.3">
      <c r="A1004" s="11"/>
      <c r="B1004" s="11"/>
      <c r="C1004" s="42"/>
      <c r="D1004" s="3"/>
      <c r="E1004" s="3"/>
      <c r="F1004" s="3"/>
      <c r="G1004" s="3"/>
      <c r="H1004" s="3"/>
      <c r="I1004" s="3"/>
      <c r="J1004" s="3"/>
      <c r="K1004" s="14"/>
      <c r="L1004" s="3"/>
    </row>
    <row r="1005" spans="1:12" ht="16.5" customHeight="1" x14ac:dyDescent="0.3">
      <c r="A1005" s="11"/>
      <c r="B1005" s="11"/>
      <c r="C1005" s="42"/>
      <c r="D1005" s="3"/>
      <c r="E1005" s="3"/>
      <c r="F1005" s="3"/>
      <c r="G1005" s="3"/>
      <c r="H1005" s="3"/>
      <c r="I1005" s="3"/>
      <c r="J1005" s="3"/>
      <c r="K1005" s="14"/>
      <c r="L1005" s="3"/>
    </row>
    <row r="1006" spans="1:12" ht="16.5" customHeight="1" x14ac:dyDescent="0.3">
      <c r="A1006" s="11"/>
      <c r="B1006" s="11"/>
      <c r="C1006" s="42"/>
      <c r="D1006" s="3"/>
      <c r="E1006" s="3"/>
      <c r="F1006" s="3"/>
      <c r="G1006" s="3"/>
      <c r="H1006" s="3"/>
      <c r="I1006" s="3"/>
      <c r="J1006" s="3"/>
      <c r="K1006" s="14"/>
      <c r="L1006" s="3"/>
    </row>
    <row r="1007" spans="1:12" ht="16.5" customHeight="1" x14ac:dyDescent="0.3">
      <c r="A1007" s="11"/>
      <c r="B1007" s="11"/>
      <c r="C1007" s="42"/>
      <c r="D1007" s="3"/>
      <c r="E1007" s="3"/>
      <c r="F1007" s="3"/>
      <c r="G1007" s="3"/>
      <c r="H1007" s="3"/>
      <c r="I1007" s="3"/>
      <c r="J1007" s="3"/>
      <c r="K1007" s="14"/>
      <c r="L1007" s="3"/>
    </row>
    <row r="1008" spans="1:12" ht="16.5" customHeight="1" x14ac:dyDescent="0.3">
      <c r="A1008" s="11"/>
      <c r="B1008" s="11"/>
      <c r="C1008" s="42"/>
      <c r="D1008" s="3"/>
      <c r="E1008" s="3"/>
      <c r="F1008" s="3"/>
      <c r="G1008" s="3"/>
      <c r="H1008" s="3"/>
      <c r="I1008" s="3"/>
      <c r="J1008" s="3"/>
      <c r="K1008" s="14"/>
      <c r="L1008" s="3"/>
    </row>
    <row r="1009" spans="1:12" ht="16.5" customHeight="1" x14ac:dyDescent="0.3">
      <c r="A1009" s="11"/>
      <c r="B1009" s="11"/>
      <c r="C1009" s="42"/>
      <c r="D1009" s="3"/>
      <c r="E1009" s="3"/>
      <c r="F1009" s="3"/>
      <c r="G1009" s="3"/>
      <c r="H1009" s="3"/>
      <c r="I1009" s="3"/>
      <c r="J1009" s="3"/>
      <c r="K1009" s="14"/>
      <c r="L1009" s="3"/>
    </row>
    <row r="1010" spans="1:12" ht="16.5" customHeight="1" x14ac:dyDescent="0.3">
      <c r="A1010" s="11"/>
      <c r="B1010" s="11"/>
      <c r="C1010" s="42"/>
      <c r="D1010" s="3"/>
      <c r="E1010" s="3"/>
      <c r="F1010" s="3"/>
      <c r="G1010" s="3"/>
      <c r="H1010" s="3"/>
      <c r="I1010" s="3"/>
      <c r="J1010" s="3"/>
      <c r="K1010" s="14"/>
      <c r="L1010" s="3"/>
    </row>
    <row r="1011" spans="1:12" ht="16.5" customHeight="1" x14ac:dyDescent="0.3">
      <c r="A1011" s="11"/>
      <c r="B1011" s="11"/>
      <c r="C1011" s="42"/>
      <c r="D1011" s="3"/>
      <c r="E1011" s="3"/>
      <c r="F1011" s="3"/>
      <c r="G1011" s="3"/>
      <c r="H1011" s="3"/>
      <c r="I1011" s="3"/>
      <c r="J1011" s="3"/>
      <c r="K1011" s="14"/>
      <c r="L1011" s="3"/>
    </row>
    <row r="1012" spans="1:12" ht="16.5" customHeight="1" x14ac:dyDescent="0.3">
      <c r="A1012" s="11"/>
      <c r="B1012" s="11"/>
      <c r="C1012" s="42"/>
      <c r="D1012" s="3"/>
      <c r="E1012" s="3"/>
      <c r="F1012" s="3"/>
      <c r="G1012" s="3"/>
      <c r="H1012" s="3"/>
      <c r="I1012" s="3"/>
      <c r="J1012" s="3"/>
      <c r="K1012" s="14"/>
      <c r="L1012" s="3"/>
    </row>
    <row r="1013" spans="1:12" ht="16.5" customHeight="1" x14ac:dyDescent="0.3">
      <c r="A1013" s="11"/>
      <c r="B1013" s="11"/>
      <c r="C1013" s="42"/>
      <c r="D1013" s="3"/>
      <c r="E1013" s="3"/>
      <c r="F1013" s="3"/>
      <c r="G1013" s="3"/>
      <c r="H1013" s="3"/>
      <c r="I1013" s="3"/>
      <c r="J1013" s="3"/>
      <c r="K1013" s="14"/>
      <c r="L1013" s="3"/>
    </row>
    <row r="1014" spans="1:12" ht="16.5" customHeight="1" x14ac:dyDescent="0.3">
      <c r="A1014" s="11"/>
      <c r="B1014" s="11"/>
      <c r="C1014" s="42"/>
      <c r="D1014" s="3"/>
      <c r="E1014" s="3"/>
      <c r="F1014" s="3"/>
      <c r="G1014" s="3"/>
      <c r="H1014" s="3"/>
      <c r="I1014" s="3"/>
      <c r="J1014" s="3"/>
      <c r="K1014" s="14"/>
      <c r="L1014" s="3"/>
    </row>
    <row r="1015" spans="1:12" ht="16.5" customHeight="1" x14ac:dyDescent="0.3">
      <c r="A1015" s="11"/>
      <c r="B1015" s="11"/>
      <c r="C1015" s="42"/>
      <c r="D1015" s="3"/>
      <c r="E1015" s="3"/>
      <c r="F1015" s="3"/>
      <c r="G1015" s="3"/>
      <c r="H1015" s="3"/>
      <c r="I1015" s="3"/>
      <c r="J1015" s="3"/>
      <c r="K1015" s="14"/>
      <c r="L1015" s="3"/>
    </row>
    <row r="1016" spans="1:12" ht="16.5" customHeight="1" x14ac:dyDescent="0.3">
      <c r="A1016" s="11"/>
      <c r="B1016" s="11"/>
      <c r="C1016" s="42"/>
      <c r="D1016" s="3"/>
      <c r="E1016" s="3"/>
      <c r="F1016" s="3"/>
      <c r="G1016" s="3"/>
      <c r="H1016" s="3"/>
      <c r="I1016" s="3"/>
      <c r="J1016" s="3"/>
      <c r="K1016" s="14"/>
      <c r="L1016" s="3"/>
    </row>
    <row r="1017" spans="1:12" ht="16.5" customHeight="1" x14ac:dyDescent="0.3">
      <c r="A1017" s="11"/>
      <c r="B1017" s="11"/>
      <c r="C1017" s="42"/>
      <c r="D1017" s="3"/>
      <c r="E1017" s="3"/>
      <c r="F1017" s="3"/>
      <c r="G1017" s="3"/>
      <c r="H1017" s="3"/>
      <c r="I1017" s="3"/>
      <c r="J1017" s="3"/>
      <c r="K1017" s="14"/>
      <c r="L1017" s="3"/>
    </row>
    <row r="1018" spans="1:12" ht="16.5" customHeight="1" x14ac:dyDescent="0.3">
      <c r="A1018" s="11"/>
      <c r="B1018" s="11"/>
      <c r="C1018" s="42"/>
      <c r="D1018" s="3"/>
      <c r="E1018" s="3"/>
      <c r="F1018" s="3"/>
      <c r="G1018" s="3"/>
      <c r="H1018" s="3"/>
      <c r="I1018" s="3"/>
      <c r="J1018" s="3"/>
      <c r="K1018" s="14"/>
      <c r="L1018" s="3"/>
    </row>
    <row r="1019" spans="1:12" ht="16.5" customHeight="1" x14ac:dyDescent="0.3">
      <c r="A1019" s="11"/>
      <c r="B1019" s="11"/>
      <c r="C1019" s="42"/>
      <c r="D1019" s="3"/>
      <c r="E1019" s="3"/>
      <c r="F1019" s="3"/>
      <c r="G1019" s="3"/>
      <c r="H1019" s="3"/>
      <c r="I1019" s="3"/>
      <c r="J1019" s="3"/>
      <c r="K1019" s="14"/>
      <c r="L1019" s="3"/>
    </row>
    <row r="1020" spans="1:12" ht="16.5" customHeight="1" x14ac:dyDescent="0.3">
      <c r="A1020" s="11"/>
      <c r="B1020" s="11"/>
      <c r="C1020" s="42"/>
      <c r="D1020" s="3"/>
      <c r="E1020" s="3"/>
      <c r="F1020" s="3"/>
      <c r="G1020" s="3"/>
      <c r="H1020" s="3"/>
      <c r="I1020" s="3"/>
      <c r="J1020" s="3"/>
      <c r="K1020" s="14"/>
      <c r="L1020" s="3"/>
    </row>
    <row r="1021" spans="1:12" ht="16.5" customHeight="1" x14ac:dyDescent="0.3">
      <c r="A1021" s="11"/>
      <c r="B1021" s="11"/>
      <c r="C1021" s="42"/>
      <c r="D1021" s="3"/>
      <c r="E1021" s="3"/>
      <c r="F1021" s="3"/>
      <c r="G1021" s="3"/>
      <c r="H1021" s="3"/>
      <c r="I1021" s="3"/>
      <c r="J1021" s="3"/>
      <c r="K1021" s="14"/>
      <c r="L1021" s="3"/>
    </row>
    <row r="1022" spans="1:12" ht="16.5" customHeight="1" x14ac:dyDescent="0.3">
      <c r="A1022" s="11"/>
      <c r="B1022" s="11"/>
      <c r="C1022" s="42"/>
      <c r="D1022" s="3"/>
      <c r="E1022" s="3"/>
      <c r="F1022" s="3"/>
      <c r="G1022" s="3"/>
      <c r="H1022" s="3"/>
      <c r="I1022" s="3"/>
      <c r="J1022" s="3"/>
      <c r="K1022" s="14"/>
      <c r="L1022" s="3"/>
    </row>
    <row r="1023" spans="1:12" ht="16.5" customHeight="1" x14ac:dyDescent="0.3">
      <c r="A1023" s="11"/>
      <c r="B1023" s="11"/>
      <c r="C1023" s="42"/>
      <c r="D1023" s="3"/>
      <c r="E1023" s="3"/>
      <c r="F1023" s="3"/>
      <c r="G1023" s="3"/>
      <c r="H1023" s="3"/>
      <c r="I1023" s="3"/>
      <c r="J1023" s="3"/>
      <c r="K1023" s="14"/>
      <c r="L1023" s="3"/>
    </row>
    <row r="1024" spans="1:12" ht="16.5" customHeight="1" x14ac:dyDescent="0.3">
      <c r="A1024" s="11"/>
      <c r="B1024" s="11"/>
      <c r="C1024" s="42"/>
      <c r="D1024" s="3"/>
      <c r="E1024" s="3"/>
      <c r="F1024" s="3"/>
      <c r="G1024" s="3"/>
      <c r="H1024" s="3"/>
      <c r="I1024" s="3"/>
      <c r="J1024" s="3"/>
      <c r="K1024" s="14"/>
      <c r="L1024" s="3"/>
    </row>
    <row r="1025" spans="1:12" ht="16.5" customHeight="1" x14ac:dyDescent="0.3">
      <c r="A1025" s="11"/>
      <c r="B1025" s="11"/>
      <c r="C1025" s="42"/>
      <c r="D1025" s="3"/>
      <c r="E1025" s="3"/>
      <c r="F1025" s="3"/>
      <c r="G1025" s="3"/>
      <c r="H1025" s="3"/>
      <c r="I1025" s="3"/>
      <c r="J1025" s="3"/>
      <c r="K1025" s="14"/>
      <c r="L1025" s="3"/>
    </row>
    <row r="1026" spans="1:12" ht="16.5" customHeight="1" x14ac:dyDescent="0.3">
      <c r="A1026" s="11"/>
      <c r="B1026" s="11"/>
      <c r="C1026" s="42"/>
      <c r="D1026" s="3"/>
      <c r="E1026" s="3"/>
      <c r="F1026" s="3"/>
      <c r="G1026" s="3"/>
      <c r="H1026" s="3"/>
      <c r="I1026" s="3"/>
      <c r="J1026" s="3"/>
      <c r="K1026" s="14"/>
      <c r="L1026" s="3"/>
    </row>
    <row r="1027" spans="1:12" ht="16.5" customHeight="1" x14ac:dyDescent="0.3">
      <c r="A1027" s="11"/>
      <c r="B1027" s="11"/>
      <c r="C1027" s="42"/>
      <c r="D1027" s="3"/>
      <c r="E1027" s="3"/>
      <c r="F1027" s="3"/>
      <c r="G1027" s="3"/>
      <c r="H1027" s="3"/>
      <c r="I1027" s="3"/>
      <c r="J1027" s="3"/>
      <c r="K1027" s="14"/>
      <c r="L1027" s="3"/>
    </row>
    <row r="1028" spans="1:12" ht="16.5" customHeight="1" x14ac:dyDescent="0.3">
      <c r="A1028" s="11"/>
      <c r="B1028" s="11"/>
      <c r="C1028" s="42"/>
      <c r="D1028" s="3"/>
      <c r="E1028" s="3"/>
      <c r="F1028" s="3"/>
      <c r="G1028" s="3"/>
      <c r="H1028" s="3"/>
      <c r="I1028" s="3"/>
      <c r="J1028" s="3"/>
      <c r="K1028" s="14"/>
      <c r="L1028" s="3"/>
    </row>
    <row r="1029" spans="1:12" ht="16.5" customHeight="1" x14ac:dyDescent="0.3">
      <c r="A1029" s="11"/>
      <c r="B1029" s="11"/>
      <c r="C1029" s="42"/>
      <c r="D1029" s="3"/>
      <c r="E1029" s="3"/>
      <c r="F1029" s="3"/>
      <c r="G1029" s="3"/>
      <c r="H1029" s="3"/>
      <c r="I1029" s="3"/>
      <c r="J1029" s="3"/>
      <c r="K1029" s="14"/>
      <c r="L1029" s="3"/>
    </row>
    <row r="1030" spans="1:12" ht="16.5" customHeight="1" x14ac:dyDescent="0.3">
      <c r="A1030" s="11"/>
      <c r="B1030" s="11"/>
      <c r="C1030" s="42"/>
      <c r="D1030" s="3"/>
      <c r="E1030" s="3"/>
      <c r="F1030" s="3"/>
      <c r="G1030" s="3"/>
      <c r="H1030" s="3"/>
      <c r="I1030" s="3"/>
      <c r="J1030" s="3"/>
      <c r="K1030" s="14"/>
      <c r="L1030" s="3"/>
    </row>
    <row r="1031" spans="1:12" ht="16.5" customHeight="1" x14ac:dyDescent="0.3">
      <c r="A1031" s="11"/>
      <c r="B1031" s="11"/>
      <c r="C1031" s="42"/>
      <c r="D1031" s="3"/>
      <c r="E1031" s="3"/>
      <c r="F1031" s="3"/>
      <c r="G1031" s="3"/>
      <c r="H1031" s="3"/>
      <c r="I1031" s="3"/>
      <c r="J1031" s="3"/>
      <c r="K1031" s="14"/>
      <c r="L1031" s="3"/>
    </row>
    <row r="1032" spans="1:12" ht="16.5" customHeight="1" x14ac:dyDescent="0.3">
      <c r="A1032" s="11"/>
      <c r="B1032" s="11"/>
      <c r="C1032" s="42"/>
      <c r="D1032" s="3"/>
      <c r="E1032" s="3"/>
      <c r="F1032" s="3"/>
      <c r="G1032" s="3"/>
      <c r="H1032" s="3"/>
      <c r="I1032" s="3"/>
      <c r="J1032" s="3"/>
      <c r="K1032" s="14"/>
      <c r="L1032" s="3"/>
    </row>
    <row r="1033" spans="1:12" ht="16.5" customHeight="1" x14ac:dyDescent="0.3">
      <c r="A1033" s="11"/>
      <c r="B1033" s="11"/>
      <c r="C1033" s="42"/>
      <c r="D1033" s="3"/>
      <c r="E1033" s="3"/>
      <c r="F1033" s="3"/>
      <c r="G1033" s="3"/>
      <c r="H1033" s="3"/>
      <c r="I1033" s="3"/>
      <c r="J1033" s="3"/>
      <c r="K1033" s="14"/>
      <c r="L1033" s="3"/>
    </row>
    <row r="1034" spans="1:12" ht="16.5" customHeight="1" x14ac:dyDescent="0.3">
      <c r="A1034" s="11"/>
      <c r="B1034" s="11"/>
      <c r="C1034" s="42"/>
      <c r="D1034" s="3"/>
      <c r="E1034" s="3"/>
      <c r="F1034" s="3"/>
      <c r="G1034" s="3"/>
      <c r="H1034" s="3"/>
      <c r="I1034" s="3"/>
      <c r="J1034" s="3"/>
      <c r="K1034" s="14"/>
      <c r="L1034" s="3"/>
    </row>
    <row r="1035" spans="1:12" ht="16.5" customHeight="1" x14ac:dyDescent="0.3">
      <c r="A1035" s="11"/>
      <c r="B1035" s="11"/>
      <c r="C1035" s="42"/>
      <c r="D1035" s="3"/>
      <c r="E1035" s="3"/>
      <c r="F1035" s="3"/>
      <c r="G1035" s="3"/>
      <c r="H1035" s="3"/>
      <c r="I1035" s="3"/>
      <c r="J1035" s="3"/>
      <c r="K1035" s="14"/>
      <c r="L1035" s="3"/>
    </row>
    <row r="1036" spans="1:12" ht="16.5" customHeight="1" x14ac:dyDescent="0.3">
      <c r="A1036" s="11"/>
      <c r="B1036" s="11"/>
      <c r="C1036" s="42"/>
      <c r="D1036" s="3"/>
      <c r="E1036" s="3"/>
      <c r="F1036" s="3"/>
      <c r="G1036" s="3"/>
      <c r="H1036" s="3"/>
      <c r="I1036" s="3"/>
      <c r="J1036" s="3"/>
      <c r="K1036" s="14"/>
      <c r="L1036" s="3"/>
    </row>
    <row r="1037" spans="1:12" ht="16.5" customHeight="1" x14ac:dyDescent="0.3">
      <c r="A1037" s="11"/>
      <c r="B1037" s="11"/>
      <c r="C1037" s="42"/>
      <c r="D1037" s="3"/>
      <c r="E1037" s="3"/>
      <c r="F1037" s="3"/>
      <c r="G1037" s="3"/>
      <c r="H1037" s="3"/>
      <c r="I1037" s="3"/>
      <c r="J1037" s="3"/>
      <c r="K1037" s="14"/>
      <c r="L1037" s="3"/>
    </row>
    <row r="1038" spans="1:12" ht="16.5" customHeight="1" x14ac:dyDescent="0.3">
      <c r="A1038" s="11"/>
      <c r="B1038" s="11"/>
      <c r="C1038" s="42"/>
      <c r="D1038" s="3"/>
      <c r="E1038" s="3"/>
      <c r="F1038" s="3"/>
      <c r="G1038" s="3"/>
      <c r="H1038" s="3"/>
      <c r="I1038" s="3"/>
      <c r="J1038" s="3"/>
      <c r="K1038" s="14"/>
      <c r="L1038" s="3"/>
    </row>
    <row r="1039" spans="1:12" ht="16.5" customHeight="1" x14ac:dyDescent="0.3">
      <c r="A1039" s="11"/>
      <c r="B1039" s="11"/>
      <c r="C1039" s="42"/>
      <c r="D1039" s="3"/>
      <c r="E1039" s="3"/>
      <c r="F1039" s="3"/>
      <c r="G1039" s="3"/>
      <c r="H1039" s="3"/>
      <c r="I1039" s="3"/>
      <c r="J1039" s="3"/>
      <c r="K1039" s="14"/>
      <c r="L1039" s="3"/>
    </row>
    <row r="1040" spans="1:12" ht="16.5" customHeight="1" x14ac:dyDescent="0.3">
      <c r="A1040" s="11"/>
      <c r="B1040" s="11"/>
      <c r="C1040" s="42"/>
      <c r="D1040" s="3"/>
      <c r="E1040" s="3"/>
      <c r="F1040" s="3"/>
      <c r="G1040" s="3"/>
      <c r="H1040" s="3"/>
      <c r="I1040" s="3"/>
      <c r="J1040" s="3"/>
      <c r="K1040" s="14"/>
      <c r="L1040" s="3"/>
    </row>
    <row r="1041" spans="1:12" ht="16.5" customHeight="1" x14ac:dyDescent="0.3">
      <c r="A1041" s="11"/>
      <c r="B1041" s="11"/>
      <c r="C1041" s="42"/>
      <c r="D1041" s="3"/>
      <c r="E1041" s="3"/>
      <c r="F1041" s="3"/>
      <c r="G1041" s="3"/>
      <c r="H1041" s="3"/>
      <c r="I1041" s="3"/>
      <c r="J1041" s="3"/>
      <c r="K1041" s="14"/>
      <c r="L1041" s="3"/>
    </row>
    <row r="1042" spans="1:12" ht="16.5" customHeight="1" x14ac:dyDescent="0.3">
      <c r="A1042" s="11"/>
      <c r="B1042" s="11"/>
      <c r="C1042" s="42"/>
      <c r="D1042" s="3"/>
      <c r="E1042" s="3"/>
      <c r="F1042" s="3"/>
      <c r="G1042" s="3"/>
      <c r="H1042" s="3"/>
      <c r="I1042" s="3"/>
      <c r="J1042" s="3"/>
      <c r="K1042" s="14"/>
      <c r="L1042" s="3"/>
    </row>
    <row r="1043" spans="1:12" ht="16.5" customHeight="1" x14ac:dyDescent="0.3">
      <c r="A1043" s="11"/>
      <c r="B1043" s="11"/>
      <c r="C1043" s="42"/>
      <c r="D1043" s="3"/>
      <c r="E1043" s="3"/>
      <c r="F1043" s="3"/>
      <c r="G1043" s="3"/>
      <c r="H1043" s="3"/>
      <c r="I1043" s="3"/>
      <c r="J1043" s="3"/>
      <c r="K1043" s="14"/>
      <c r="L1043" s="3"/>
    </row>
    <row r="1044" spans="1:12" ht="16.5" customHeight="1" x14ac:dyDescent="0.3">
      <c r="A1044" s="11"/>
      <c r="B1044" s="11"/>
      <c r="C1044" s="42"/>
      <c r="D1044" s="3"/>
      <c r="E1044" s="3"/>
      <c r="F1044" s="3"/>
      <c r="G1044" s="3"/>
      <c r="H1044" s="3"/>
      <c r="I1044" s="3"/>
      <c r="J1044" s="3"/>
      <c r="K1044" s="14"/>
      <c r="L1044" s="3"/>
    </row>
    <row r="1045" spans="1:12" ht="16.5" customHeight="1" x14ac:dyDescent="0.3">
      <c r="A1045" s="11"/>
      <c r="B1045" s="11"/>
      <c r="C1045" s="42"/>
      <c r="D1045" s="3"/>
      <c r="E1045" s="3"/>
      <c r="F1045" s="3"/>
      <c r="G1045" s="3"/>
      <c r="H1045" s="3"/>
      <c r="I1045" s="3"/>
      <c r="J1045" s="3"/>
      <c r="K1045" s="14"/>
      <c r="L1045" s="3"/>
    </row>
    <row r="1046" spans="1:12" ht="16.5" customHeight="1" x14ac:dyDescent="0.3">
      <c r="A1046" s="11"/>
      <c r="B1046" s="11"/>
      <c r="C1046" s="42"/>
      <c r="D1046" s="3"/>
      <c r="E1046" s="3"/>
      <c r="F1046" s="3"/>
      <c r="G1046" s="3"/>
      <c r="H1046" s="3"/>
      <c r="I1046" s="3"/>
      <c r="J1046" s="3"/>
      <c r="K1046" s="14"/>
      <c r="L1046" s="3"/>
    </row>
    <row r="1047" spans="1:12" ht="16.5" customHeight="1" x14ac:dyDescent="0.3">
      <c r="A1047" s="11"/>
      <c r="B1047" s="11"/>
      <c r="C1047" s="42"/>
      <c r="D1047" s="3"/>
      <c r="E1047" s="3"/>
      <c r="F1047" s="3"/>
      <c r="G1047" s="3"/>
      <c r="H1047" s="3"/>
      <c r="I1047" s="3"/>
      <c r="J1047" s="3"/>
      <c r="K1047" s="14"/>
      <c r="L1047" s="3"/>
    </row>
    <row r="1048" spans="1:12" ht="16.5" customHeight="1" x14ac:dyDescent="0.3">
      <c r="A1048" s="11"/>
      <c r="B1048" s="11"/>
      <c r="C1048" s="42"/>
      <c r="D1048" s="3"/>
      <c r="E1048" s="3"/>
      <c r="F1048" s="3"/>
      <c r="G1048" s="3"/>
      <c r="H1048" s="3"/>
      <c r="I1048" s="3"/>
      <c r="J1048" s="3"/>
      <c r="K1048" s="14"/>
      <c r="L1048" s="3"/>
    </row>
    <row r="1049" spans="1:12" ht="16.5" customHeight="1" x14ac:dyDescent="0.3">
      <c r="A1049" s="11"/>
      <c r="B1049" s="11"/>
      <c r="C1049" s="42"/>
      <c r="D1049" s="3"/>
      <c r="E1049" s="3"/>
      <c r="F1049" s="3"/>
      <c r="G1049" s="3"/>
      <c r="H1049" s="3"/>
      <c r="I1049" s="3"/>
      <c r="J1049" s="3"/>
      <c r="K1049" s="14"/>
      <c r="L1049" s="3"/>
    </row>
    <row r="1050" spans="1:12" ht="16.5" customHeight="1" x14ac:dyDescent="0.3">
      <c r="A1050" s="11"/>
      <c r="B1050" s="11"/>
      <c r="C1050" s="42"/>
      <c r="D1050" s="3"/>
      <c r="E1050" s="3"/>
      <c r="F1050" s="3"/>
      <c r="G1050" s="3"/>
      <c r="H1050" s="3"/>
      <c r="I1050" s="3"/>
      <c r="J1050" s="3"/>
      <c r="K1050" s="14"/>
      <c r="L1050" s="3"/>
    </row>
    <row r="1051" spans="1:12" ht="16.5" customHeight="1" x14ac:dyDescent="0.3">
      <c r="A1051" s="11"/>
      <c r="B1051" s="11"/>
      <c r="C1051" s="42"/>
      <c r="D1051" s="3"/>
      <c r="E1051" s="3"/>
      <c r="F1051" s="3"/>
      <c r="G1051" s="3"/>
      <c r="H1051" s="3"/>
      <c r="I1051" s="3"/>
      <c r="J1051" s="3"/>
      <c r="K1051" s="14"/>
      <c r="L1051" s="3"/>
    </row>
    <row r="1052" spans="1:12" ht="16.5" customHeight="1" x14ac:dyDescent="0.3">
      <c r="A1052" s="11"/>
      <c r="B1052" s="11"/>
      <c r="C1052" s="42"/>
      <c r="D1052" s="3"/>
      <c r="E1052" s="3"/>
      <c r="F1052" s="3"/>
      <c r="G1052" s="3"/>
      <c r="H1052" s="3"/>
      <c r="I1052" s="3"/>
      <c r="J1052" s="3"/>
      <c r="K1052" s="14"/>
      <c r="L1052" s="3"/>
    </row>
    <row r="1053" spans="1:12" ht="16.5" customHeight="1" x14ac:dyDescent="0.3">
      <c r="A1053" s="11"/>
      <c r="B1053" s="11"/>
      <c r="C1053" s="42"/>
      <c r="D1053" s="3"/>
      <c r="E1053" s="3"/>
      <c r="F1053" s="3"/>
      <c r="G1053" s="3"/>
      <c r="H1053" s="3"/>
      <c r="I1053" s="3"/>
      <c r="J1053" s="3"/>
      <c r="K1053" s="14"/>
      <c r="L1053" s="3"/>
    </row>
    <row r="1054" spans="1:12" ht="16.5" customHeight="1" x14ac:dyDescent="0.3">
      <c r="A1054" s="11"/>
      <c r="B1054" s="11"/>
      <c r="C1054" s="42"/>
      <c r="D1054" s="3"/>
      <c r="E1054" s="3"/>
      <c r="F1054" s="3"/>
      <c r="G1054" s="3"/>
      <c r="H1054" s="3"/>
      <c r="I1054" s="3"/>
      <c r="J1054" s="3"/>
      <c r="K1054" s="14"/>
      <c r="L1054" s="3"/>
    </row>
    <row r="1055" spans="1:12" ht="16.5" customHeight="1" x14ac:dyDescent="0.3">
      <c r="A1055" s="11"/>
      <c r="B1055" s="11"/>
      <c r="C1055" s="42"/>
      <c r="D1055" s="3"/>
      <c r="E1055" s="3"/>
      <c r="F1055" s="3"/>
      <c r="G1055" s="3"/>
      <c r="H1055" s="3"/>
      <c r="I1055" s="3"/>
      <c r="J1055" s="3"/>
      <c r="K1055" s="14"/>
      <c r="L1055" s="3"/>
    </row>
    <row r="1056" spans="1:12" ht="16.5" customHeight="1" x14ac:dyDescent="0.3">
      <c r="A1056" s="11"/>
      <c r="B1056" s="11"/>
      <c r="C1056" s="42"/>
      <c r="D1056" s="3"/>
      <c r="E1056" s="3"/>
      <c r="F1056" s="3"/>
      <c r="G1056" s="3"/>
      <c r="H1056" s="3"/>
      <c r="I1056" s="3"/>
      <c r="J1056" s="3"/>
      <c r="K1056" s="14"/>
      <c r="L1056" s="3"/>
    </row>
    <row r="1057" spans="1:12" ht="16.5" customHeight="1" x14ac:dyDescent="0.3">
      <c r="A1057" s="11"/>
      <c r="B1057" s="11"/>
      <c r="C1057" s="42"/>
      <c r="D1057" s="3"/>
      <c r="E1057" s="3"/>
      <c r="F1057" s="3"/>
      <c r="G1057" s="3"/>
      <c r="H1057" s="3"/>
      <c r="I1057" s="3"/>
      <c r="J1057" s="3"/>
      <c r="K1057" s="14"/>
      <c r="L1057" s="3"/>
    </row>
    <row r="1058" spans="1:12" ht="16.5" customHeight="1" x14ac:dyDescent="0.3">
      <c r="A1058" s="11"/>
      <c r="B1058" s="11"/>
      <c r="C1058" s="42"/>
      <c r="D1058" s="3"/>
      <c r="E1058" s="3"/>
      <c r="F1058" s="3"/>
      <c r="G1058" s="3"/>
      <c r="H1058" s="3"/>
      <c r="I1058" s="3"/>
      <c r="J1058" s="3"/>
      <c r="K1058" s="14"/>
      <c r="L1058" s="3"/>
    </row>
    <row r="1059" spans="1:12" ht="16.5" customHeight="1" x14ac:dyDescent="0.3">
      <c r="A1059" s="11"/>
      <c r="B1059" s="11"/>
      <c r="C1059" s="42"/>
      <c r="D1059" s="3"/>
      <c r="E1059" s="3"/>
      <c r="F1059" s="3"/>
      <c r="G1059" s="3"/>
      <c r="H1059" s="3"/>
      <c r="I1059" s="3"/>
      <c r="J1059" s="3"/>
      <c r="K1059" s="14"/>
      <c r="L1059" s="3"/>
    </row>
    <row r="1060" spans="1:12" ht="16.5" customHeight="1" x14ac:dyDescent="0.3">
      <c r="A1060" s="11"/>
      <c r="B1060" s="11"/>
      <c r="C1060" s="42"/>
      <c r="D1060" s="3"/>
      <c r="E1060" s="3"/>
      <c r="F1060" s="3"/>
      <c r="G1060" s="3"/>
      <c r="H1060" s="3"/>
      <c r="I1060" s="3"/>
      <c r="J1060" s="3"/>
      <c r="K1060" s="14"/>
      <c r="L1060" s="3"/>
    </row>
    <row r="1061" spans="1:12" ht="16.5" customHeight="1" x14ac:dyDescent="0.3">
      <c r="A1061" s="11"/>
      <c r="B1061" s="11"/>
      <c r="C1061" s="42"/>
      <c r="D1061" s="3"/>
      <c r="E1061" s="3"/>
      <c r="F1061" s="3"/>
      <c r="G1061" s="3"/>
      <c r="H1061" s="3"/>
      <c r="I1061" s="3"/>
      <c r="J1061" s="3"/>
      <c r="K1061" s="14"/>
      <c r="L1061" s="3"/>
    </row>
    <row r="1062" spans="1:12" ht="16.5" customHeight="1" x14ac:dyDescent="0.3">
      <c r="A1062" s="11"/>
      <c r="B1062" s="11"/>
      <c r="C1062" s="42"/>
      <c r="D1062" s="3"/>
      <c r="E1062" s="3"/>
      <c r="F1062" s="3"/>
      <c r="G1062" s="3"/>
      <c r="H1062" s="3"/>
      <c r="I1062" s="3"/>
      <c r="J1062" s="3"/>
      <c r="K1062" s="14"/>
      <c r="L1062" s="3"/>
    </row>
    <row r="1063" spans="1:12" ht="16.5" customHeight="1" x14ac:dyDescent="0.3">
      <c r="A1063" s="11"/>
      <c r="B1063" s="11"/>
      <c r="C1063" s="42"/>
      <c r="D1063" s="3"/>
      <c r="E1063" s="3"/>
      <c r="F1063" s="3"/>
      <c r="G1063" s="3"/>
      <c r="H1063" s="3"/>
      <c r="I1063" s="3"/>
      <c r="J1063" s="3"/>
      <c r="K1063" s="14"/>
      <c r="L1063" s="3"/>
    </row>
    <row r="1064" spans="1:12" ht="16.5" customHeight="1" x14ac:dyDescent="0.3">
      <c r="A1064" s="11"/>
      <c r="B1064" s="11"/>
      <c r="C1064" s="42"/>
      <c r="D1064" s="3"/>
      <c r="E1064" s="3"/>
      <c r="F1064" s="3"/>
      <c r="G1064" s="3"/>
      <c r="H1064" s="3"/>
      <c r="I1064" s="3"/>
      <c r="J1064" s="3"/>
      <c r="K1064" s="14"/>
      <c r="L1064" s="3"/>
    </row>
    <row r="1065" spans="1:12" ht="16.5" customHeight="1" x14ac:dyDescent="0.3">
      <c r="A1065" s="11"/>
      <c r="B1065" s="11"/>
      <c r="C1065" s="42"/>
      <c r="D1065" s="3"/>
      <c r="E1065" s="3"/>
      <c r="F1065" s="3"/>
      <c r="G1065" s="3"/>
      <c r="H1065" s="3"/>
      <c r="I1065" s="3"/>
      <c r="J1065" s="3"/>
      <c r="K1065" s="14"/>
      <c r="L1065" s="3"/>
    </row>
    <row r="1066" spans="1:12" ht="16.5" customHeight="1" x14ac:dyDescent="0.3">
      <c r="A1066" s="11"/>
      <c r="B1066" s="11"/>
      <c r="C1066" s="42"/>
      <c r="D1066" s="3"/>
      <c r="E1066" s="3"/>
      <c r="F1066" s="3"/>
      <c r="G1066" s="3"/>
      <c r="H1066" s="3"/>
      <c r="I1066" s="3"/>
      <c r="J1066" s="3"/>
      <c r="K1066" s="14"/>
      <c r="L1066" s="3"/>
    </row>
    <row r="1067" spans="1:12" ht="16.5" customHeight="1" x14ac:dyDescent="0.3">
      <c r="A1067" s="11"/>
      <c r="B1067" s="11"/>
      <c r="C1067" s="42"/>
      <c r="D1067" s="3"/>
      <c r="E1067" s="3"/>
      <c r="F1067" s="3"/>
      <c r="G1067" s="3"/>
      <c r="H1067" s="3"/>
      <c r="I1067" s="3"/>
      <c r="J1067" s="3"/>
      <c r="K1067" s="14"/>
      <c r="L1067" s="3"/>
    </row>
    <row r="1068" spans="1:12" ht="16.5" customHeight="1" x14ac:dyDescent="0.3">
      <c r="A1068" s="11"/>
      <c r="B1068" s="11"/>
      <c r="C1068" s="42"/>
      <c r="D1068" s="3"/>
      <c r="E1068" s="3"/>
      <c r="F1068" s="3"/>
      <c r="G1068" s="3"/>
      <c r="H1068" s="3"/>
      <c r="I1068" s="3"/>
      <c r="J1068" s="3"/>
      <c r="K1068" s="14"/>
      <c r="L1068" s="3"/>
    </row>
    <row r="1069" spans="1:12" ht="16.5" customHeight="1" x14ac:dyDescent="0.3">
      <c r="A1069" s="11"/>
      <c r="B1069" s="11"/>
      <c r="C1069" s="42"/>
      <c r="D1069" s="3"/>
      <c r="E1069" s="3"/>
      <c r="F1069" s="3"/>
      <c r="G1069" s="3"/>
      <c r="H1069" s="3"/>
      <c r="I1069" s="3"/>
      <c r="J1069" s="3"/>
      <c r="K1069" s="14"/>
      <c r="L1069" s="3"/>
    </row>
    <row r="1070" spans="1:12" ht="16.5" customHeight="1" x14ac:dyDescent="0.3">
      <c r="A1070" s="11"/>
      <c r="B1070" s="11"/>
      <c r="C1070" s="42"/>
      <c r="D1070" s="3"/>
      <c r="E1070" s="3"/>
      <c r="F1070" s="3"/>
      <c r="G1070" s="3"/>
      <c r="H1070" s="3"/>
      <c r="I1070" s="3"/>
      <c r="J1070" s="3"/>
      <c r="K1070" s="14"/>
      <c r="L1070" s="3"/>
    </row>
    <row r="1071" spans="1:12" ht="16.5" customHeight="1" x14ac:dyDescent="0.3">
      <c r="A1071" s="11"/>
      <c r="B1071" s="11"/>
      <c r="C1071" s="42"/>
      <c r="D1071" s="3"/>
      <c r="E1071" s="3"/>
      <c r="F1071" s="3"/>
      <c r="G1071" s="3"/>
      <c r="H1071" s="3"/>
      <c r="I1071" s="3"/>
      <c r="J1071" s="3"/>
      <c r="K1071" s="14"/>
      <c r="L1071" s="3"/>
    </row>
    <row r="1072" spans="1:12" ht="16.5" customHeight="1" x14ac:dyDescent="0.3">
      <c r="A1072" s="11"/>
      <c r="B1072" s="11"/>
      <c r="C1072" s="42"/>
      <c r="D1072" s="3"/>
      <c r="E1072" s="3"/>
      <c r="F1072" s="3"/>
      <c r="G1072" s="3"/>
      <c r="H1072" s="3"/>
      <c r="I1072" s="3"/>
      <c r="J1072" s="3"/>
      <c r="K1072" s="14"/>
      <c r="L1072" s="3"/>
    </row>
    <row r="1073" spans="1:12" ht="16.5" customHeight="1" x14ac:dyDescent="0.3">
      <c r="A1073" s="11"/>
      <c r="B1073" s="11"/>
      <c r="C1073" s="42"/>
      <c r="D1073" s="3"/>
      <c r="E1073" s="3"/>
      <c r="F1073" s="3"/>
      <c r="G1073" s="3"/>
      <c r="H1073" s="3"/>
      <c r="I1073" s="3"/>
      <c r="J1073" s="3"/>
      <c r="K1073" s="14"/>
      <c r="L1073" s="3"/>
    </row>
    <row r="1074" spans="1:12" ht="16.5" customHeight="1" x14ac:dyDescent="0.3">
      <c r="A1074" s="11"/>
      <c r="B1074" s="11"/>
      <c r="C1074" s="42"/>
      <c r="D1074" s="3"/>
      <c r="E1074" s="3"/>
      <c r="F1074" s="3"/>
      <c r="G1074" s="3"/>
      <c r="H1074" s="3"/>
      <c r="I1074" s="3"/>
      <c r="J1074" s="3"/>
      <c r="K1074" s="14"/>
      <c r="L1074" s="3"/>
    </row>
    <row r="1075" spans="1:12" ht="16.5" customHeight="1" x14ac:dyDescent="0.3">
      <c r="A1075" s="11"/>
      <c r="B1075" s="11"/>
      <c r="C1075" s="42"/>
      <c r="D1075" s="3"/>
      <c r="E1075" s="3"/>
      <c r="F1075" s="3"/>
      <c r="G1075" s="3"/>
      <c r="H1075" s="3"/>
      <c r="I1075" s="3"/>
      <c r="J1075" s="3"/>
      <c r="K1075" s="14"/>
      <c r="L1075" s="3"/>
    </row>
    <row r="1076" spans="1:12" ht="16.5" customHeight="1" x14ac:dyDescent="0.3">
      <c r="A1076" s="11"/>
      <c r="B1076" s="11"/>
      <c r="C1076" s="42"/>
      <c r="D1076" s="3"/>
      <c r="E1076" s="3"/>
      <c r="F1076" s="3"/>
      <c r="G1076" s="3"/>
      <c r="H1076" s="3"/>
      <c r="I1076" s="3"/>
      <c r="J1076" s="3"/>
      <c r="K1076" s="14"/>
      <c r="L1076" s="3"/>
    </row>
    <row r="1077" spans="1:12" ht="16.5" customHeight="1" x14ac:dyDescent="0.3">
      <c r="A1077" s="11"/>
      <c r="B1077" s="11"/>
      <c r="C1077" s="42"/>
      <c r="D1077" s="3"/>
      <c r="E1077" s="3"/>
      <c r="F1077" s="3"/>
      <c r="G1077" s="3"/>
      <c r="H1077" s="3"/>
      <c r="I1077" s="3"/>
      <c r="J1077" s="3"/>
      <c r="K1077" s="14"/>
      <c r="L1077" s="3"/>
    </row>
    <row r="1078" spans="1:12" ht="16.5" customHeight="1" x14ac:dyDescent="0.3">
      <c r="A1078" s="11"/>
      <c r="B1078" s="11"/>
      <c r="C1078" s="42"/>
      <c r="D1078" s="3"/>
      <c r="E1078" s="3"/>
      <c r="F1078" s="3"/>
      <c r="G1078" s="3"/>
      <c r="H1078" s="3"/>
      <c r="I1078" s="3"/>
      <c r="J1078" s="3"/>
      <c r="K1078" s="14"/>
      <c r="L1078" s="3"/>
    </row>
    <row r="1079" spans="1:12" ht="16.5" customHeight="1" x14ac:dyDescent="0.3">
      <c r="A1079" s="11"/>
      <c r="B1079" s="11"/>
      <c r="C1079" s="42"/>
      <c r="D1079" s="3"/>
      <c r="E1079" s="3"/>
      <c r="F1079" s="3"/>
      <c r="G1079" s="3"/>
      <c r="H1079" s="3"/>
      <c r="I1079" s="3"/>
      <c r="J1079" s="3"/>
      <c r="K1079" s="14"/>
      <c r="L1079" s="3"/>
    </row>
    <row r="1080" spans="1:12" ht="16.5" customHeight="1" x14ac:dyDescent="0.3">
      <c r="A1080" s="11"/>
      <c r="B1080" s="11"/>
      <c r="C1080" s="42"/>
      <c r="D1080" s="3"/>
      <c r="E1080" s="3"/>
      <c r="F1080" s="3"/>
      <c r="G1080" s="3"/>
      <c r="H1080" s="3"/>
      <c r="I1080" s="3"/>
      <c r="J1080" s="3"/>
      <c r="K1080" s="14"/>
      <c r="L1080" s="3"/>
    </row>
    <row r="1081" spans="1:12" ht="16.5" customHeight="1" x14ac:dyDescent="0.3">
      <c r="A1081" s="11"/>
      <c r="B1081" s="11"/>
      <c r="C1081" s="42"/>
      <c r="D1081" s="3"/>
      <c r="E1081" s="3"/>
      <c r="F1081" s="3"/>
      <c r="G1081" s="3"/>
      <c r="H1081" s="3"/>
      <c r="I1081" s="3"/>
      <c r="J1081" s="3"/>
      <c r="K1081" s="14"/>
      <c r="L1081" s="3"/>
    </row>
    <row r="1082" spans="1:12" ht="16.5" customHeight="1" x14ac:dyDescent="0.3">
      <c r="A1082" s="11"/>
      <c r="B1082" s="11"/>
      <c r="C1082" s="42"/>
      <c r="D1082" s="3"/>
      <c r="E1082" s="3"/>
      <c r="F1082" s="3"/>
      <c r="G1082" s="3"/>
      <c r="H1082" s="3"/>
      <c r="I1082" s="3"/>
      <c r="J1082" s="3"/>
      <c r="K1082" s="14"/>
      <c r="L1082" s="3"/>
    </row>
    <row r="1083" spans="1:12" ht="16.5" customHeight="1" x14ac:dyDescent="0.3">
      <c r="A1083" s="11"/>
      <c r="B1083" s="11"/>
      <c r="C1083" s="42"/>
      <c r="D1083" s="3"/>
      <c r="E1083" s="3"/>
      <c r="F1083" s="3"/>
      <c r="G1083" s="3"/>
      <c r="H1083" s="3"/>
      <c r="I1083" s="3"/>
      <c r="J1083" s="3"/>
      <c r="K1083" s="14"/>
      <c r="L1083" s="3"/>
    </row>
    <row r="1084" spans="1:12" ht="16.5" customHeight="1" x14ac:dyDescent="0.3">
      <c r="A1084" s="11"/>
      <c r="B1084" s="11"/>
      <c r="C1084" s="42"/>
      <c r="D1084" s="3"/>
      <c r="E1084" s="3"/>
      <c r="F1084" s="3"/>
      <c r="G1084" s="3"/>
      <c r="H1084" s="3"/>
      <c r="I1084" s="3"/>
      <c r="J1084" s="3"/>
      <c r="K1084" s="14"/>
      <c r="L1084" s="3"/>
    </row>
    <row r="1085" spans="1:12" ht="16.5" customHeight="1" x14ac:dyDescent="0.3">
      <c r="A1085" s="11"/>
      <c r="B1085" s="11"/>
      <c r="C1085" s="42"/>
      <c r="D1085" s="3"/>
      <c r="E1085" s="3"/>
      <c r="F1085" s="3"/>
      <c r="G1085" s="3"/>
      <c r="H1085" s="3"/>
      <c r="I1085" s="3"/>
      <c r="J1085" s="3"/>
      <c r="K1085" s="14"/>
      <c r="L1085" s="3"/>
    </row>
    <row r="1086" spans="1:12" ht="16.5" customHeight="1" x14ac:dyDescent="0.3">
      <c r="A1086" s="11"/>
      <c r="B1086" s="11"/>
      <c r="C1086" s="42"/>
      <c r="D1086" s="3"/>
      <c r="E1086" s="3"/>
      <c r="F1086" s="3"/>
      <c r="G1086" s="3"/>
      <c r="H1086" s="3"/>
      <c r="I1086" s="3"/>
      <c r="J1086" s="3"/>
      <c r="K1086" s="14"/>
      <c r="L1086" s="3"/>
    </row>
    <row r="1087" spans="1:12" ht="16.5" customHeight="1" x14ac:dyDescent="0.3">
      <c r="A1087" s="11"/>
      <c r="B1087" s="11"/>
      <c r="C1087" s="42"/>
      <c r="D1087" s="3"/>
      <c r="E1087" s="3"/>
      <c r="F1087" s="3"/>
      <c r="G1087" s="3"/>
      <c r="H1087" s="3"/>
      <c r="I1087" s="3"/>
      <c r="J1087" s="3"/>
      <c r="K1087" s="14"/>
      <c r="L1087" s="3"/>
    </row>
    <row r="1088" spans="1:12" ht="16.5" customHeight="1" x14ac:dyDescent="0.3">
      <c r="A1088" s="11"/>
      <c r="B1088" s="11"/>
      <c r="C1088" s="42"/>
      <c r="D1088" s="3"/>
      <c r="E1088" s="3"/>
      <c r="F1088" s="3"/>
      <c r="G1088" s="3"/>
      <c r="H1088" s="3"/>
      <c r="I1088" s="3"/>
      <c r="J1088" s="3"/>
      <c r="K1088" s="14"/>
      <c r="L1088" s="3"/>
    </row>
    <row r="1089" spans="1:12" ht="16.5" customHeight="1" x14ac:dyDescent="0.3">
      <c r="A1089" s="11"/>
      <c r="B1089" s="11"/>
      <c r="C1089" s="42"/>
      <c r="D1089" s="3"/>
      <c r="E1089" s="3"/>
      <c r="F1089" s="3"/>
      <c r="G1089" s="3"/>
      <c r="H1089" s="3"/>
      <c r="I1089" s="3"/>
      <c r="J1089" s="3"/>
      <c r="K1089" s="14"/>
      <c r="L1089" s="3"/>
    </row>
    <row r="1090" spans="1:12" ht="16.5" customHeight="1" x14ac:dyDescent="0.3">
      <c r="A1090" s="11"/>
      <c r="B1090" s="11"/>
      <c r="C1090" s="42"/>
      <c r="D1090" s="3"/>
      <c r="E1090" s="3"/>
      <c r="F1090" s="3"/>
      <c r="G1090" s="3"/>
      <c r="H1090" s="3"/>
      <c r="I1090" s="3"/>
      <c r="J1090" s="3"/>
      <c r="K1090" s="14"/>
      <c r="L1090" s="3"/>
    </row>
    <row r="1091" spans="1:12" ht="16.5" customHeight="1" x14ac:dyDescent="0.3">
      <c r="A1091" s="11"/>
      <c r="B1091" s="11"/>
      <c r="C1091" s="42"/>
      <c r="D1091" s="3"/>
      <c r="E1091" s="3"/>
      <c r="F1091" s="3"/>
      <c r="G1091" s="3"/>
      <c r="H1091" s="3"/>
      <c r="I1091" s="3"/>
      <c r="J1091" s="3"/>
      <c r="K1091" s="14"/>
      <c r="L1091" s="3"/>
    </row>
    <row r="1092" spans="1:12" ht="16.5" customHeight="1" x14ac:dyDescent="0.3">
      <c r="A1092" s="11"/>
      <c r="B1092" s="11"/>
      <c r="C1092" s="42"/>
      <c r="D1092" s="3"/>
      <c r="E1092" s="3"/>
      <c r="F1092" s="3"/>
      <c r="G1092" s="3"/>
      <c r="H1092" s="3"/>
      <c r="I1092" s="3"/>
      <c r="J1092" s="3"/>
      <c r="K1092" s="14"/>
      <c r="L1092" s="3"/>
    </row>
    <row r="1093" spans="1:12" ht="16.5" customHeight="1" x14ac:dyDescent="0.3">
      <c r="A1093" s="11"/>
      <c r="B1093" s="11"/>
      <c r="C1093" s="42"/>
      <c r="D1093" s="3"/>
      <c r="E1093" s="3"/>
      <c r="F1093" s="3"/>
      <c r="G1093" s="3"/>
      <c r="H1093" s="3"/>
      <c r="I1093" s="3"/>
      <c r="J1093" s="3"/>
      <c r="K1093" s="14"/>
      <c r="L1093" s="3"/>
    </row>
    <row r="1094" spans="1:12" ht="16.5" customHeight="1" x14ac:dyDescent="0.3">
      <c r="A1094" s="11"/>
      <c r="B1094" s="11"/>
      <c r="C1094" s="42"/>
      <c r="D1094" s="3"/>
      <c r="E1094" s="3"/>
      <c r="F1094" s="3"/>
      <c r="G1094" s="3"/>
      <c r="H1094" s="3"/>
      <c r="I1094" s="3"/>
      <c r="J1094" s="3"/>
      <c r="K1094" s="14"/>
      <c r="L1094" s="3"/>
    </row>
    <row r="1095" spans="1:12" ht="16.5" customHeight="1" x14ac:dyDescent="0.3">
      <c r="A1095" s="11"/>
      <c r="B1095" s="11"/>
      <c r="C1095" s="42"/>
      <c r="D1095" s="3"/>
      <c r="E1095" s="3"/>
      <c r="F1095" s="3"/>
      <c r="G1095" s="3"/>
      <c r="H1095" s="3"/>
      <c r="I1095" s="3"/>
      <c r="J1095" s="3"/>
      <c r="K1095" s="14"/>
      <c r="L1095" s="3"/>
    </row>
    <row r="1096" spans="1:12" ht="16.5" customHeight="1" x14ac:dyDescent="0.3">
      <c r="A1096" s="11"/>
      <c r="B1096" s="11"/>
      <c r="C1096" s="42"/>
      <c r="D1096" s="3"/>
      <c r="E1096" s="3"/>
      <c r="F1096" s="3"/>
      <c r="G1096" s="3"/>
      <c r="H1096" s="3"/>
      <c r="I1096" s="3"/>
      <c r="J1096" s="3"/>
      <c r="K1096" s="14"/>
      <c r="L1096" s="3"/>
    </row>
    <row r="1097" spans="1:12" ht="16.5" customHeight="1" x14ac:dyDescent="0.3">
      <c r="A1097" s="11"/>
      <c r="B1097" s="11"/>
      <c r="C1097" s="42"/>
      <c r="D1097" s="3"/>
      <c r="E1097" s="3"/>
      <c r="F1097" s="3"/>
      <c r="G1097" s="3"/>
      <c r="H1097" s="3"/>
      <c r="I1097" s="3"/>
      <c r="J1097" s="3"/>
      <c r="K1097" s="14"/>
      <c r="L1097" s="3"/>
    </row>
    <row r="1098" spans="1:12" ht="16.5" customHeight="1" x14ac:dyDescent="0.3">
      <c r="A1098" s="11"/>
      <c r="B1098" s="11"/>
      <c r="C1098" s="42"/>
      <c r="D1098" s="3"/>
      <c r="E1098" s="3"/>
      <c r="F1098" s="3"/>
      <c r="G1098" s="3"/>
      <c r="H1098" s="3"/>
      <c r="I1098" s="3"/>
      <c r="J1098" s="3"/>
      <c r="K1098" s="14"/>
      <c r="L1098" s="3"/>
    </row>
    <row r="1099" spans="1:12" ht="16.5" customHeight="1" x14ac:dyDescent="0.3">
      <c r="A1099" s="11"/>
      <c r="B1099" s="11"/>
      <c r="C1099" s="42"/>
      <c r="D1099" s="3"/>
      <c r="E1099" s="3"/>
      <c r="F1099" s="3"/>
      <c r="G1099" s="3"/>
      <c r="H1099" s="3"/>
      <c r="I1099" s="3"/>
      <c r="J1099" s="3"/>
      <c r="K1099" s="14"/>
      <c r="L1099" s="3"/>
    </row>
    <row r="1100" spans="1:12" ht="16.5" customHeight="1" x14ac:dyDescent="0.3">
      <c r="A1100" s="11"/>
      <c r="B1100" s="11"/>
      <c r="C1100" s="42"/>
      <c r="D1100" s="3"/>
      <c r="E1100" s="3"/>
      <c r="F1100" s="3"/>
      <c r="G1100" s="3"/>
      <c r="H1100" s="3"/>
      <c r="I1100" s="3"/>
      <c r="J1100" s="3"/>
      <c r="K1100" s="14"/>
      <c r="L1100" s="3"/>
    </row>
    <row r="1101" spans="1:12" ht="16.5" customHeight="1" x14ac:dyDescent="0.3">
      <c r="A1101" s="11"/>
      <c r="B1101" s="11"/>
      <c r="C1101" s="42"/>
      <c r="D1101" s="3"/>
      <c r="E1101" s="3"/>
      <c r="F1101" s="3"/>
      <c r="G1101" s="3"/>
      <c r="H1101" s="3"/>
      <c r="I1101" s="3"/>
      <c r="J1101" s="3"/>
      <c r="K1101" s="14"/>
      <c r="L1101" s="3"/>
    </row>
    <row r="1102" spans="1:12" ht="16.5" customHeight="1" x14ac:dyDescent="0.3">
      <c r="A1102" s="11"/>
      <c r="B1102" s="11"/>
      <c r="C1102" s="42"/>
      <c r="D1102" s="3"/>
      <c r="E1102" s="3"/>
      <c r="F1102" s="3"/>
      <c r="G1102" s="3"/>
      <c r="H1102" s="3"/>
      <c r="I1102" s="3"/>
      <c r="J1102" s="3"/>
      <c r="K1102" s="14"/>
      <c r="L1102" s="3"/>
    </row>
    <row r="1103" spans="1:12" ht="16.5" customHeight="1" x14ac:dyDescent="0.3">
      <c r="A1103" s="11"/>
      <c r="B1103" s="11"/>
      <c r="C1103" s="42"/>
      <c r="D1103" s="3"/>
      <c r="E1103" s="3"/>
      <c r="F1103" s="3"/>
      <c r="G1103" s="3"/>
      <c r="H1103" s="3"/>
      <c r="I1103" s="3"/>
      <c r="J1103" s="3"/>
      <c r="K1103" s="14"/>
      <c r="L1103" s="3"/>
    </row>
    <row r="1104" spans="1:12" ht="16.5" customHeight="1" x14ac:dyDescent="0.3">
      <c r="A1104" s="11"/>
      <c r="B1104" s="11"/>
      <c r="C1104" s="42"/>
      <c r="D1104" s="3"/>
      <c r="E1104" s="3"/>
      <c r="F1104" s="3"/>
      <c r="G1104" s="3"/>
      <c r="H1104" s="3"/>
      <c r="I1104" s="3"/>
      <c r="J1104" s="3"/>
      <c r="K1104" s="14"/>
      <c r="L1104" s="3"/>
    </row>
    <row r="1105" spans="1:12" ht="16.5" customHeight="1" x14ac:dyDescent="0.3">
      <c r="A1105" s="11"/>
      <c r="B1105" s="11"/>
      <c r="C1105" s="42"/>
      <c r="D1105" s="3"/>
      <c r="E1105" s="3"/>
      <c r="F1105" s="3"/>
      <c r="G1105" s="3"/>
      <c r="H1105" s="3"/>
      <c r="I1105" s="3"/>
      <c r="J1105" s="3"/>
      <c r="K1105" s="14"/>
      <c r="L1105" s="3"/>
    </row>
    <row r="1106" spans="1:12" ht="16.5" customHeight="1" x14ac:dyDescent="0.3">
      <c r="A1106" s="11"/>
      <c r="B1106" s="11"/>
      <c r="C1106" s="42"/>
      <c r="D1106" s="3"/>
      <c r="E1106" s="3"/>
      <c r="F1106" s="3"/>
      <c r="G1106" s="3"/>
      <c r="H1106" s="3"/>
      <c r="I1106" s="3"/>
      <c r="J1106" s="3"/>
      <c r="K1106" s="14"/>
      <c r="L1106" s="3"/>
    </row>
    <row r="1107" spans="1:12" ht="16.5" customHeight="1" x14ac:dyDescent="0.3">
      <c r="A1107" s="11"/>
      <c r="B1107" s="11"/>
      <c r="C1107" s="42"/>
      <c r="D1107" s="3"/>
      <c r="E1107" s="3"/>
      <c r="F1107" s="3"/>
      <c r="G1107" s="3"/>
      <c r="H1107" s="3"/>
      <c r="I1107" s="3"/>
      <c r="J1107" s="3"/>
      <c r="K1107" s="14"/>
      <c r="L1107" s="3"/>
    </row>
    <row r="1108" spans="1:12" ht="16.5" customHeight="1" x14ac:dyDescent="0.3">
      <c r="A1108" s="11"/>
      <c r="B1108" s="11"/>
      <c r="C1108" s="42"/>
      <c r="D1108" s="3"/>
      <c r="E1108" s="3"/>
      <c r="F1108" s="3"/>
      <c r="G1108" s="3"/>
      <c r="H1108" s="3"/>
      <c r="I1108" s="3"/>
      <c r="J1108" s="3"/>
      <c r="K1108" s="14"/>
      <c r="L1108" s="3"/>
    </row>
    <row r="1109" spans="1:12" ht="16.5" customHeight="1" x14ac:dyDescent="0.3">
      <c r="A1109" s="11"/>
      <c r="B1109" s="11"/>
      <c r="C1109" s="42"/>
      <c r="D1109" s="3"/>
      <c r="E1109" s="3"/>
      <c r="F1109" s="3"/>
      <c r="G1109" s="3"/>
      <c r="H1109" s="3"/>
      <c r="I1109" s="3"/>
      <c r="J1109" s="3"/>
      <c r="K1109" s="14"/>
      <c r="L1109" s="3"/>
    </row>
    <row r="1110" spans="1:12" ht="16.5" customHeight="1" x14ac:dyDescent="0.3">
      <c r="A1110" s="11"/>
      <c r="B1110" s="11"/>
      <c r="C1110" s="42"/>
      <c r="D1110" s="3"/>
      <c r="E1110" s="3"/>
      <c r="F1110" s="3"/>
      <c r="G1110" s="3"/>
      <c r="H1110" s="3"/>
      <c r="I1110" s="3"/>
      <c r="J1110" s="3"/>
      <c r="K1110" s="14"/>
      <c r="L1110" s="3"/>
    </row>
    <row r="1111" spans="1:12" ht="16.5" customHeight="1" x14ac:dyDescent="0.3">
      <c r="A1111" s="11"/>
      <c r="B1111" s="11"/>
      <c r="C1111" s="42"/>
      <c r="D1111" s="3"/>
      <c r="E1111" s="3"/>
      <c r="F1111" s="3"/>
      <c r="G1111" s="3"/>
      <c r="H1111" s="3"/>
      <c r="I1111" s="3"/>
      <c r="J1111" s="3"/>
      <c r="K1111" s="14"/>
      <c r="L1111" s="3"/>
    </row>
    <row r="1112" spans="1:12" ht="16.5" customHeight="1" x14ac:dyDescent="0.3">
      <c r="A1112" s="11"/>
      <c r="B1112" s="11"/>
      <c r="C1112" s="42"/>
      <c r="D1112" s="3"/>
      <c r="E1112" s="3"/>
      <c r="F1112" s="3"/>
      <c r="G1112" s="3"/>
      <c r="H1112" s="3"/>
      <c r="I1112" s="3"/>
      <c r="J1112" s="3"/>
      <c r="K1112" s="14"/>
      <c r="L1112" s="3"/>
    </row>
    <row r="1113" spans="1:12" ht="16.5" customHeight="1" x14ac:dyDescent="0.3">
      <c r="A1113" s="11"/>
      <c r="B1113" s="11"/>
      <c r="C1113" s="42"/>
      <c r="D1113" s="3"/>
      <c r="E1113" s="3"/>
      <c r="F1113" s="3"/>
      <c r="G1113" s="3"/>
      <c r="H1113" s="3"/>
      <c r="I1113" s="3"/>
      <c r="J1113" s="3"/>
      <c r="K1113" s="14"/>
      <c r="L1113" s="3"/>
    </row>
    <row r="1114" spans="1:12" ht="16.5" customHeight="1" x14ac:dyDescent="0.3">
      <c r="A1114" s="11"/>
      <c r="B1114" s="11"/>
      <c r="C1114" s="42"/>
      <c r="D1114" s="3"/>
      <c r="E1114" s="3"/>
      <c r="F1114" s="3"/>
      <c r="G1114" s="3"/>
      <c r="H1114" s="3"/>
      <c r="I1114" s="3"/>
      <c r="J1114" s="3"/>
      <c r="K1114" s="14"/>
      <c r="L1114" s="3"/>
    </row>
    <row r="1115" spans="1:12" ht="16.5" customHeight="1" x14ac:dyDescent="0.3">
      <c r="A1115" s="11"/>
      <c r="B1115" s="11"/>
      <c r="C1115" s="42"/>
      <c r="D1115" s="3"/>
      <c r="E1115" s="3"/>
      <c r="F1115" s="3"/>
      <c r="G1115" s="3"/>
      <c r="H1115" s="3"/>
      <c r="I1115" s="3"/>
      <c r="J1115" s="3"/>
      <c r="K1115" s="14"/>
      <c r="L1115" s="3"/>
    </row>
    <row r="1116" spans="1:12" ht="16.5" customHeight="1" x14ac:dyDescent="0.3">
      <c r="A1116" s="11"/>
      <c r="B1116" s="11"/>
      <c r="C1116" s="42"/>
      <c r="D1116" s="3"/>
      <c r="E1116" s="3"/>
      <c r="F1116" s="3"/>
      <c r="G1116" s="3"/>
      <c r="H1116" s="3"/>
      <c r="I1116" s="3"/>
      <c r="J1116" s="3"/>
      <c r="K1116" s="14"/>
      <c r="L1116" s="3"/>
    </row>
    <row r="1117" spans="1:12" ht="16.5" customHeight="1" x14ac:dyDescent="0.3">
      <c r="A1117" s="11"/>
      <c r="B1117" s="11"/>
      <c r="C1117" s="42"/>
      <c r="D1117" s="3"/>
      <c r="E1117" s="3"/>
      <c r="F1117" s="3"/>
      <c r="G1117" s="3"/>
      <c r="H1117" s="3"/>
      <c r="I1117" s="3"/>
      <c r="J1117" s="3"/>
      <c r="K1117" s="14"/>
      <c r="L1117" s="3"/>
    </row>
    <row r="1118" spans="1:12" ht="16.5" customHeight="1" x14ac:dyDescent="0.3">
      <c r="A1118" s="11"/>
      <c r="B1118" s="11"/>
      <c r="C1118" s="42"/>
      <c r="D1118" s="3"/>
      <c r="E1118" s="3"/>
      <c r="F1118" s="3"/>
      <c r="G1118" s="3"/>
      <c r="H1118" s="3"/>
      <c r="I1118" s="3"/>
      <c r="J1118" s="3"/>
      <c r="K1118" s="14"/>
      <c r="L1118" s="3"/>
    </row>
    <row r="1119" spans="1:12" ht="16.5" customHeight="1" x14ac:dyDescent="0.3">
      <c r="A1119" s="11"/>
      <c r="B1119" s="11"/>
      <c r="C1119" s="42"/>
      <c r="D1119" s="3"/>
      <c r="E1119" s="3"/>
      <c r="F1119" s="3"/>
      <c r="G1119" s="3"/>
      <c r="H1119" s="3"/>
      <c r="I1119" s="3"/>
      <c r="J1119" s="3"/>
      <c r="K1119" s="14"/>
      <c r="L1119" s="3"/>
    </row>
    <row r="1120" spans="1:12" ht="16.5" customHeight="1" x14ac:dyDescent="0.3">
      <c r="A1120" s="11"/>
      <c r="B1120" s="11"/>
      <c r="C1120" s="42"/>
      <c r="D1120" s="3"/>
      <c r="E1120" s="3"/>
      <c r="F1120" s="3"/>
      <c r="G1120" s="3"/>
      <c r="H1120" s="3"/>
      <c r="I1120" s="3"/>
      <c r="J1120" s="3"/>
      <c r="K1120" s="14"/>
      <c r="L1120" s="3"/>
    </row>
    <row r="1121" spans="1:12" ht="16.5" customHeight="1" x14ac:dyDescent="0.3">
      <c r="A1121" s="11"/>
      <c r="B1121" s="11"/>
      <c r="C1121" s="42"/>
      <c r="D1121" s="3"/>
      <c r="E1121" s="3"/>
      <c r="F1121" s="3"/>
      <c r="G1121" s="3"/>
      <c r="H1121" s="3"/>
      <c r="I1121" s="3"/>
      <c r="J1121" s="3"/>
      <c r="K1121" s="14"/>
      <c r="L1121" s="3"/>
    </row>
    <row r="1122" spans="1:12" ht="16.5" customHeight="1" x14ac:dyDescent="0.3">
      <c r="A1122" s="11"/>
      <c r="B1122" s="11"/>
      <c r="C1122" s="42"/>
      <c r="D1122" s="3"/>
      <c r="E1122" s="3"/>
      <c r="F1122" s="3"/>
      <c r="G1122" s="3"/>
      <c r="H1122" s="3"/>
      <c r="I1122" s="3"/>
      <c r="J1122" s="3"/>
      <c r="K1122" s="14"/>
      <c r="L1122" s="3"/>
    </row>
    <row r="1123" spans="1:12" ht="16.5" customHeight="1" x14ac:dyDescent="0.3">
      <c r="A1123" s="11"/>
      <c r="B1123" s="11"/>
      <c r="C1123" s="42"/>
      <c r="D1123" s="3"/>
      <c r="E1123" s="3"/>
      <c r="F1123" s="3"/>
      <c r="G1123" s="3"/>
      <c r="H1123" s="3"/>
      <c r="I1123" s="3"/>
      <c r="J1123" s="3"/>
      <c r="K1123" s="14"/>
      <c r="L1123" s="3"/>
    </row>
    <row r="1124" spans="1:12" ht="16.5" customHeight="1" x14ac:dyDescent="0.3">
      <c r="A1124" s="11"/>
      <c r="B1124" s="11"/>
      <c r="C1124" s="42"/>
      <c r="D1124" s="3"/>
      <c r="E1124" s="3"/>
      <c r="F1124" s="3"/>
      <c r="G1124" s="3"/>
      <c r="H1124" s="3"/>
      <c r="I1124" s="3"/>
      <c r="J1124" s="3"/>
      <c r="K1124" s="14"/>
      <c r="L1124" s="3"/>
    </row>
    <row r="1125" spans="1:12" ht="16.5" customHeight="1" x14ac:dyDescent="0.3">
      <c r="A1125" s="11"/>
      <c r="B1125" s="11"/>
      <c r="C1125" s="42"/>
      <c r="D1125" s="3"/>
      <c r="E1125" s="3"/>
      <c r="F1125" s="3"/>
      <c r="G1125" s="3"/>
      <c r="H1125" s="3"/>
      <c r="I1125" s="3"/>
      <c r="J1125" s="3"/>
      <c r="K1125" s="14"/>
      <c r="L1125" s="3"/>
    </row>
    <row r="1126" spans="1:12" ht="16.5" customHeight="1" x14ac:dyDescent="0.3">
      <c r="A1126" s="11"/>
      <c r="B1126" s="11"/>
      <c r="C1126" s="42"/>
      <c r="D1126" s="3"/>
      <c r="E1126" s="3"/>
      <c r="F1126" s="3"/>
      <c r="G1126" s="3"/>
      <c r="H1126" s="3"/>
      <c r="I1126" s="3"/>
      <c r="J1126" s="3"/>
      <c r="K1126" s="14"/>
      <c r="L1126" s="3"/>
    </row>
    <row r="1127" spans="1:12" ht="16.5" customHeight="1" x14ac:dyDescent="0.3">
      <c r="A1127" s="11"/>
      <c r="B1127" s="11"/>
      <c r="C1127" s="42"/>
      <c r="D1127" s="3"/>
      <c r="E1127" s="3"/>
      <c r="F1127" s="3"/>
      <c r="G1127" s="3"/>
      <c r="H1127" s="3"/>
      <c r="I1127" s="3"/>
      <c r="J1127" s="3"/>
      <c r="K1127" s="14"/>
      <c r="L1127" s="3"/>
    </row>
    <row r="1128" spans="1:12" ht="16.5" customHeight="1" x14ac:dyDescent="0.3">
      <c r="A1128" s="11"/>
      <c r="B1128" s="11"/>
      <c r="C1128" s="42"/>
      <c r="D1128" s="3"/>
      <c r="E1128" s="3"/>
      <c r="F1128" s="3"/>
      <c r="G1128" s="3"/>
      <c r="H1128" s="3"/>
      <c r="I1128" s="3"/>
      <c r="J1128" s="3"/>
      <c r="K1128" s="14"/>
      <c r="L1128" s="3"/>
    </row>
    <row r="1129" spans="1:12" ht="16.5" customHeight="1" x14ac:dyDescent="0.3">
      <c r="A1129" s="11"/>
      <c r="B1129" s="11"/>
      <c r="C1129" s="42"/>
      <c r="D1129" s="3"/>
      <c r="E1129" s="3"/>
      <c r="F1129" s="3"/>
      <c r="G1129" s="3"/>
      <c r="H1129" s="3"/>
      <c r="I1129" s="3"/>
      <c r="J1129" s="3"/>
      <c r="K1129" s="14"/>
      <c r="L1129" s="3"/>
    </row>
    <row r="1130" spans="1:12" ht="16.5" customHeight="1" x14ac:dyDescent="0.3">
      <c r="A1130" s="11"/>
      <c r="B1130" s="11"/>
      <c r="C1130" s="42"/>
      <c r="D1130" s="3"/>
      <c r="E1130" s="3"/>
      <c r="F1130" s="3"/>
      <c r="G1130" s="3"/>
      <c r="H1130" s="3"/>
      <c r="I1130" s="3"/>
      <c r="J1130" s="3"/>
      <c r="K1130" s="14"/>
      <c r="L1130" s="3"/>
    </row>
    <row r="1131" spans="1:12" ht="16.5" customHeight="1" x14ac:dyDescent="0.3">
      <c r="A1131" s="11"/>
      <c r="B1131" s="11"/>
      <c r="C1131" s="42"/>
      <c r="D1131" s="3"/>
      <c r="E1131" s="3"/>
      <c r="F1131" s="3"/>
      <c r="G1131" s="3"/>
      <c r="H1131" s="3"/>
      <c r="I1131" s="3"/>
      <c r="J1131" s="3"/>
      <c r="K1131" s="14"/>
      <c r="L1131" s="3"/>
    </row>
    <row r="1132" spans="1:12" ht="16.5" customHeight="1" x14ac:dyDescent="0.3">
      <c r="A1132" s="11"/>
      <c r="B1132" s="11"/>
      <c r="C1132" s="42"/>
      <c r="D1132" s="3"/>
      <c r="E1132" s="3"/>
      <c r="F1132" s="3"/>
      <c r="G1132" s="3"/>
      <c r="H1132" s="3"/>
      <c r="I1132" s="3"/>
      <c r="J1132" s="3"/>
      <c r="K1132" s="14"/>
      <c r="L1132" s="3"/>
    </row>
    <row r="1133" spans="1:12" ht="16.5" customHeight="1" x14ac:dyDescent="0.3">
      <c r="A1133" s="11"/>
      <c r="B1133" s="11"/>
      <c r="C1133" s="42"/>
      <c r="D1133" s="3"/>
      <c r="E1133" s="3"/>
      <c r="F1133" s="3"/>
      <c r="G1133" s="3"/>
      <c r="H1133" s="3"/>
      <c r="I1133" s="3"/>
      <c r="J1133" s="3"/>
      <c r="K1133" s="14"/>
      <c r="L1133" s="3"/>
    </row>
    <row r="1134" spans="1:12" ht="16.5" customHeight="1" x14ac:dyDescent="0.3">
      <c r="A1134" s="11"/>
      <c r="B1134" s="11"/>
      <c r="C1134" s="42"/>
      <c r="D1134" s="3"/>
      <c r="E1134" s="3"/>
      <c r="F1134" s="3"/>
      <c r="G1134" s="3"/>
      <c r="H1134" s="3"/>
      <c r="I1134" s="3"/>
      <c r="J1134" s="3"/>
      <c r="K1134" s="14"/>
      <c r="L1134" s="3"/>
    </row>
    <row r="1135" spans="1:12" ht="16.5" customHeight="1" x14ac:dyDescent="0.3">
      <c r="A1135" s="11"/>
      <c r="B1135" s="11"/>
      <c r="C1135" s="42"/>
      <c r="D1135" s="3"/>
      <c r="E1135" s="3"/>
      <c r="F1135" s="3"/>
      <c r="G1135" s="3"/>
      <c r="H1135" s="3"/>
      <c r="I1135" s="3"/>
      <c r="J1135" s="3"/>
      <c r="K1135" s="14"/>
      <c r="L1135" s="3"/>
    </row>
    <row r="1136" spans="1:12" ht="16.5" customHeight="1" x14ac:dyDescent="0.3">
      <c r="A1136" s="11"/>
      <c r="B1136" s="11"/>
      <c r="C1136" s="42"/>
      <c r="D1136" s="3"/>
      <c r="E1136" s="3"/>
      <c r="F1136" s="3"/>
      <c r="G1136" s="3"/>
      <c r="H1136" s="3"/>
      <c r="I1136" s="3"/>
      <c r="J1136" s="3"/>
      <c r="K1136" s="14"/>
      <c r="L1136" s="3"/>
    </row>
    <row r="1137" spans="1:12" ht="16.5" customHeight="1" x14ac:dyDescent="0.3">
      <c r="A1137" s="11"/>
      <c r="B1137" s="11"/>
      <c r="C1137" s="42"/>
      <c r="D1137" s="3"/>
      <c r="E1137" s="3"/>
      <c r="F1137" s="3"/>
      <c r="G1137" s="3"/>
      <c r="H1137" s="3"/>
      <c r="I1137" s="3"/>
      <c r="J1137" s="3"/>
      <c r="K1137" s="14"/>
      <c r="L1137" s="3"/>
    </row>
    <row r="1138" spans="1:12" ht="16.5" customHeight="1" x14ac:dyDescent="0.3">
      <c r="A1138" s="11"/>
      <c r="B1138" s="11"/>
      <c r="C1138" s="42"/>
      <c r="D1138" s="3"/>
      <c r="E1138" s="3"/>
      <c r="F1138" s="3"/>
      <c r="G1138" s="3"/>
      <c r="H1138" s="3"/>
      <c r="I1138" s="3"/>
      <c r="J1138" s="3"/>
      <c r="K1138" s="14"/>
      <c r="L1138" s="3"/>
    </row>
    <row r="1139" spans="1:12" ht="16.5" customHeight="1" x14ac:dyDescent="0.3">
      <c r="A1139" s="11"/>
      <c r="B1139" s="11"/>
      <c r="C1139" s="42"/>
      <c r="D1139" s="3"/>
      <c r="E1139" s="3"/>
      <c r="F1139" s="3"/>
      <c r="G1139" s="3"/>
      <c r="H1139" s="3"/>
      <c r="I1139" s="3"/>
      <c r="J1139" s="3"/>
      <c r="K1139" s="14"/>
      <c r="L1139" s="3"/>
    </row>
    <row r="1140" spans="1:12" ht="16.5" customHeight="1" x14ac:dyDescent="0.3">
      <c r="A1140" s="11"/>
      <c r="B1140" s="11"/>
      <c r="C1140" s="42"/>
      <c r="D1140" s="3"/>
      <c r="E1140" s="3"/>
      <c r="F1140" s="3"/>
      <c r="G1140" s="3"/>
      <c r="H1140" s="3"/>
      <c r="I1140" s="3"/>
      <c r="J1140" s="3"/>
      <c r="K1140" s="14"/>
      <c r="L1140" s="3"/>
    </row>
    <row r="1141" spans="1:12" ht="16.5" customHeight="1" x14ac:dyDescent="0.3">
      <c r="A1141" s="11"/>
      <c r="B1141" s="11"/>
      <c r="C1141" s="42"/>
      <c r="D1141" s="3"/>
      <c r="E1141" s="3"/>
      <c r="F1141" s="3"/>
      <c r="G1141" s="3"/>
      <c r="H1141" s="3"/>
      <c r="I1141" s="3"/>
      <c r="J1141" s="3"/>
      <c r="K1141" s="14"/>
      <c r="L1141" s="3"/>
    </row>
    <row r="1142" spans="1:12" ht="16.5" customHeight="1" x14ac:dyDescent="0.3">
      <c r="A1142" s="11"/>
      <c r="B1142" s="11"/>
      <c r="C1142" s="42"/>
      <c r="D1142" s="3"/>
      <c r="E1142" s="3"/>
      <c r="F1142" s="3"/>
      <c r="G1142" s="3"/>
      <c r="H1142" s="3"/>
      <c r="I1142" s="3"/>
      <c r="J1142" s="3"/>
      <c r="K1142" s="14"/>
      <c r="L1142" s="3"/>
    </row>
    <row r="1143" spans="1:12" ht="16.5" customHeight="1" x14ac:dyDescent="0.3">
      <c r="A1143" s="11"/>
      <c r="B1143" s="11"/>
      <c r="C1143" s="42"/>
      <c r="D1143" s="3"/>
      <c r="E1143" s="3"/>
      <c r="F1143" s="3"/>
      <c r="G1143" s="3"/>
      <c r="H1143" s="3"/>
      <c r="I1143" s="3"/>
      <c r="J1143" s="3"/>
      <c r="K1143" s="14"/>
      <c r="L1143" s="3"/>
    </row>
    <row r="1144" spans="1:12" ht="16.5" customHeight="1" x14ac:dyDescent="0.3">
      <c r="A1144" s="11"/>
      <c r="B1144" s="11"/>
      <c r="C1144" s="42"/>
      <c r="D1144" s="3"/>
      <c r="E1144" s="3"/>
      <c r="F1144" s="3"/>
      <c r="G1144" s="3"/>
      <c r="H1144" s="3"/>
      <c r="I1144" s="3"/>
      <c r="J1144" s="3"/>
      <c r="K1144" s="14"/>
      <c r="L1144" s="3"/>
    </row>
    <row r="1145" spans="1:12" ht="16.5" customHeight="1" x14ac:dyDescent="0.3">
      <c r="A1145" s="11"/>
      <c r="B1145" s="11"/>
      <c r="C1145" s="42"/>
      <c r="D1145" s="3"/>
      <c r="E1145" s="3"/>
      <c r="F1145" s="3"/>
      <c r="G1145" s="3"/>
      <c r="H1145" s="3"/>
      <c r="I1145" s="3"/>
      <c r="J1145" s="3"/>
      <c r="K1145" s="14"/>
      <c r="L1145" s="3"/>
    </row>
    <row r="1146" spans="1:12" ht="16.5" customHeight="1" x14ac:dyDescent="0.3">
      <c r="A1146" s="11"/>
      <c r="B1146" s="11"/>
      <c r="C1146" s="42"/>
      <c r="D1146" s="3"/>
      <c r="E1146" s="3"/>
      <c r="F1146" s="3"/>
      <c r="G1146" s="3"/>
      <c r="H1146" s="3"/>
      <c r="I1146" s="3"/>
      <c r="J1146" s="3"/>
      <c r="K1146" s="14"/>
      <c r="L1146" s="3"/>
    </row>
    <row r="1147" spans="1:12" ht="16.5" customHeight="1" x14ac:dyDescent="0.3">
      <c r="A1147" s="11"/>
      <c r="B1147" s="11"/>
      <c r="C1147" s="42"/>
      <c r="D1147" s="3"/>
      <c r="E1147" s="3"/>
      <c r="F1147" s="3"/>
      <c r="G1147" s="3"/>
      <c r="H1147" s="3"/>
      <c r="I1147" s="3"/>
      <c r="J1147" s="3"/>
      <c r="K1147" s="14"/>
      <c r="L1147" s="3"/>
    </row>
    <row r="1148" spans="1:12" ht="16.5" customHeight="1" x14ac:dyDescent="0.3">
      <c r="A1148" s="11"/>
      <c r="B1148" s="11"/>
      <c r="C1148" s="42"/>
      <c r="D1148" s="3"/>
      <c r="E1148" s="3"/>
      <c r="F1148" s="3"/>
      <c r="G1148" s="3"/>
      <c r="H1148" s="3"/>
      <c r="I1148" s="3"/>
      <c r="J1148" s="3"/>
      <c r="K1148" s="14"/>
      <c r="L1148" s="3"/>
    </row>
    <row r="1149" spans="1:12" ht="16.5" customHeight="1" x14ac:dyDescent="0.3">
      <c r="A1149" s="11"/>
      <c r="B1149" s="11"/>
      <c r="C1149" s="42"/>
      <c r="D1149" s="3"/>
      <c r="E1149" s="3"/>
      <c r="F1149" s="3"/>
      <c r="G1149" s="3"/>
      <c r="H1149" s="3"/>
      <c r="I1149" s="3"/>
      <c r="J1149" s="3"/>
      <c r="K1149" s="14"/>
      <c r="L1149" s="3"/>
    </row>
    <row r="1150" spans="1:12" ht="16.5" customHeight="1" x14ac:dyDescent="0.3">
      <c r="A1150" s="11"/>
      <c r="B1150" s="11"/>
      <c r="C1150" s="42"/>
      <c r="D1150" s="3"/>
      <c r="E1150" s="3"/>
      <c r="F1150" s="3"/>
      <c r="G1150" s="3"/>
      <c r="H1150" s="3"/>
      <c r="I1150" s="3"/>
      <c r="J1150" s="3"/>
      <c r="K1150" s="14"/>
      <c r="L1150" s="3"/>
    </row>
    <row r="1151" spans="1:12" ht="16.5" customHeight="1" x14ac:dyDescent="0.3">
      <c r="A1151" s="11"/>
      <c r="B1151" s="11"/>
      <c r="C1151" s="42"/>
      <c r="D1151" s="3"/>
      <c r="E1151" s="3"/>
      <c r="F1151" s="3"/>
      <c r="G1151" s="3"/>
      <c r="H1151" s="3"/>
      <c r="I1151" s="3"/>
      <c r="J1151" s="3"/>
      <c r="K1151" s="14"/>
      <c r="L1151" s="3"/>
    </row>
    <row r="1152" spans="1:12" ht="16.5" customHeight="1" x14ac:dyDescent="0.3">
      <c r="A1152" s="11"/>
      <c r="B1152" s="11"/>
      <c r="C1152" s="42"/>
      <c r="D1152" s="3"/>
      <c r="E1152" s="3"/>
      <c r="F1152" s="3"/>
      <c r="G1152" s="3"/>
      <c r="H1152" s="3"/>
      <c r="I1152" s="3"/>
      <c r="J1152" s="3"/>
      <c r="K1152" s="14"/>
      <c r="L1152" s="3"/>
    </row>
    <row r="1153" spans="1:12" ht="16.5" customHeight="1" x14ac:dyDescent="0.3">
      <c r="A1153" s="11"/>
      <c r="B1153" s="11"/>
      <c r="C1153" s="42"/>
      <c r="D1153" s="3"/>
      <c r="E1153" s="3"/>
      <c r="F1153" s="3"/>
      <c r="G1153" s="3"/>
      <c r="H1153" s="3"/>
      <c r="I1153" s="3"/>
      <c r="J1153" s="3"/>
      <c r="K1153" s="14"/>
      <c r="L1153" s="3"/>
    </row>
    <row r="1154" spans="1:12" ht="16.5" customHeight="1" x14ac:dyDescent="0.3">
      <c r="A1154" s="11"/>
      <c r="B1154" s="11"/>
      <c r="C1154" s="42"/>
      <c r="D1154" s="3"/>
      <c r="E1154" s="3"/>
      <c r="F1154" s="3"/>
      <c r="G1154" s="3"/>
      <c r="H1154" s="3"/>
      <c r="I1154" s="3"/>
      <c r="J1154" s="3"/>
      <c r="K1154" s="14"/>
      <c r="L1154" s="3"/>
    </row>
    <row r="1155" spans="1:12" ht="16.5" customHeight="1" x14ac:dyDescent="0.3">
      <c r="A1155" s="11"/>
      <c r="B1155" s="11"/>
      <c r="C1155" s="42"/>
      <c r="D1155" s="3"/>
      <c r="E1155" s="3"/>
      <c r="F1155" s="3"/>
      <c r="G1155" s="3"/>
      <c r="H1155" s="3"/>
      <c r="I1155" s="3"/>
      <c r="J1155" s="3"/>
      <c r="K1155" s="14"/>
      <c r="L1155" s="3"/>
    </row>
    <row r="1156" spans="1:12" ht="16.5" customHeight="1" x14ac:dyDescent="0.3">
      <c r="A1156" s="11"/>
      <c r="B1156" s="11"/>
      <c r="C1156" s="42"/>
      <c r="D1156" s="3"/>
      <c r="E1156" s="3"/>
      <c r="F1156" s="3"/>
      <c r="G1156" s="3"/>
      <c r="H1156" s="3"/>
      <c r="I1156" s="3"/>
      <c r="J1156" s="3"/>
      <c r="K1156" s="14"/>
      <c r="L1156" s="3"/>
    </row>
    <row r="1157" spans="1:12" ht="16.5" customHeight="1" x14ac:dyDescent="0.3">
      <c r="A1157" s="11"/>
      <c r="B1157" s="11"/>
      <c r="C1157" s="42"/>
      <c r="D1157" s="3"/>
      <c r="E1157" s="3"/>
      <c r="F1157" s="3"/>
      <c r="G1157" s="3"/>
      <c r="H1157" s="3"/>
      <c r="I1157" s="3"/>
      <c r="J1157" s="3"/>
      <c r="K1157" s="14"/>
      <c r="L1157" s="3"/>
    </row>
    <row r="1158" spans="1:12" ht="16.5" customHeight="1" x14ac:dyDescent="0.3">
      <c r="A1158" s="11"/>
      <c r="B1158" s="11"/>
      <c r="C1158" s="42"/>
      <c r="D1158" s="3"/>
      <c r="E1158" s="3"/>
      <c r="F1158" s="3"/>
      <c r="G1158" s="3"/>
      <c r="H1158" s="3"/>
      <c r="I1158" s="3"/>
      <c r="J1158" s="3"/>
      <c r="K1158" s="14"/>
      <c r="L1158" s="3"/>
    </row>
    <row r="1159" spans="1:12" ht="16.5" customHeight="1" x14ac:dyDescent="0.3">
      <c r="A1159" s="11"/>
      <c r="B1159" s="11"/>
      <c r="C1159" s="42"/>
      <c r="D1159" s="3"/>
      <c r="E1159" s="3"/>
      <c r="F1159" s="3"/>
      <c r="G1159" s="3"/>
      <c r="H1159" s="3"/>
      <c r="I1159" s="3"/>
      <c r="J1159" s="3"/>
      <c r="K1159" s="14"/>
      <c r="L1159" s="3"/>
    </row>
    <row r="1160" spans="1:12" ht="16.5" customHeight="1" x14ac:dyDescent="0.3">
      <c r="A1160" s="11"/>
      <c r="B1160" s="11"/>
      <c r="C1160" s="42"/>
      <c r="D1160" s="3"/>
      <c r="E1160" s="3"/>
      <c r="F1160" s="3"/>
      <c r="G1160" s="3"/>
      <c r="H1160" s="3"/>
      <c r="I1160" s="3"/>
      <c r="J1160" s="3"/>
      <c r="K1160" s="14"/>
      <c r="L1160" s="3"/>
    </row>
    <row r="1161" spans="1:12" ht="16.5" customHeight="1" x14ac:dyDescent="0.3">
      <c r="A1161" s="11"/>
      <c r="B1161" s="11"/>
      <c r="C1161" s="42"/>
      <c r="D1161" s="3"/>
      <c r="E1161" s="3"/>
      <c r="F1161" s="3"/>
      <c r="G1161" s="3"/>
      <c r="H1161" s="3"/>
      <c r="I1161" s="3"/>
      <c r="J1161" s="3"/>
      <c r="K1161" s="14"/>
      <c r="L1161" s="3"/>
    </row>
    <row r="1162" spans="1:12" ht="16.5" customHeight="1" x14ac:dyDescent="0.3">
      <c r="A1162" s="11"/>
      <c r="B1162" s="11"/>
      <c r="C1162" s="42"/>
      <c r="D1162" s="3"/>
      <c r="E1162" s="3"/>
      <c r="F1162" s="3"/>
      <c r="G1162" s="3"/>
      <c r="H1162" s="3"/>
      <c r="I1162" s="3"/>
      <c r="J1162" s="3"/>
      <c r="K1162" s="14"/>
      <c r="L1162" s="3"/>
    </row>
    <row r="1163" spans="1:12" ht="16.5" customHeight="1" x14ac:dyDescent="0.3">
      <c r="A1163" s="12"/>
      <c r="B1163" s="12"/>
      <c r="C1163" s="12"/>
      <c r="D1163" s="2"/>
      <c r="E1163" s="2"/>
      <c r="F1163" s="2"/>
      <c r="G1163" s="2"/>
      <c r="H1163" s="12"/>
      <c r="I1163" s="2"/>
      <c r="J1163" s="2"/>
      <c r="K1163" s="2"/>
      <c r="L1163" s="2"/>
    </row>
    <row r="1164" spans="1:12" ht="16.5" customHeight="1" x14ac:dyDescent="0.3">
      <c r="A1164" s="11"/>
      <c r="B1164" s="11"/>
      <c r="C1164" s="42"/>
      <c r="D1164" s="3"/>
      <c r="E1164" s="3"/>
      <c r="F1164" s="3"/>
      <c r="G1164" s="3"/>
      <c r="H1164" s="3"/>
      <c r="I1164" s="3"/>
      <c r="J1164" s="3"/>
      <c r="K1164" s="14"/>
      <c r="L1164" s="3"/>
    </row>
    <row r="1165" spans="1:12" ht="16.5" customHeight="1" x14ac:dyDescent="0.3">
      <c r="A1165" s="11"/>
      <c r="B1165" s="11"/>
      <c r="C1165" s="42"/>
      <c r="D1165" s="3"/>
      <c r="E1165" s="3"/>
      <c r="F1165" s="3"/>
      <c r="G1165" s="3"/>
      <c r="H1165" s="3"/>
      <c r="I1165" s="3"/>
      <c r="J1165" s="3"/>
      <c r="K1165" s="14"/>
      <c r="L1165" s="3"/>
    </row>
    <row r="1166" spans="1:12" ht="16.5" customHeight="1" x14ac:dyDescent="0.3">
      <c r="A1166" s="11"/>
      <c r="B1166" s="11"/>
      <c r="C1166" s="42"/>
      <c r="D1166" s="3"/>
      <c r="E1166" s="3"/>
      <c r="F1166" s="3"/>
      <c r="G1166" s="3"/>
      <c r="H1166" s="3"/>
      <c r="I1166" s="3"/>
      <c r="J1166" s="3"/>
      <c r="K1166" s="14"/>
      <c r="L1166" s="3"/>
    </row>
    <row r="1167" spans="1:12" ht="16.5" customHeight="1" x14ac:dyDescent="0.3">
      <c r="A1167" s="11"/>
      <c r="B1167" s="11"/>
      <c r="C1167" s="42"/>
      <c r="D1167" s="3"/>
      <c r="E1167" s="3"/>
      <c r="F1167" s="3"/>
      <c r="G1167" s="3"/>
      <c r="H1167" s="3"/>
      <c r="I1167" s="3"/>
      <c r="J1167" s="3"/>
      <c r="K1167" s="14"/>
      <c r="L1167" s="3"/>
    </row>
    <row r="1168" spans="1:12" ht="16.5" customHeight="1" x14ac:dyDescent="0.3">
      <c r="A1168" s="11"/>
      <c r="B1168" s="11"/>
      <c r="C1168" s="42"/>
      <c r="D1168" s="3"/>
      <c r="E1168" s="3"/>
      <c r="F1168" s="3"/>
      <c r="G1168" s="3"/>
      <c r="H1168" s="3"/>
      <c r="I1168" s="3"/>
      <c r="J1168" s="3"/>
      <c r="K1168" s="14"/>
      <c r="L1168" s="3"/>
    </row>
    <row r="1169" spans="1:12" ht="16.5" customHeight="1" x14ac:dyDescent="0.3">
      <c r="A1169" s="11"/>
      <c r="B1169" s="11"/>
      <c r="C1169" s="42"/>
      <c r="D1169" s="3"/>
      <c r="E1169" s="3"/>
      <c r="F1169" s="3"/>
      <c r="G1169" s="3"/>
      <c r="H1169" s="3"/>
      <c r="I1169" s="3"/>
      <c r="J1169" s="3"/>
      <c r="K1169" s="14"/>
      <c r="L1169" s="3"/>
    </row>
    <row r="1170" spans="1:12" ht="16.5" customHeight="1" x14ac:dyDescent="0.3">
      <c r="A1170" s="11"/>
      <c r="B1170" s="11"/>
      <c r="C1170" s="42"/>
      <c r="D1170" s="3"/>
      <c r="E1170" s="3"/>
      <c r="F1170" s="3"/>
      <c r="G1170" s="3"/>
      <c r="H1170" s="3"/>
      <c r="I1170" s="3"/>
      <c r="J1170" s="3"/>
      <c r="K1170" s="14"/>
      <c r="L1170" s="3"/>
    </row>
    <row r="1171" spans="1:12" ht="16.5" customHeight="1" x14ac:dyDescent="0.3">
      <c r="A1171" s="11"/>
      <c r="B1171" s="11"/>
      <c r="C1171" s="42"/>
      <c r="D1171" s="3"/>
      <c r="E1171" s="3"/>
      <c r="F1171" s="3"/>
      <c r="G1171" s="3"/>
      <c r="H1171" s="3"/>
      <c r="I1171" s="3"/>
      <c r="J1171" s="3"/>
      <c r="K1171" s="14"/>
      <c r="L1171" s="3"/>
    </row>
    <row r="1172" spans="1:12" ht="16.5" customHeight="1" x14ac:dyDescent="0.3">
      <c r="A1172" s="11"/>
      <c r="B1172" s="11"/>
      <c r="C1172" s="42"/>
      <c r="D1172" s="3"/>
      <c r="E1172" s="3"/>
      <c r="F1172" s="3"/>
      <c r="G1172" s="3"/>
      <c r="H1172" s="3"/>
      <c r="I1172" s="3"/>
      <c r="J1172" s="3"/>
      <c r="K1172" s="14"/>
      <c r="L1172" s="3"/>
    </row>
    <row r="1173" spans="1:12" ht="16.5" customHeight="1" x14ac:dyDescent="0.3">
      <c r="A1173" s="11"/>
      <c r="B1173" s="11"/>
      <c r="C1173" s="42"/>
      <c r="D1173" s="3"/>
      <c r="E1173" s="3"/>
      <c r="F1173" s="3"/>
      <c r="G1173" s="3"/>
      <c r="H1173" s="3"/>
      <c r="I1173" s="3"/>
      <c r="J1173" s="3"/>
      <c r="K1173" s="14"/>
      <c r="L1173" s="3"/>
    </row>
    <row r="1174" spans="1:12" ht="16.5" customHeight="1" x14ac:dyDescent="0.3">
      <c r="A1174" s="11"/>
      <c r="B1174" s="11"/>
      <c r="C1174" s="42"/>
      <c r="D1174" s="3"/>
      <c r="E1174" s="3"/>
      <c r="F1174" s="3"/>
      <c r="G1174" s="3"/>
      <c r="H1174" s="3"/>
      <c r="I1174" s="3"/>
      <c r="J1174" s="3"/>
      <c r="K1174" s="14"/>
      <c r="L1174" s="3"/>
    </row>
    <row r="1175" spans="1:12" ht="16.5" customHeight="1" x14ac:dyDescent="0.3">
      <c r="A1175" s="11"/>
      <c r="B1175" s="11"/>
      <c r="C1175" s="42"/>
      <c r="D1175" s="3"/>
      <c r="E1175" s="3"/>
      <c r="F1175" s="3"/>
      <c r="G1175" s="3"/>
      <c r="H1175" s="3"/>
      <c r="I1175" s="3"/>
      <c r="J1175" s="3"/>
      <c r="K1175" s="14"/>
      <c r="L1175" s="3"/>
    </row>
    <row r="1176" spans="1:12" ht="16.5" customHeight="1" x14ac:dyDescent="0.3">
      <c r="A1176" s="11"/>
      <c r="B1176" s="11"/>
      <c r="C1176" s="42"/>
      <c r="D1176" s="3"/>
      <c r="E1176" s="3"/>
      <c r="F1176" s="3"/>
      <c r="G1176" s="3"/>
      <c r="H1176" s="3"/>
      <c r="I1176" s="3"/>
      <c r="J1176" s="3"/>
      <c r="K1176" s="14"/>
      <c r="L1176" s="3"/>
    </row>
    <row r="1177" spans="1:12" ht="16.5" customHeight="1" x14ac:dyDescent="0.3">
      <c r="A1177" s="11"/>
      <c r="B1177" s="11"/>
      <c r="C1177" s="42"/>
      <c r="D1177" s="3"/>
      <c r="E1177" s="3"/>
      <c r="F1177" s="3"/>
      <c r="G1177" s="3"/>
      <c r="H1177" s="3"/>
      <c r="I1177" s="3"/>
      <c r="J1177" s="3"/>
      <c r="K1177" s="14"/>
      <c r="L1177" s="3"/>
    </row>
    <row r="1178" spans="1:12" ht="16.5" customHeight="1" x14ac:dyDescent="0.3">
      <c r="A1178" s="11"/>
      <c r="B1178" s="11"/>
      <c r="C1178" s="42"/>
      <c r="D1178" s="3"/>
      <c r="E1178" s="3"/>
      <c r="F1178" s="3"/>
      <c r="G1178" s="3"/>
      <c r="H1178" s="3"/>
      <c r="I1178" s="3"/>
      <c r="J1178" s="3"/>
      <c r="K1178" s="14"/>
      <c r="L1178" s="3"/>
    </row>
    <row r="1179" spans="1:12" ht="16.5" customHeight="1" x14ac:dyDescent="0.3">
      <c r="A1179" s="11"/>
      <c r="B1179" s="11"/>
      <c r="C1179" s="42"/>
      <c r="D1179" s="3"/>
      <c r="E1179" s="3"/>
      <c r="F1179" s="3"/>
      <c r="G1179" s="3"/>
      <c r="H1179" s="3"/>
      <c r="I1179" s="3"/>
      <c r="J1179" s="3"/>
      <c r="K1179" s="14"/>
      <c r="L1179" s="3"/>
    </row>
    <row r="1180" spans="1:12" ht="16.5" customHeight="1" x14ac:dyDescent="0.3">
      <c r="A1180" s="11"/>
      <c r="B1180" s="11"/>
      <c r="C1180" s="42"/>
      <c r="D1180" s="3"/>
      <c r="E1180" s="3"/>
      <c r="F1180" s="3"/>
      <c r="G1180" s="3"/>
      <c r="H1180" s="3"/>
      <c r="I1180" s="3"/>
      <c r="J1180" s="3"/>
      <c r="K1180" s="14"/>
      <c r="L1180" s="3"/>
    </row>
    <row r="1181" spans="1:12" ht="16.5" customHeight="1" x14ac:dyDescent="0.3">
      <c r="A1181" s="11"/>
      <c r="B1181" s="11"/>
      <c r="C1181" s="42"/>
      <c r="D1181" s="3"/>
      <c r="E1181" s="3"/>
      <c r="F1181" s="3"/>
      <c r="G1181" s="3"/>
      <c r="H1181" s="3"/>
      <c r="I1181" s="3"/>
      <c r="J1181" s="3"/>
      <c r="K1181" s="14"/>
      <c r="L1181" s="3"/>
    </row>
    <row r="1182" spans="1:12" ht="16.5" customHeight="1" x14ac:dyDescent="0.3">
      <c r="A1182" s="11"/>
      <c r="B1182" s="11"/>
      <c r="C1182" s="42"/>
      <c r="D1182" s="3"/>
      <c r="E1182" s="3"/>
      <c r="F1182" s="3"/>
      <c r="G1182" s="3"/>
      <c r="H1182" s="3"/>
      <c r="I1182" s="3"/>
      <c r="J1182" s="3"/>
      <c r="K1182" s="14"/>
      <c r="L1182" s="3"/>
    </row>
    <row r="1183" spans="1:12" ht="16.5" customHeight="1" x14ac:dyDescent="0.3">
      <c r="A1183" s="11"/>
      <c r="B1183" s="11"/>
      <c r="C1183" s="42"/>
      <c r="D1183" s="3"/>
      <c r="E1183" s="3"/>
      <c r="F1183" s="3"/>
      <c r="G1183" s="3"/>
      <c r="H1183" s="3"/>
      <c r="I1183" s="3"/>
      <c r="J1183" s="3"/>
      <c r="K1183" s="14"/>
      <c r="L1183" s="3"/>
    </row>
    <row r="1184" spans="1:12" ht="16.5" customHeight="1" x14ac:dyDescent="0.3">
      <c r="A1184" s="11"/>
      <c r="B1184" s="11"/>
      <c r="C1184" s="42"/>
      <c r="D1184" s="3"/>
      <c r="E1184" s="3"/>
      <c r="F1184" s="3"/>
      <c r="G1184" s="3"/>
      <c r="H1184" s="3"/>
      <c r="I1184" s="3"/>
      <c r="J1184" s="3"/>
      <c r="K1184" s="14"/>
      <c r="L1184" s="3"/>
    </row>
    <row r="1185" spans="1:12" ht="16.5" customHeight="1" x14ac:dyDescent="0.3">
      <c r="A1185" s="11"/>
      <c r="B1185" s="11"/>
      <c r="C1185" s="42"/>
      <c r="D1185" s="3"/>
      <c r="E1185" s="3"/>
      <c r="F1185" s="3"/>
      <c r="G1185" s="3"/>
      <c r="H1185" s="3"/>
      <c r="I1185" s="3"/>
      <c r="J1185" s="3"/>
      <c r="K1185" s="14"/>
      <c r="L1185" s="3"/>
    </row>
    <row r="1186" spans="1:12" ht="16.5" customHeight="1" x14ac:dyDescent="0.3">
      <c r="A1186" s="11"/>
      <c r="B1186" s="11"/>
      <c r="C1186" s="42"/>
      <c r="D1186" s="3"/>
      <c r="E1186" s="3"/>
      <c r="F1186" s="3"/>
      <c r="G1186" s="3"/>
      <c r="H1186" s="3"/>
      <c r="I1186" s="3"/>
      <c r="J1186" s="3"/>
      <c r="K1186" s="14"/>
      <c r="L1186" s="3"/>
    </row>
    <row r="1187" spans="1:12" ht="16.5" customHeight="1" x14ac:dyDescent="0.3">
      <c r="A1187" s="11"/>
      <c r="B1187" s="11"/>
      <c r="C1187" s="42"/>
      <c r="D1187" s="3"/>
      <c r="E1187" s="3"/>
      <c r="F1187" s="3"/>
      <c r="G1187" s="3"/>
      <c r="H1187" s="3"/>
      <c r="I1187" s="3"/>
      <c r="J1187" s="3"/>
      <c r="K1187" s="14"/>
      <c r="L1187" s="3"/>
    </row>
    <row r="1188" spans="1:12" ht="16.5" customHeight="1" x14ac:dyDescent="0.3">
      <c r="A1188" s="11"/>
      <c r="B1188" s="11"/>
      <c r="C1188" s="42"/>
      <c r="D1188" s="3"/>
      <c r="E1188" s="3"/>
      <c r="F1188" s="3"/>
      <c r="G1188" s="3"/>
      <c r="H1188" s="3"/>
      <c r="I1188" s="3"/>
      <c r="J1188" s="3"/>
      <c r="K1188" s="14"/>
      <c r="L1188" s="3"/>
    </row>
    <row r="1189" spans="1:12" ht="16.5" customHeight="1" x14ac:dyDescent="0.3">
      <c r="A1189" s="11"/>
      <c r="B1189" s="11"/>
      <c r="C1189" s="42"/>
      <c r="D1189" s="3"/>
      <c r="E1189" s="3"/>
      <c r="F1189" s="3"/>
      <c r="G1189" s="3"/>
      <c r="H1189" s="3"/>
      <c r="I1189" s="3"/>
      <c r="J1189" s="3"/>
      <c r="K1189" s="14"/>
      <c r="L1189" s="3"/>
    </row>
    <row r="1190" spans="1:12" ht="16.5" customHeight="1" x14ac:dyDescent="0.3">
      <c r="A1190" s="11"/>
      <c r="B1190" s="11"/>
      <c r="C1190" s="42"/>
      <c r="D1190" s="3"/>
      <c r="E1190" s="3"/>
      <c r="F1190" s="3"/>
      <c r="G1190" s="3"/>
      <c r="H1190" s="3"/>
      <c r="I1190" s="3"/>
      <c r="J1190" s="3"/>
      <c r="K1190" s="14"/>
      <c r="L1190" s="3"/>
    </row>
    <row r="1191" spans="1:12" ht="16.5" customHeight="1" x14ac:dyDescent="0.3">
      <c r="A1191" s="11"/>
      <c r="B1191" s="11"/>
      <c r="C1191" s="42"/>
      <c r="D1191" s="3"/>
      <c r="E1191" s="3"/>
      <c r="F1191" s="3"/>
      <c r="G1191" s="3"/>
      <c r="H1191" s="3"/>
      <c r="I1191" s="3"/>
      <c r="J1191" s="3"/>
      <c r="K1191" s="14"/>
      <c r="L1191" s="3"/>
    </row>
    <row r="1192" spans="1:12" ht="16.5" customHeight="1" x14ac:dyDescent="0.3">
      <c r="A1192" s="11"/>
      <c r="B1192" s="11"/>
      <c r="C1192" s="42"/>
      <c r="D1192" s="3"/>
      <c r="E1192" s="3"/>
      <c r="F1192" s="3"/>
      <c r="G1192" s="3"/>
      <c r="H1192" s="3"/>
      <c r="I1192" s="3"/>
      <c r="J1192" s="3"/>
      <c r="K1192" s="14"/>
      <c r="L1192" s="3"/>
    </row>
    <row r="1193" spans="1:12" ht="16.5" customHeight="1" x14ac:dyDescent="0.3">
      <c r="A1193" s="11"/>
      <c r="B1193" s="11"/>
      <c r="C1193" s="42"/>
      <c r="D1193" s="3"/>
      <c r="E1193" s="3"/>
      <c r="F1193" s="3"/>
      <c r="G1193" s="3"/>
      <c r="H1193" s="3"/>
      <c r="I1193" s="3"/>
      <c r="J1193" s="3"/>
      <c r="K1193" s="14"/>
      <c r="L1193" s="3"/>
    </row>
    <row r="1194" spans="1:12" ht="16.5" customHeight="1" x14ac:dyDescent="0.3">
      <c r="A1194" s="11"/>
      <c r="B1194" s="11"/>
      <c r="C1194" s="42"/>
      <c r="D1194" s="3"/>
      <c r="E1194" s="3"/>
      <c r="F1194" s="3"/>
      <c r="G1194" s="3"/>
      <c r="H1194" s="3"/>
      <c r="I1194" s="3"/>
      <c r="J1194" s="3"/>
      <c r="K1194" s="14"/>
      <c r="L1194" s="3"/>
    </row>
    <row r="1195" spans="1:12" ht="16.5" customHeight="1" x14ac:dyDescent="0.3">
      <c r="A1195" s="11"/>
      <c r="B1195" s="11"/>
      <c r="C1195" s="42"/>
      <c r="D1195" s="3"/>
      <c r="E1195" s="3"/>
      <c r="F1195" s="3"/>
      <c r="G1195" s="3"/>
      <c r="H1195" s="3"/>
      <c r="I1195" s="3"/>
      <c r="J1195" s="3"/>
      <c r="K1195" s="14"/>
      <c r="L1195" s="3"/>
    </row>
    <row r="1196" spans="1:12" ht="16.5" customHeight="1" x14ac:dyDescent="0.3">
      <c r="A1196" s="11"/>
      <c r="B1196" s="11"/>
      <c r="C1196" s="42"/>
      <c r="D1196" s="3"/>
      <c r="E1196" s="3"/>
      <c r="F1196" s="3"/>
      <c r="G1196" s="3"/>
      <c r="H1196" s="3"/>
      <c r="I1196" s="3"/>
      <c r="J1196" s="3"/>
      <c r="K1196" s="14"/>
      <c r="L1196" s="3"/>
    </row>
    <row r="1197" spans="1:12" ht="16.5" customHeight="1" x14ac:dyDescent="0.3">
      <c r="A1197" s="11"/>
      <c r="B1197" s="11"/>
      <c r="C1197" s="42"/>
      <c r="D1197" s="3"/>
      <c r="E1197" s="3"/>
      <c r="F1197" s="3"/>
      <c r="G1197" s="3"/>
      <c r="H1197" s="3"/>
      <c r="I1197" s="3"/>
      <c r="J1197" s="3"/>
      <c r="K1197" s="14"/>
      <c r="L1197" s="3"/>
    </row>
    <row r="1198" spans="1:12" ht="16.5" customHeight="1" x14ac:dyDescent="0.3">
      <c r="A1198" s="11"/>
      <c r="B1198" s="11"/>
      <c r="C1198" s="42"/>
      <c r="D1198" s="3"/>
      <c r="E1198" s="3"/>
      <c r="F1198" s="3"/>
      <c r="G1198" s="3"/>
      <c r="H1198" s="3"/>
      <c r="I1198" s="3"/>
      <c r="J1198" s="3"/>
      <c r="K1198" s="14"/>
      <c r="L1198" s="3"/>
    </row>
    <row r="1199" spans="1:12" ht="16.5" customHeight="1" x14ac:dyDescent="0.3">
      <c r="A1199" s="11"/>
      <c r="B1199" s="11"/>
      <c r="C1199" s="42"/>
      <c r="D1199" s="3"/>
      <c r="E1199" s="3"/>
      <c r="F1199" s="3"/>
      <c r="G1199" s="3"/>
      <c r="H1199" s="3"/>
      <c r="I1199" s="3"/>
      <c r="J1199" s="3"/>
      <c r="K1199" s="14"/>
      <c r="L1199" s="3"/>
    </row>
    <row r="1200" spans="1:12" ht="16.5" customHeight="1" x14ac:dyDescent="0.3">
      <c r="A1200" s="11"/>
      <c r="B1200" s="11"/>
      <c r="C1200" s="46"/>
      <c r="D1200" s="13"/>
      <c r="E1200" s="13"/>
      <c r="F1200" s="13"/>
      <c r="G1200" s="13"/>
      <c r="H1200" s="3"/>
      <c r="I1200" s="13"/>
      <c r="J1200" s="13"/>
      <c r="K1200" s="15"/>
      <c r="L1200" s="13"/>
    </row>
    <row r="1201" spans="1:12" ht="16.5" customHeight="1" x14ac:dyDescent="0.3">
      <c r="A1201" s="11"/>
      <c r="B1201" s="11"/>
      <c r="C1201" s="42"/>
      <c r="D1201" s="13"/>
      <c r="E1201" s="13"/>
      <c r="F1201" s="13"/>
      <c r="G1201" s="13"/>
      <c r="H1201" s="3"/>
      <c r="I1201" s="13"/>
      <c r="J1201" s="13"/>
      <c r="K1201" s="15"/>
      <c r="L1201" s="13"/>
    </row>
    <row r="1202" spans="1:12" ht="16.5" customHeight="1" x14ac:dyDescent="0.3">
      <c r="A1202" s="11"/>
      <c r="B1202" s="11"/>
      <c r="C1202" s="42"/>
      <c r="D1202" s="3"/>
      <c r="E1202" s="3"/>
      <c r="F1202" s="3"/>
      <c r="G1202" s="3"/>
      <c r="H1202" s="3"/>
      <c r="I1202" s="3"/>
      <c r="J1202" s="3"/>
      <c r="K1202" s="14"/>
      <c r="L1202" s="3"/>
    </row>
    <row r="1203" spans="1:12" ht="16.5" customHeight="1" x14ac:dyDescent="0.3">
      <c r="A1203" s="11"/>
      <c r="B1203" s="11"/>
      <c r="C1203" s="42"/>
      <c r="D1203" s="3"/>
      <c r="E1203" s="3"/>
      <c r="F1203" s="3"/>
      <c r="G1203" s="3"/>
      <c r="H1203" s="3"/>
      <c r="I1203" s="3"/>
      <c r="J1203" s="3"/>
      <c r="K1203" s="14"/>
      <c r="L1203" s="3"/>
    </row>
    <row r="1204" spans="1:12" ht="16.5" customHeight="1" x14ac:dyDescent="0.3">
      <c r="A1204" s="11"/>
      <c r="B1204" s="11"/>
      <c r="C1204" s="42"/>
      <c r="D1204" s="3"/>
      <c r="E1204" s="3"/>
      <c r="F1204" s="3"/>
      <c r="G1204" s="3"/>
      <c r="H1204" s="3"/>
      <c r="I1204" s="3"/>
      <c r="J1204" s="3"/>
      <c r="K1204" s="14"/>
      <c r="L1204" s="3"/>
    </row>
    <row r="1205" spans="1:12" ht="16.5" customHeight="1" x14ac:dyDescent="0.3">
      <c r="A1205" s="11"/>
      <c r="B1205" s="11"/>
      <c r="C1205" s="42"/>
      <c r="D1205" s="3"/>
      <c r="E1205" s="3"/>
      <c r="F1205" s="3"/>
      <c r="G1205" s="3"/>
      <c r="H1205" s="3"/>
      <c r="I1205" s="3"/>
      <c r="J1205" s="3"/>
      <c r="K1205" s="14"/>
      <c r="L1205" s="3"/>
    </row>
    <row r="1206" spans="1:12" ht="16.5" customHeight="1" x14ac:dyDescent="0.3">
      <c r="A1206" s="11"/>
      <c r="B1206" s="11"/>
      <c r="C1206" s="42"/>
      <c r="D1206" s="3"/>
      <c r="E1206" s="3"/>
      <c r="F1206" s="3"/>
      <c r="G1206" s="3"/>
      <c r="H1206" s="3"/>
      <c r="I1206" s="3"/>
      <c r="J1206" s="3"/>
      <c r="K1206" s="14"/>
      <c r="L1206" s="3"/>
    </row>
    <row r="1207" spans="1:12" ht="16.5" customHeight="1" x14ac:dyDescent="0.3">
      <c r="A1207" s="11"/>
      <c r="B1207" s="11"/>
      <c r="C1207" s="42"/>
      <c r="D1207" s="3"/>
      <c r="E1207" s="3"/>
      <c r="F1207" s="3"/>
      <c r="G1207" s="3"/>
      <c r="H1207" s="3"/>
      <c r="I1207" s="3"/>
      <c r="J1207" s="3"/>
      <c r="K1207" s="14"/>
      <c r="L1207" s="3"/>
    </row>
    <row r="1208" spans="1:12" ht="16.5" customHeight="1" x14ac:dyDescent="0.3">
      <c r="A1208" s="11"/>
      <c r="B1208" s="11"/>
      <c r="C1208" s="42"/>
      <c r="D1208" s="3"/>
      <c r="E1208" s="3"/>
      <c r="F1208" s="3"/>
      <c r="G1208" s="3"/>
      <c r="H1208" s="3"/>
      <c r="I1208" s="3"/>
      <c r="J1208" s="3"/>
      <c r="K1208" s="14"/>
      <c r="L1208" s="3"/>
    </row>
    <row r="1209" spans="1:12" ht="16.5" customHeight="1" x14ac:dyDescent="0.3">
      <c r="A1209" s="11"/>
      <c r="B1209" s="11"/>
      <c r="C1209" s="42"/>
      <c r="D1209" s="3"/>
      <c r="E1209" s="3"/>
      <c r="F1209" s="3"/>
      <c r="G1209" s="3"/>
      <c r="H1209" s="3"/>
      <c r="I1209" s="3"/>
      <c r="J1209" s="3"/>
      <c r="K1209" s="14"/>
      <c r="L1209" s="3"/>
    </row>
    <row r="1210" spans="1:12" ht="16.5" customHeight="1" x14ac:dyDescent="0.3">
      <c r="A1210" s="11"/>
      <c r="B1210" s="11"/>
      <c r="C1210" s="42"/>
      <c r="D1210" s="3"/>
      <c r="E1210" s="3"/>
      <c r="F1210" s="3"/>
      <c r="G1210" s="3"/>
      <c r="H1210" s="3"/>
      <c r="I1210" s="3"/>
      <c r="J1210" s="3"/>
      <c r="K1210" s="14"/>
      <c r="L1210" s="3"/>
    </row>
    <row r="1211" spans="1:12" ht="16.5" customHeight="1" x14ac:dyDescent="0.3">
      <c r="A1211" s="11"/>
      <c r="B1211" s="11"/>
      <c r="C1211" s="42"/>
      <c r="D1211" s="3"/>
      <c r="E1211" s="3"/>
      <c r="F1211" s="3"/>
      <c r="G1211" s="3"/>
      <c r="H1211" s="3"/>
      <c r="I1211" s="3"/>
      <c r="J1211" s="3"/>
      <c r="K1211" s="14"/>
      <c r="L1211" s="3"/>
    </row>
    <row r="1212" spans="1:12" ht="16.5" customHeight="1" x14ac:dyDescent="0.3">
      <c r="A1212" s="11"/>
      <c r="B1212" s="11"/>
      <c r="C1212" s="42"/>
      <c r="D1212" s="3"/>
      <c r="E1212" s="3"/>
      <c r="F1212" s="3"/>
      <c r="G1212" s="3"/>
      <c r="H1212" s="3"/>
      <c r="I1212" s="3"/>
      <c r="J1212" s="3"/>
      <c r="K1212" s="14"/>
      <c r="L1212" s="3"/>
    </row>
    <row r="1213" spans="1:12" ht="16.5" customHeight="1" x14ac:dyDescent="0.3">
      <c r="A1213" s="11"/>
      <c r="B1213" s="11"/>
      <c r="C1213" s="42"/>
      <c r="D1213" s="3"/>
      <c r="E1213" s="3"/>
      <c r="F1213" s="3"/>
      <c r="G1213" s="3"/>
      <c r="H1213" s="3"/>
      <c r="I1213" s="3"/>
      <c r="J1213" s="3"/>
      <c r="K1213" s="14"/>
      <c r="L1213" s="3"/>
    </row>
    <row r="1214" spans="1:12" ht="16.5" customHeight="1" x14ac:dyDescent="0.3">
      <c r="A1214" s="11"/>
      <c r="B1214" s="11"/>
      <c r="C1214" s="42"/>
      <c r="D1214" s="3"/>
      <c r="E1214" s="3"/>
      <c r="F1214" s="3"/>
      <c r="G1214" s="3"/>
      <c r="H1214" s="3"/>
      <c r="I1214" s="3"/>
      <c r="J1214" s="3"/>
      <c r="K1214" s="14"/>
      <c r="L1214" s="3"/>
    </row>
    <row r="1215" spans="1:12" ht="16.5" customHeight="1" x14ac:dyDescent="0.3">
      <c r="A1215" s="11"/>
      <c r="B1215" s="11"/>
      <c r="C1215" s="42"/>
      <c r="D1215" s="3"/>
      <c r="E1215" s="3"/>
      <c r="F1215" s="3"/>
      <c r="G1215" s="3"/>
      <c r="H1215" s="3"/>
      <c r="I1215" s="3"/>
      <c r="J1215" s="3"/>
      <c r="K1215" s="14"/>
      <c r="L1215" s="3"/>
    </row>
    <row r="1216" spans="1:12" ht="16.5" customHeight="1" x14ac:dyDescent="0.3">
      <c r="A1216" s="11"/>
      <c r="B1216" s="11"/>
      <c r="C1216" s="42"/>
      <c r="D1216" s="3"/>
      <c r="E1216" s="3"/>
      <c r="F1216" s="3"/>
      <c r="G1216" s="3"/>
      <c r="H1216" s="3"/>
      <c r="I1216" s="3"/>
      <c r="J1216" s="3"/>
      <c r="K1216" s="14"/>
      <c r="L1216" s="3"/>
    </row>
    <row r="1217" spans="1:12" ht="16.5" customHeight="1" x14ac:dyDescent="0.3">
      <c r="A1217" s="11"/>
      <c r="B1217" s="11"/>
      <c r="C1217" s="42"/>
      <c r="D1217" s="3"/>
      <c r="E1217" s="3"/>
      <c r="F1217" s="3"/>
      <c r="G1217" s="3"/>
      <c r="H1217" s="3"/>
      <c r="I1217" s="3"/>
      <c r="J1217" s="3"/>
      <c r="K1217" s="14"/>
      <c r="L1217" s="3"/>
    </row>
    <row r="1218" spans="1:12" ht="16.5" customHeight="1" x14ac:dyDescent="0.3">
      <c r="A1218" s="11"/>
      <c r="B1218" s="11"/>
      <c r="C1218" s="42"/>
      <c r="D1218" s="3"/>
      <c r="E1218" s="3"/>
      <c r="F1218" s="3"/>
      <c r="G1218" s="3"/>
      <c r="H1218" s="3"/>
      <c r="I1218" s="3"/>
      <c r="J1218" s="3"/>
      <c r="K1218" s="14"/>
      <c r="L1218" s="3"/>
    </row>
    <row r="1219" spans="1:12" ht="16.5" customHeight="1" x14ac:dyDescent="0.3">
      <c r="A1219" s="11"/>
      <c r="B1219" s="11"/>
      <c r="C1219" s="42"/>
      <c r="D1219" s="3"/>
      <c r="E1219" s="3"/>
      <c r="F1219" s="3"/>
      <c r="G1219" s="3"/>
      <c r="H1219" s="3"/>
      <c r="I1219" s="3"/>
      <c r="J1219" s="3"/>
      <c r="K1219" s="14"/>
      <c r="L1219" s="3"/>
    </row>
    <row r="1220" spans="1:12" ht="16.5" customHeight="1" x14ac:dyDescent="0.3">
      <c r="A1220" s="11"/>
      <c r="B1220" s="11"/>
      <c r="C1220" s="42"/>
      <c r="D1220" s="3"/>
      <c r="E1220" s="3"/>
      <c r="F1220" s="3"/>
      <c r="G1220" s="3"/>
      <c r="H1220" s="3"/>
      <c r="I1220" s="3"/>
      <c r="J1220" s="3"/>
      <c r="K1220" s="14"/>
      <c r="L1220" s="3"/>
    </row>
    <row r="1221" spans="1:12" ht="16.5" customHeight="1" x14ac:dyDescent="0.3">
      <c r="A1221" s="11"/>
      <c r="B1221" s="11"/>
      <c r="C1221" s="42"/>
      <c r="D1221" s="3"/>
      <c r="E1221" s="3"/>
      <c r="F1221" s="3"/>
      <c r="G1221" s="3"/>
      <c r="H1221" s="3"/>
      <c r="I1221" s="3"/>
      <c r="J1221" s="3"/>
      <c r="K1221" s="14"/>
      <c r="L1221" s="3"/>
    </row>
    <row r="1222" spans="1:12" ht="16.5" customHeight="1" x14ac:dyDescent="0.3">
      <c r="A1222" s="11"/>
      <c r="B1222" s="11"/>
      <c r="C1222" s="42"/>
      <c r="D1222" s="3"/>
      <c r="E1222" s="3"/>
      <c r="F1222" s="3"/>
      <c r="G1222" s="3"/>
      <c r="H1222" s="3"/>
      <c r="I1222" s="3"/>
      <c r="J1222" s="3"/>
      <c r="K1222" s="14"/>
      <c r="L1222" s="3"/>
    </row>
    <row r="1223" spans="1:12" ht="16.5" customHeight="1" x14ac:dyDescent="0.3">
      <c r="A1223" s="11"/>
      <c r="B1223" s="11"/>
      <c r="C1223" s="42"/>
      <c r="D1223" s="3"/>
      <c r="E1223" s="3"/>
      <c r="F1223" s="3"/>
      <c r="G1223" s="3"/>
      <c r="H1223" s="3"/>
      <c r="I1223" s="3"/>
      <c r="J1223" s="3"/>
      <c r="K1223" s="14"/>
      <c r="L1223" s="3"/>
    </row>
    <row r="1224" spans="1:12" ht="16.5" customHeight="1" x14ac:dyDescent="0.3">
      <c r="A1224" s="11"/>
      <c r="B1224" s="11"/>
      <c r="C1224" s="42"/>
      <c r="D1224" s="3"/>
      <c r="E1224" s="3"/>
      <c r="F1224" s="3"/>
      <c r="G1224" s="3"/>
      <c r="H1224" s="3"/>
      <c r="I1224" s="3"/>
      <c r="J1224" s="3"/>
      <c r="K1224" s="14"/>
      <c r="L1224" s="3"/>
    </row>
    <row r="1225" spans="1:12" ht="16.5" customHeight="1" x14ac:dyDescent="0.3">
      <c r="A1225" s="11"/>
      <c r="B1225" s="11"/>
      <c r="C1225" s="42"/>
      <c r="D1225" s="3"/>
      <c r="E1225" s="3"/>
      <c r="F1225" s="3"/>
      <c r="G1225" s="3"/>
      <c r="H1225" s="3"/>
      <c r="I1225" s="3"/>
      <c r="J1225" s="3"/>
      <c r="K1225" s="14"/>
      <c r="L1225" s="3"/>
    </row>
    <row r="1226" spans="1:12" ht="16.5" customHeight="1" x14ac:dyDescent="0.3">
      <c r="A1226" s="11"/>
      <c r="B1226" s="11"/>
      <c r="C1226" s="42"/>
      <c r="D1226" s="3"/>
      <c r="E1226" s="3"/>
      <c r="F1226" s="3"/>
      <c r="G1226" s="3"/>
      <c r="H1226" s="3"/>
      <c r="I1226" s="3"/>
      <c r="J1226" s="3"/>
      <c r="K1226" s="14"/>
      <c r="L1226" s="3"/>
    </row>
    <row r="1227" spans="1:12" ht="16.5" customHeight="1" x14ac:dyDescent="0.3">
      <c r="A1227" s="11"/>
      <c r="B1227" s="11"/>
      <c r="C1227" s="42"/>
      <c r="D1227" s="3"/>
      <c r="E1227" s="3"/>
      <c r="F1227" s="3"/>
      <c r="G1227" s="3"/>
      <c r="H1227" s="3"/>
      <c r="I1227" s="3"/>
      <c r="J1227" s="3"/>
      <c r="K1227" s="14"/>
      <c r="L1227" s="3"/>
    </row>
    <row r="1228" spans="1:12" ht="16.5" customHeight="1" x14ac:dyDescent="0.3">
      <c r="A1228" s="11"/>
      <c r="B1228" s="11"/>
      <c r="C1228" s="42"/>
      <c r="D1228" s="3"/>
      <c r="E1228" s="3"/>
      <c r="F1228" s="3"/>
      <c r="G1228" s="3"/>
      <c r="H1228" s="3"/>
      <c r="I1228" s="3"/>
      <c r="J1228" s="3"/>
      <c r="K1228" s="14"/>
      <c r="L1228" s="3"/>
    </row>
    <row r="1229" spans="1:12" ht="16.5" customHeight="1" x14ac:dyDescent="0.3">
      <c r="A1229" s="11"/>
      <c r="B1229" s="11"/>
      <c r="C1229" s="42"/>
      <c r="D1229" s="3"/>
      <c r="E1229" s="3"/>
      <c r="F1229" s="3"/>
      <c r="G1229" s="3"/>
      <c r="H1229" s="3"/>
      <c r="I1229" s="3"/>
      <c r="J1229" s="3"/>
      <c r="K1229" s="14"/>
      <c r="L1229" s="3"/>
    </row>
    <row r="1230" spans="1:12" ht="16.5" customHeight="1" x14ac:dyDescent="0.3">
      <c r="A1230" s="11"/>
      <c r="B1230" s="11"/>
      <c r="C1230" s="42"/>
      <c r="D1230" s="3"/>
      <c r="E1230" s="3"/>
      <c r="F1230" s="3"/>
      <c r="G1230" s="3"/>
      <c r="H1230" s="3"/>
      <c r="I1230" s="3"/>
      <c r="J1230" s="3"/>
      <c r="K1230" s="14"/>
      <c r="L1230" s="3"/>
    </row>
    <row r="1231" spans="1:12" ht="16.5" customHeight="1" x14ac:dyDescent="0.3">
      <c r="A1231" s="11"/>
      <c r="B1231" s="11"/>
      <c r="C1231" s="42"/>
      <c r="D1231" s="3"/>
      <c r="E1231" s="3"/>
      <c r="F1231" s="3"/>
      <c r="G1231" s="3"/>
      <c r="H1231" s="3"/>
      <c r="I1231" s="3"/>
      <c r="J1231" s="3"/>
      <c r="K1231" s="14"/>
      <c r="L1231" s="3"/>
    </row>
    <row r="1232" spans="1:12" ht="16.5" customHeight="1" x14ac:dyDescent="0.3">
      <c r="A1232" s="11"/>
      <c r="B1232" s="11"/>
      <c r="C1232" s="42"/>
      <c r="D1232" s="3"/>
      <c r="E1232" s="3"/>
      <c r="F1232" s="3"/>
      <c r="G1232" s="3"/>
      <c r="H1232" s="3"/>
      <c r="I1232" s="3"/>
      <c r="J1232" s="3"/>
      <c r="K1232" s="14"/>
      <c r="L1232" s="3"/>
    </row>
    <row r="1233" spans="1:12" ht="16.5" customHeight="1" x14ac:dyDescent="0.3">
      <c r="A1233" s="11"/>
      <c r="B1233" s="11"/>
      <c r="C1233" s="42"/>
      <c r="D1233" s="3"/>
      <c r="E1233" s="3"/>
      <c r="F1233" s="3"/>
      <c r="G1233" s="3"/>
      <c r="H1233" s="3"/>
      <c r="I1233" s="3"/>
      <c r="J1233" s="3"/>
      <c r="K1233" s="14"/>
      <c r="L1233" s="3"/>
    </row>
    <row r="1234" spans="1:12" ht="16.5" customHeight="1" x14ac:dyDescent="0.3">
      <c r="A1234" s="11"/>
      <c r="B1234" s="11"/>
      <c r="C1234" s="42"/>
      <c r="D1234" s="3"/>
      <c r="E1234" s="3"/>
      <c r="F1234" s="3"/>
      <c r="G1234" s="3"/>
      <c r="H1234" s="3"/>
      <c r="I1234" s="3"/>
      <c r="J1234" s="3"/>
      <c r="K1234" s="14"/>
      <c r="L1234" s="3"/>
    </row>
    <row r="1235" spans="1:12" ht="16.5" customHeight="1" x14ac:dyDescent="0.3">
      <c r="A1235" s="11"/>
      <c r="B1235" s="11"/>
      <c r="C1235" s="42"/>
      <c r="D1235" s="3"/>
      <c r="E1235" s="3"/>
      <c r="F1235" s="3"/>
      <c r="G1235" s="3"/>
      <c r="H1235" s="3"/>
      <c r="I1235" s="3"/>
      <c r="J1235" s="3"/>
      <c r="K1235" s="14"/>
      <c r="L1235" s="3"/>
    </row>
    <row r="1236" spans="1:12" ht="16.5" customHeight="1" x14ac:dyDescent="0.3">
      <c r="A1236" s="11"/>
      <c r="B1236" s="11"/>
      <c r="C1236" s="42"/>
      <c r="D1236" s="3"/>
      <c r="E1236" s="3"/>
      <c r="F1236" s="3"/>
      <c r="G1236" s="3"/>
      <c r="H1236" s="3"/>
      <c r="I1236" s="3"/>
      <c r="J1236" s="3"/>
      <c r="K1236" s="14"/>
      <c r="L1236" s="3"/>
    </row>
    <row r="1237" spans="1:12" ht="16.5" customHeight="1" x14ac:dyDescent="0.3">
      <c r="A1237" s="11"/>
      <c r="B1237" s="11"/>
      <c r="C1237" s="42"/>
      <c r="D1237" s="3"/>
      <c r="E1237" s="3"/>
      <c r="F1237" s="3"/>
      <c r="G1237" s="3"/>
      <c r="H1237" s="3"/>
      <c r="I1237" s="3"/>
      <c r="J1237" s="3"/>
      <c r="K1237" s="14"/>
      <c r="L1237" s="3"/>
    </row>
    <row r="1238" spans="1:12" ht="16.5" customHeight="1" x14ac:dyDescent="0.3">
      <c r="A1238" s="11"/>
      <c r="B1238" s="11"/>
      <c r="C1238" s="42"/>
      <c r="D1238" s="3"/>
      <c r="E1238" s="3"/>
      <c r="F1238" s="3"/>
      <c r="G1238" s="3"/>
      <c r="H1238" s="3"/>
      <c r="I1238" s="3"/>
      <c r="J1238" s="3"/>
      <c r="K1238" s="14"/>
      <c r="L1238" s="3"/>
    </row>
    <row r="1239" spans="1:12" ht="16.5" customHeight="1" x14ac:dyDescent="0.3">
      <c r="A1239" s="11"/>
      <c r="B1239" s="11"/>
      <c r="C1239" s="42"/>
      <c r="D1239" s="3"/>
      <c r="E1239" s="3"/>
      <c r="F1239" s="3"/>
      <c r="G1239" s="3"/>
      <c r="H1239" s="3"/>
      <c r="I1239" s="3"/>
      <c r="J1239" s="3"/>
      <c r="K1239" s="14"/>
      <c r="L1239" s="3"/>
    </row>
    <row r="1240" spans="1:12" ht="16.5" customHeight="1" x14ac:dyDescent="0.3">
      <c r="A1240" s="11"/>
      <c r="B1240" s="11"/>
      <c r="C1240" s="42"/>
      <c r="D1240" s="3"/>
      <c r="E1240" s="3"/>
      <c r="F1240" s="3"/>
      <c r="G1240" s="3"/>
      <c r="H1240" s="3"/>
      <c r="I1240" s="3"/>
      <c r="J1240" s="3"/>
      <c r="K1240" s="14"/>
      <c r="L1240" s="3"/>
    </row>
    <row r="1241" spans="1:12" ht="16.5" customHeight="1" x14ac:dyDescent="0.3">
      <c r="A1241" s="11"/>
      <c r="B1241" s="11"/>
      <c r="C1241" s="42"/>
      <c r="D1241" s="3"/>
      <c r="E1241" s="3"/>
      <c r="F1241" s="3"/>
      <c r="G1241" s="3"/>
      <c r="H1241" s="3"/>
      <c r="I1241" s="3"/>
      <c r="J1241" s="3"/>
      <c r="K1241" s="14"/>
      <c r="L1241" s="3"/>
    </row>
    <row r="1242" spans="1:12" ht="16.5" customHeight="1" x14ac:dyDescent="0.3">
      <c r="A1242" s="11"/>
      <c r="B1242" s="11"/>
      <c r="C1242" s="42"/>
      <c r="D1242" s="3"/>
      <c r="E1242" s="3"/>
      <c r="F1242" s="3"/>
      <c r="G1242" s="3"/>
      <c r="H1242" s="3"/>
      <c r="I1242" s="3"/>
      <c r="J1242" s="3"/>
      <c r="K1242" s="14"/>
      <c r="L1242" s="3"/>
    </row>
    <row r="1243" spans="1:12" ht="16.5" customHeight="1" x14ac:dyDescent="0.3">
      <c r="A1243" s="11"/>
      <c r="B1243" s="11"/>
      <c r="C1243" s="42"/>
      <c r="D1243" s="3"/>
      <c r="E1243" s="3"/>
      <c r="F1243" s="3"/>
      <c r="G1243" s="3"/>
      <c r="H1243" s="3"/>
      <c r="I1243" s="3"/>
      <c r="J1243" s="3"/>
      <c r="K1243" s="14"/>
      <c r="L1243" s="3"/>
    </row>
    <row r="1244" spans="1:12" ht="16.5" customHeight="1" x14ac:dyDescent="0.3">
      <c r="A1244" s="11"/>
      <c r="B1244" s="11"/>
      <c r="C1244" s="42"/>
      <c r="D1244" s="3"/>
      <c r="E1244" s="3"/>
      <c r="F1244" s="3"/>
      <c r="G1244" s="3"/>
      <c r="H1244" s="3"/>
      <c r="I1244" s="3"/>
      <c r="J1244" s="3"/>
      <c r="K1244" s="14"/>
      <c r="L1244" s="3"/>
    </row>
    <row r="1245" spans="1:12" ht="16.5" customHeight="1" x14ac:dyDescent="0.3">
      <c r="A1245" s="11"/>
      <c r="B1245" s="11"/>
      <c r="C1245" s="42"/>
      <c r="D1245" s="3"/>
      <c r="E1245" s="3"/>
      <c r="F1245" s="3"/>
      <c r="G1245" s="3"/>
      <c r="H1245" s="3"/>
      <c r="I1245" s="3"/>
      <c r="J1245" s="3"/>
      <c r="K1245" s="14"/>
      <c r="L1245" s="3"/>
    </row>
    <row r="1246" spans="1:12" ht="16.5" customHeight="1" x14ac:dyDescent="0.3">
      <c r="A1246" s="11"/>
      <c r="B1246" s="11"/>
      <c r="C1246" s="42"/>
      <c r="D1246" s="3"/>
      <c r="E1246" s="3"/>
      <c r="F1246" s="3"/>
      <c r="G1246" s="3"/>
      <c r="H1246" s="3"/>
      <c r="I1246" s="3"/>
      <c r="J1246" s="3"/>
      <c r="K1246" s="14"/>
      <c r="L1246" s="3"/>
    </row>
    <row r="1247" spans="1:12" ht="16.5" customHeight="1" x14ac:dyDescent="0.3">
      <c r="A1247" s="11"/>
      <c r="B1247" s="11"/>
      <c r="C1247" s="42"/>
      <c r="D1247" s="3"/>
      <c r="E1247" s="3"/>
      <c r="F1247" s="3"/>
      <c r="G1247" s="3"/>
      <c r="H1247" s="3"/>
      <c r="I1247" s="3"/>
      <c r="J1247" s="3"/>
      <c r="K1247" s="14"/>
      <c r="L1247" s="3"/>
    </row>
    <row r="1248" spans="1:12" ht="16.5" customHeight="1" x14ac:dyDescent="0.3">
      <c r="A1248" s="11"/>
      <c r="B1248" s="11"/>
      <c r="C1248" s="42"/>
      <c r="D1248" s="3"/>
      <c r="E1248" s="3"/>
      <c r="F1248" s="3"/>
      <c r="G1248" s="3"/>
      <c r="H1248" s="3"/>
      <c r="I1248" s="3"/>
      <c r="J1248" s="3"/>
      <c r="K1248" s="14"/>
      <c r="L1248" s="3"/>
    </row>
    <row r="1249" spans="1:12" ht="16.5" customHeight="1" x14ac:dyDescent="0.3">
      <c r="A1249" s="11"/>
      <c r="B1249" s="11"/>
      <c r="C1249" s="42"/>
      <c r="D1249" s="3"/>
      <c r="E1249" s="3"/>
      <c r="F1249" s="3"/>
      <c r="G1249" s="3"/>
      <c r="H1249" s="3"/>
      <c r="I1249" s="3"/>
      <c r="J1249" s="3"/>
      <c r="K1249" s="14"/>
      <c r="L1249" s="3"/>
    </row>
    <row r="1250" spans="1:12" ht="16.5" customHeight="1" x14ac:dyDescent="0.3">
      <c r="A1250" s="11"/>
      <c r="B1250" s="11"/>
      <c r="C1250" s="42"/>
      <c r="D1250" s="3"/>
      <c r="E1250" s="3"/>
      <c r="F1250" s="3"/>
      <c r="G1250" s="3"/>
      <c r="H1250" s="3"/>
      <c r="I1250" s="3"/>
      <c r="J1250" s="3"/>
      <c r="K1250" s="14"/>
      <c r="L1250" s="3"/>
    </row>
    <row r="1251" spans="1:12" ht="16.5" customHeight="1" x14ac:dyDescent="0.3">
      <c r="A1251" s="11"/>
      <c r="B1251" s="11"/>
      <c r="C1251" s="42"/>
      <c r="D1251" s="3"/>
      <c r="E1251" s="3"/>
      <c r="F1251" s="3"/>
      <c r="G1251" s="3"/>
      <c r="H1251" s="3"/>
      <c r="I1251" s="3"/>
      <c r="J1251" s="3"/>
      <c r="K1251" s="14"/>
      <c r="L1251" s="3"/>
    </row>
    <row r="1252" spans="1:12" ht="16.5" customHeight="1" x14ac:dyDescent="0.3">
      <c r="A1252" s="11"/>
      <c r="B1252" s="11"/>
      <c r="C1252" s="42"/>
      <c r="D1252" s="3"/>
      <c r="E1252" s="3"/>
      <c r="F1252" s="3"/>
      <c r="G1252" s="3"/>
      <c r="H1252" s="3"/>
      <c r="I1252" s="3"/>
      <c r="J1252" s="3"/>
      <c r="K1252" s="14"/>
      <c r="L1252" s="3"/>
    </row>
    <row r="1253" spans="1:12" ht="16.5" customHeight="1" x14ac:dyDescent="0.3">
      <c r="A1253" s="11"/>
      <c r="B1253" s="11"/>
      <c r="C1253" s="42"/>
      <c r="D1253" s="3"/>
      <c r="E1253" s="3"/>
      <c r="F1253" s="3"/>
      <c r="G1253" s="3"/>
      <c r="H1253" s="3"/>
      <c r="I1253" s="3"/>
      <c r="J1253" s="3"/>
      <c r="K1253" s="14"/>
      <c r="L1253" s="3"/>
    </row>
    <row r="1254" spans="1:12" ht="16.5" customHeight="1" x14ac:dyDescent="0.3">
      <c r="A1254" s="11"/>
      <c r="B1254" s="11"/>
      <c r="C1254" s="42"/>
      <c r="D1254" s="3"/>
      <c r="E1254" s="3"/>
      <c r="F1254" s="3"/>
      <c r="G1254" s="3"/>
      <c r="H1254" s="3"/>
      <c r="I1254" s="3"/>
      <c r="J1254" s="3"/>
      <c r="K1254" s="14"/>
      <c r="L1254" s="3"/>
    </row>
    <row r="1255" spans="1:12" ht="16.5" customHeight="1" x14ac:dyDescent="0.3">
      <c r="A1255" s="11"/>
      <c r="B1255" s="11"/>
      <c r="C1255" s="42"/>
      <c r="D1255" s="3"/>
      <c r="E1255" s="3"/>
      <c r="F1255" s="3"/>
      <c r="G1255" s="3"/>
      <c r="H1255" s="3"/>
      <c r="I1255" s="3"/>
      <c r="J1255" s="3"/>
      <c r="K1255" s="14"/>
      <c r="L1255" s="3"/>
    </row>
    <row r="1256" spans="1:12" ht="16.5" customHeight="1" x14ac:dyDescent="0.3">
      <c r="A1256" s="11"/>
      <c r="B1256" s="11"/>
      <c r="C1256" s="42"/>
      <c r="D1256" s="3"/>
      <c r="E1256" s="3"/>
      <c r="F1256" s="3"/>
      <c r="G1256" s="3"/>
      <c r="H1256" s="3"/>
      <c r="I1256" s="3"/>
      <c r="J1256" s="3"/>
      <c r="K1256" s="14"/>
      <c r="L1256" s="3"/>
    </row>
    <row r="1257" spans="1:12" ht="16.5" customHeight="1" x14ac:dyDescent="0.3">
      <c r="A1257" s="11"/>
      <c r="B1257" s="11"/>
      <c r="C1257" s="42"/>
      <c r="D1257" s="3"/>
      <c r="E1257" s="3"/>
      <c r="F1257" s="3"/>
      <c r="G1257" s="3"/>
      <c r="H1257" s="3"/>
      <c r="I1257" s="3"/>
      <c r="J1257" s="3"/>
      <c r="K1257" s="14"/>
      <c r="L1257" s="3"/>
    </row>
    <row r="1258" spans="1:12" ht="16.5" customHeight="1" x14ac:dyDescent="0.3">
      <c r="A1258" s="11"/>
      <c r="B1258" s="11"/>
      <c r="C1258" s="42"/>
      <c r="D1258" s="3"/>
      <c r="E1258" s="3"/>
      <c r="F1258" s="3"/>
      <c r="G1258" s="3"/>
      <c r="H1258" s="3"/>
      <c r="I1258" s="3"/>
      <c r="J1258" s="3"/>
      <c r="K1258" s="14"/>
      <c r="L1258" s="3"/>
    </row>
    <row r="1259" spans="1:12" ht="16.5" customHeight="1" x14ac:dyDescent="0.3">
      <c r="A1259" s="11"/>
      <c r="B1259" s="11"/>
      <c r="C1259" s="42"/>
      <c r="D1259" s="3"/>
      <c r="E1259" s="3"/>
      <c r="F1259" s="3"/>
      <c r="G1259" s="3"/>
      <c r="H1259" s="3"/>
      <c r="I1259" s="3"/>
      <c r="J1259" s="3"/>
      <c r="K1259" s="14"/>
      <c r="L1259" s="3"/>
    </row>
    <row r="1260" spans="1:12" ht="16.5" customHeight="1" x14ac:dyDescent="0.3">
      <c r="A1260" s="11"/>
      <c r="B1260" s="11"/>
      <c r="C1260" s="42"/>
      <c r="D1260" s="3"/>
      <c r="E1260" s="3"/>
      <c r="F1260" s="3"/>
      <c r="G1260" s="3"/>
      <c r="H1260" s="3"/>
      <c r="I1260" s="3"/>
      <c r="J1260" s="3"/>
      <c r="K1260" s="14"/>
      <c r="L1260" s="3"/>
    </row>
    <row r="1261" spans="1:12" ht="16.5" customHeight="1" x14ac:dyDescent="0.3">
      <c r="A1261" s="11"/>
      <c r="B1261" s="11"/>
      <c r="C1261" s="42"/>
      <c r="D1261" s="3"/>
      <c r="E1261" s="3"/>
      <c r="F1261" s="3"/>
      <c r="G1261" s="3"/>
      <c r="H1261" s="3"/>
      <c r="I1261" s="3"/>
      <c r="J1261" s="3"/>
      <c r="K1261" s="14"/>
      <c r="L1261" s="3"/>
    </row>
    <row r="1262" spans="1:12" ht="16.5" customHeight="1" x14ac:dyDescent="0.3">
      <c r="A1262" s="11"/>
      <c r="B1262" s="11"/>
      <c r="C1262" s="42"/>
      <c r="D1262" s="3"/>
      <c r="E1262" s="3"/>
      <c r="F1262" s="3"/>
      <c r="G1262" s="3"/>
      <c r="H1262" s="3"/>
      <c r="I1262" s="3"/>
      <c r="J1262" s="3"/>
      <c r="K1262" s="14"/>
      <c r="L1262" s="3"/>
    </row>
    <row r="1263" spans="1:12" ht="16.5" customHeight="1" x14ac:dyDescent="0.3">
      <c r="A1263" s="11"/>
      <c r="B1263" s="11"/>
      <c r="C1263" s="42"/>
      <c r="D1263" s="3"/>
      <c r="E1263" s="3"/>
      <c r="F1263" s="3"/>
      <c r="G1263" s="3"/>
      <c r="H1263" s="3"/>
      <c r="I1263" s="3"/>
      <c r="J1263" s="3"/>
      <c r="K1263" s="14"/>
      <c r="L1263" s="3"/>
    </row>
    <row r="1264" spans="1:12" ht="16.5" customHeight="1" x14ac:dyDescent="0.3">
      <c r="A1264" s="11"/>
      <c r="B1264" s="11"/>
      <c r="C1264" s="42"/>
      <c r="D1264" s="3"/>
      <c r="E1264" s="3"/>
      <c r="F1264" s="3"/>
      <c r="G1264" s="3"/>
      <c r="H1264" s="3"/>
      <c r="I1264" s="3"/>
      <c r="J1264" s="3"/>
      <c r="K1264" s="14"/>
      <c r="L1264" s="3"/>
    </row>
    <row r="1265" spans="1:12" ht="16.5" customHeight="1" x14ac:dyDescent="0.3">
      <c r="A1265" s="11"/>
      <c r="B1265" s="11"/>
      <c r="C1265" s="42"/>
      <c r="D1265" s="3"/>
      <c r="E1265" s="3"/>
      <c r="F1265" s="3"/>
      <c r="G1265" s="3"/>
      <c r="H1265" s="3"/>
      <c r="I1265" s="3"/>
      <c r="J1265" s="3"/>
      <c r="K1265" s="14"/>
      <c r="L1265" s="3"/>
    </row>
    <row r="1266" spans="1:12" ht="16.5" customHeight="1" x14ac:dyDescent="0.3">
      <c r="A1266" s="11"/>
      <c r="B1266" s="11"/>
      <c r="C1266" s="42"/>
      <c r="D1266" s="3"/>
      <c r="E1266" s="3"/>
      <c r="F1266" s="3"/>
      <c r="G1266" s="3"/>
      <c r="H1266" s="3"/>
      <c r="I1266" s="3"/>
      <c r="J1266" s="3"/>
      <c r="K1266" s="14"/>
      <c r="L1266" s="3"/>
    </row>
    <row r="1267" spans="1:12" ht="16.5" customHeight="1" x14ac:dyDescent="0.3">
      <c r="A1267" s="11"/>
      <c r="B1267" s="11"/>
      <c r="C1267" s="42"/>
      <c r="D1267" s="3"/>
      <c r="E1267" s="3"/>
      <c r="F1267" s="3"/>
      <c r="G1267" s="3"/>
      <c r="H1267" s="3"/>
      <c r="I1267" s="3"/>
      <c r="J1267" s="3"/>
      <c r="K1267" s="14"/>
      <c r="L1267" s="3"/>
    </row>
    <row r="1268" spans="1:12" ht="16.5" customHeight="1" x14ac:dyDescent="0.3">
      <c r="A1268" s="11"/>
      <c r="B1268" s="11"/>
      <c r="C1268" s="42"/>
      <c r="D1268" s="3"/>
      <c r="E1268" s="3"/>
      <c r="F1268" s="3"/>
      <c r="G1268" s="3"/>
      <c r="H1268" s="3"/>
      <c r="I1268" s="3"/>
      <c r="J1268" s="3"/>
      <c r="K1268" s="14"/>
      <c r="L1268" s="3"/>
    </row>
    <row r="1269" spans="1:12" ht="16.5" customHeight="1" x14ac:dyDescent="0.3">
      <c r="A1269" s="11"/>
      <c r="B1269" s="11"/>
      <c r="C1269" s="42"/>
      <c r="D1269" s="3"/>
      <c r="E1269" s="3"/>
      <c r="F1269" s="3"/>
      <c r="G1269" s="3"/>
      <c r="H1269" s="3"/>
      <c r="I1269" s="3"/>
      <c r="J1269" s="3"/>
      <c r="K1269" s="14"/>
      <c r="L1269" s="3"/>
    </row>
    <row r="1270" spans="1:12" ht="16.5" customHeight="1" x14ac:dyDescent="0.3">
      <c r="A1270" s="11"/>
      <c r="B1270" s="11"/>
      <c r="C1270" s="42"/>
      <c r="D1270" s="3"/>
      <c r="E1270" s="3"/>
      <c r="F1270" s="3"/>
      <c r="G1270" s="3"/>
      <c r="H1270" s="3"/>
      <c r="I1270" s="3"/>
      <c r="J1270" s="3"/>
      <c r="K1270" s="14"/>
      <c r="L1270" s="3"/>
    </row>
    <row r="1271" spans="1:12" ht="16.5" customHeight="1" x14ac:dyDescent="0.3">
      <c r="A1271" s="11"/>
      <c r="B1271" s="11"/>
      <c r="C1271" s="42"/>
      <c r="D1271" s="3"/>
      <c r="E1271" s="3"/>
      <c r="F1271" s="3"/>
      <c r="G1271" s="3"/>
      <c r="H1271" s="3"/>
      <c r="I1271" s="3"/>
      <c r="J1271" s="3"/>
      <c r="K1271" s="14"/>
      <c r="L1271" s="3"/>
    </row>
    <row r="1272" spans="1:12" ht="16.5" customHeight="1" x14ac:dyDescent="0.3">
      <c r="A1272" s="11"/>
      <c r="B1272" s="11"/>
      <c r="C1272" s="42"/>
      <c r="D1272" s="3"/>
      <c r="E1272" s="3"/>
      <c r="F1272" s="3"/>
      <c r="G1272" s="3"/>
      <c r="H1272" s="3"/>
      <c r="I1272" s="3"/>
      <c r="J1272" s="3"/>
      <c r="K1272" s="14"/>
      <c r="L1272" s="3"/>
    </row>
    <row r="1273" spans="1:12" ht="16.5" customHeight="1" x14ac:dyDescent="0.3">
      <c r="A1273" s="11"/>
      <c r="B1273" s="11"/>
      <c r="C1273" s="42"/>
      <c r="D1273" s="3"/>
      <c r="E1273" s="3"/>
      <c r="F1273" s="3"/>
      <c r="G1273" s="3"/>
      <c r="H1273" s="3"/>
      <c r="I1273" s="3"/>
      <c r="J1273" s="3"/>
      <c r="K1273" s="14"/>
      <c r="L1273" s="3"/>
    </row>
    <row r="1274" spans="1:12" ht="16.5" customHeight="1" x14ac:dyDescent="0.3">
      <c r="A1274" s="11"/>
      <c r="B1274" s="11"/>
      <c r="C1274" s="42"/>
      <c r="D1274" s="3"/>
      <c r="E1274" s="3"/>
      <c r="F1274" s="3"/>
      <c r="G1274" s="3"/>
      <c r="H1274" s="3"/>
      <c r="I1274" s="3"/>
      <c r="J1274" s="3"/>
      <c r="K1274" s="14"/>
      <c r="L1274" s="3"/>
    </row>
    <row r="1275" spans="1:12" ht="16.5" customHeight="1" x14ac:dyDescent="0.3">
      <c r="A1275" s="11"/>
      <c r="B1275" s="11"/>
      <c r="C1275" s="42"/>
      <c r="D1275" s="3"/>
      <c r="E1275" s="3"/>
      <c r="F1275" s="3"/>
      <c r="G1275" s="3"/>
      <c r="H1275" s="3"/>
      <c r="I1275" s="3"/>
      <c r="J1275" s="3"/>
      <c r="K1275" s="14"/>
      <c r="L1275" s="3"/>
    </row>
    <row r="1276" spans="1:12" ht="16.5" customHeight="1" x14ac:dyDescent="0.3">
      <c r="A1276" s="11"/>
      <c r="B1276" s="11"/>
      <c r="C1276" s="42"/>
      <c r="D1276" s="3"/>
      <c r="E1276" s="3"/>
      <c r="F1276" s="3"/>
      <c r="G1276" s="3"/>
      <c r="H1276" s="3"/>
      <c r="I1276" s="3"/>
      <c r="J1276" s="3"/>
      <c r="K1276" s="14"/>
      <c r="L1276" s="3"/>
    </row>
    <row r="1277" spans="1:12" ht="16.5" customHeight="1" x14ac:dyDescent="0.3">
      <c r="A1277" s="11"/>
      <c r="B1277" s="11"/>
      <c r="C1277" s="42"/>
      <c r="D1277" s="3"/>
      <c r="E1277" s="3"/>
      <c r="F1277" s="3"/>
      <c r="G1277" s="3"/>
      <c r="H1277" s="3"/>
      <c r="I1277" s="3"/>
      <c r="J1277" s="3"/>
      <c r="K1277" s="14"/>
      <c r="L1277" s="3"/>
    </row>
    <row r="1278" spans="1:12" ht="16.5" customHeight="1" x14ac:dyDescent="0.3">
      <c r="A1278" s="11"/>
      <c r="B1278" s="11"/>
      <c r="C1278" s="42"/>
      <c r="D1278" s="3"/>
      <c r="E1278" s="3"/>
      <c r="F1278" s="3"/>
      <c r="G1278" s="3"/>
      <c r="H1278" s="3"/>
      <c r="I1278" s="3"/>
      <c r="J1278" s="3"/>
      <c r="K1278" s="14"/>
      <c r="L1278" s="3"/>
    </row>
    <row r="1279" spans="1:12" ht="16.5" customHeight="1" x14ac:dyDescent="0.3">
      <c r="A1279" s="11"/>
      <c r="B1279" s="11"/>
      <c r="C1279" s="42"/>
      <c r="D1279" s="3"/>
      <c r="E1279" s="3"/>
      <c r="F1279" s="3"/>
      <c r="G1279" s="3"/>
      <c r="H1279" s="3"/>
      <c r="I1279" s="3"/>
      <c r="J1279" s="3"/>
      <c r="K1279" s="14"/>
      <c r="L1279" s="3"/>
    </row>
    <row r="1280" spans="1:12" ht="16.5" customHeight="1" x14ac:dyDescent="0.3">
      <c r="A1280" s="11"/>
      <c r="B1280" s="11"/>
      <c r="C1280" s="42"/>
      <c r="D1280" s="3"/>
      <c r="E1280" s="3"/>
      <c r="F1280" s="3"/>
      <c r="G1280" s="3"/>
      <c r="H1280" s="3"/>
      <c r="I1280" s="3"/>
      <c r="J1280" s="3"/>
      <c r="K1280" s="14"/>
      <c r="L1280" s="3"/>
    </row>
    <row r="1281" spans="1:12" ht="16.5" customHeight="1" x14ac:dyDescent="0.3">
      <c r="A1281" s="11"/>
      <c r="B1281" s="11"/>
      <c r="C1281" s="42"/>
      <c r="D1281" s="3"/>
      <c r="E1281" s="3"/>
      <c r="F1281" s="3"/>
      <c r="G1281" s="3"/>
      <c r="H1281" s="3"/>
      <c r="I1281" s="3"/>
      <c r="J1281" s="3"/>
      <c r="K1281" s="14"/>
      <c r="L1281" s="3"/>
    </row>
    <row r="1282" spans="1:12" ht="16.5" customHeight="1" x14ac:dyDescent="0.3">
      <c r="A1282" s="11"/>
      <c r="B1282" s="11"/>
      <c r="C1282" s="42"/>
      <c r="D1282" s="3"/>
      <c r="E1282" s="3"/>
      <c r="F1282" s="3"/>
      <c r="G1282" s="3"/>
      <c r="H1282" s="3"/>
      <c r="I1282" s="3"/>
      <c r="J1282" s="3"/>
      <c r="K1282" s="14"/>
      <c r="L1282" s="3"/>
    </row>
    <row r="1283" spans="1:12" ht="16.5" customHeight="1" x14ac:dyDescent="0.3">
      <c r="A1283" s="11"/>
      <c r="B1283" s="11"/>
      <c r="C1283" s="42"/>
      <c r="D1283" s="3"/>
      <c r="E1283" s="3"/>
      <c r="F1283" s="3"/>
      <c r="G1283" s="3"/>
      <c r="H1283" s="3"/>
      <c r="I1283" s="3"/>
      <c r="J1283" s="3"/>
      <c r="K1283" s="14"/>
      <c r="L1283" s="3"/>
    </row>
    <row r="1284" spans="1:12" ht="16.5" customHeight="1" x14ac:dyDescent="0.3">
      <c r="A1284" s="11"/>
      <c r="B1284" s="11"/>
      <c r="C1284" s="42"/>
      <c r="D1284" s="3"/>
      <c r="E1284" s="3"/>
      <c r="F1284" s="3"/>
      <c r="G1284" s="3"/>
      <c r="H1284" s="3"/>
      <c r="I1284" s="3"/>
      <c r="J1284" s="3"/>
      <c r="K1284" s="14"/>
      <c r="L1284" s="3"/>
    </row>
    <row r="1285" spans="1:12" ht="16.5" customHeight="1" x14ac:dyDescent="0.3">
      <c r="A1285" s="11"/>
      <c r="B1285" s="11"/>
      <c r="C1285" s="42"/>
      <c r="D1285" s="3"/>
      <c r="E1285" s="3"/>
      <c r="F1285" s="3"/>
      <c r="G1285" s="3"/>
      <c r="H1285" s="3"/>
      <c r="I1285" s="3"/>
      <c r="J1285" s="3"/>
      <c r="K1285" s="14"/>
      <c r="L1285" s="3"/>
    </row>
    <row r="1286" spans="1:12" ht="16.5" customHeight="1" x14ac:dyDescent="0.3">
      <c r="A1286" s="11"/>
      <c r="B1286" s="11"/>
      <c r="C1286" s="42"/>
      <c r="D1286" s="3"/>
      <c r="E1286" s="3"/>
      <c r="F1286" s="3"/>
      <c r="G1286" s="3"/>
      <c r="H1286" s="3"/>
      <c r="I1286" s="3"/>
      <c r="J1286" s="3"/>
      <c r="K1286" s="14"/>
      <c r="L1286" s="3"/>
    </row>
    <row r="1287" spans="1:12" ht="16.5" customHeight="1" x14ac:dyDescent="0.3">
      <c r="A1287" s="11"/>
      <c r="B1287" s="11"/>
      <c r="C1287" s="42"/>
      <c r="D1287" s="3"/>
      <c r="E1287" s="3"/>
      <c r="F1287" s="3"/>
      <c r="G1287" s="3"/>
      <c r="H1287" s="3"/>
      <c r="I1287" s="3"/>
      <c r="J1287" s="3"/>
      <c r="K1287" s="14"/>
      <c r="L1287" s="3"/>
    </row>
    <row r="1288" spans="1:12" ht="16.5" customHeight="1" x14ac:dyDescent="0.3">
      <c r="A1288" s="11"/>
      <c r="B1288" s="11"/>
      <c r="C1288" s="42"/>
      <c r="D1288" s="3"/>
      <c r="E1288" s="3"/>
      <c r="F1288" s="3"/>
      <c r="G1288" s="3"/>
      <c r="H1288" s="3"/>
      <c r="I1288" s="3"/>
      <c r="J1288" s="3"/>
      <c r="K1288" s="14"/>
      <c r="L1288" s="3"/>
    </row>
    <row r="1289" spans="1:12" ht="16.5" customHeight="1" x14ac:dyDescent="0.3">
      <c r="A1289" s="11"/>
      <c r="B1289" s="11"/>
      <c r="C1289" s="42"/>
      <c r="D1289" s="3"/>
      <c r="E1289" s="3"/>
      <c r="F1289" s="3"/>
      <c r="G1289" s="3"/>
      <c r="H1289" s="3"/>
      <c r="I1289" s="3"/>
      <c r="J1289" s="3"/>
      <c r="K1289" s="14"/>
      <c r="L1289" s="3"/>
    </row>
    <row r="1290" spans="1:12" ht="16.5" customHeight="1" x14ac:dyDescent="0.3">
      <c r="A1290" s="11"/>
      <c r="B1290" s="11"/>
      <c r="C1290" s="42"/>
      <c r="D1290" s="3"/>
      <c r="E1290" s="3"/>
      <c r="F1290" s="3"/>
      <c r="G1290" s="3"/>
      <c r="H1290" s="3"/>
      <c r="I1290" s="3"/>
      <c r="J1290" s="3"/>
      <c r="K1290" s="14"/>
      <c r="L1290" s="3"/>
    </row>
    <row r="1291" spans="1:12" ht="16.5" customHeight="1" x14ac:dyDescent="0.3">
      <c r="A1291" s="11"/>
      <c r="B1291" s="11"/>
      <c r="C1291" s="42"/>
      <c r="D1291" s="3"/>
      <c r="E1291" s="3"/>
      <c r="F1291" s="3"/>
      <c r="G1291" s="3"/>
      <c r="H1291" s="3"/>
      <c r="I1291" s="3"/>
      <c r="J1291" s="3"/>
      <c r="K1291" s="14"/>
      <c r="L1291" s="3"/>
    </row>
    <row r="1292" spans="1:12" ht="16.5" customHeight="1" x14ac:dyDescent="0.3">
      <c r="A1292" s="11"/>
      <c r="B1292" s="11"/>
      <c r="C1292" s="42"/>
      <c r="D1292" s="3"/>
      <c r="E1292" s="3"/>
      <c r="F1292" s="3"/>
      <c r="G1292" s="3"/>
      <c r="H1292" s="3"/>
      <c r="I1292" s="3"/>
      <c r="J1292" s="3"/>
      <c r="K1292" s="14"/>
      <c r="L1292" s="3"/>
    </row>
    <row r="1293" spans="1:12" ht="16.5" customHeight="1" x14ac:dyDescent="0.3">
      <c r="A1293" s="11"/>
      <c r="B1293" s="11"/>
      <c r="C1293" s="42"/>
      <c r="D1293" s="3"/>
      <c r="E1293" s="3"/>
      <c r="F1293" s="3"/>
      <c r="G1293" s="3"/>
      <c r="H1293" s="3"/>
      <c r="I1293" s="3"/>
      <c r="J1293" s="3"/>
      <c r="K1293" s="14"/>
      <c r="L1293" s="3"/>
    </row>
    <row r="1294" spans="1:12" ht="16.5" customHeight="1" x14ac:dyDescent="0.3">
      <c r="A1294" s="11"/>
      <c r="B1294" s="11"/>
      <c r="C1294" s="42"/>
      <c r="D1294" s="3"/>
      <c r="E1294" s="3"/>
      <c r="F1294" s="3"/>
      <c r="G1294" s="3"/>
      <c r="H1294" s="3"/>
      <c r="I1294" s="3"/>
      <c r="J1294" s="3"/>
      <c r="K1294" s="14"/>
      <c r="L1294" s="3"/>
    </row>
    <row r="1295" spans="1:12" ht="16.5" customHeight="1" x14ac:dyDescent="0.3">
      <c r="A1295" s="11"/>
      <c r="B1295" s="11"/>
      <c r="C1295" s="42"/>
      <c r="D1295" s="3"/>
      <c r="E1295" s="3"/>
      <c r="F1295" s="3"/>
      <c r="G1295" s="3"/>
      <c r="H1295" s="3"/>
      <c r="I1295" s="3"/>
      <c r="J1295" s="3"/>
      <c r="K1295" s="14"/>
      <c r="L1295" s="3"/>
    </row>
    <row r="1296" spans="1:12" ht="16.5" customHeight="1" x14ac:dyDescent="0.3">
      <c r="A1296" s="11"/>
      <c r="B1296" s="11"/>
      <c r="C1296" s="42"/>
      <c r="D1296" s="3"/>
      <c r="E1296" s="3"/>
      <c r="F1296" s="3"/>
      <c r="G1296" s="3"/>
      <c r="H1296" s="3"/>
      <c r="I1296" s="3"/>
      <c r="J1296" s="3"/>
      <c r="K1296" s="14"/>
      <c r="L1296" s="3"/>
    </row>
    <row r="1297" spans="1:12" ht="16.5" customHeight="1" x14ac:dyDescent="0.3">
      <c r="A1297" s="11"/>
      <c r="B1297" s="11"/>
      <c r="C1297" s="42"/>
      <c r="D1297" s="3"/>
      <c r="E1297" s="3"/>
      <c r="F1297" s="3"/>
      <c r="G1297" s="3"/>
      <c r="H1297" s="3"/>
      <c r="I1297" s="3"/>
      <c r="J1297" s="3"/>
      <c r="K1297" s="14"/>
      <c r="L1297" s="3"/>
    </row>
    <row r="1298" spans="1:12" ht="16.5" customHeight="1" x14ac:dyDescent="0.3">
      <c r="A1298" s="11"/>
      <c r="B1298" s="11"/>
      <c r="C1298" s="42"/>
      <c r="D1298" s="3"/>
      <c r="E1298" s="3"/>
      <c r="F1298" s="3"/>
      <c r="G1298" s="3"/>
      <c r="H1298" s="3"/>
      <c r="I1298" s="3"/>
      <c r="J1298" s="3"/>
      <c r="K1298" s="14"/>
      <c r="L1298" s="3"/>
    </row>
    <row r="1299" spans="1:12" ht="16.5" customHeight="1" x14ac:dyDescent="0.3">
      <c r="A1299" s="11"/>
      <c r="B1299" s="11"/>
      <c r="C1299" s="42"/>
      <c r="D1299" s="3"/>
      <c r="E1299" s="3"/>
      <c r="F1299" s="3"/>
      <c r="G1299" s="3"/>
      <c r="H1299" s="3"/>
      <c r="I1299" s="3"/>
      <c r="J1299" s="3"/>
      <c r="K1299" s="14"/>
      <c r="L1299" s="3"/>
    </row>
    <row r="1300" spans="1:12" ht="16.5" customHeight="1" x14ac:dyDescent="0.3">
      <c r="A1300" s="11"/>
      <c r="B1300" s="11"/>
      <c r="C1300" s="42"/>
      <c r="D1300" s="3"/>
      <c r="E1300" s="3"/>
      <c r="F1300" s="3"/>
      <c r="G1300" s="3"/>
      <c r="H1300" s="3"/>
      <c r="I1300" s="3"/>
      <c r="J1300" s="3"/>
      <c r="K1300" s="14"/>
      <c r="L1300" s="3"/>
    </row>
    <row r="1301" spans="1:12" ht="16.5" customHeight="1" x14ac:dyDescent="0.3">
      <c r="A1301" s="11"/>
      <c r="B1301" s="11"/>
      <c r="C1301" s="42"/>
      <c r="D1301" s="3"/>
      <c r="E1301" s="3"/>
      <c r="F1301" s="3"/>
      <c r="G1301" s="3"/>
      <c r="H1301" s="3"/>
      <c r="I1301" s="3"/>
      <c r="J1301" s="3"/>
      <c r="K1301" s="14"/>
      <c r="L1301" s="3"/>
    </row>
    <row r="1302" spans="1:12" ht="16.5" customHeight="1" x14ac:dyDescent="0.3">
      <c r="A1302" s="11"/>
      <c r="B1302" s="11"/>
      <c r="C1302" s="42"/>
      <c r="D1302" s="3"/>
      <c r="E1302" s="3"/>
      <c r="F1302" s="3"/>
      <c r="G1302" s="3"/>
      <c r="H1302" s="3"/>
      <c r="I1302" s="3"/>
      <c r="J1302" s="3"/>
      <c r="K1302" s="14"/>
      <c r="L1302" s="3"/>
    </row>
    <row r="1303" spans="1:12" ht="16.5" customHeight="1" x14ac:dyDescent="0.3">
      <c r="A1303" s="11"/>
      <c r="B1303" s="11"/>
      <c r="C1303" s="42"/>
      <c r="D1303" s="3"/>
      <c r="E1303" s="3"/>
      <c r="F1303" s="3"/>
      <c r="G1303" s="3"/>
      <c r="H1303" s="3"/>
      <c r="I1303" s="3"/>
      <c r="J1303" s="3"/>
      <c r="K1303" s="14"/>
      <c r="L1303" s="3"/>
    </row>
    <row r="1304" spans="1:12" ht="16.5" customHeight="1" x14ac:dyDescent="0.3">
      <c r="A1304" s="11"/>
      <c r="B1304" s="11"/>
      <c r="C1304" s="42"/>
      <c r="D1304" s="3"/>
      <c r="E1304" s="3"/>
      <c r="F1304" s="3"/>
      <c r="G1304" s="3"/>
      <c r="H1304" s="3"/>
      <c r="I1304" s="3"/>
      <c r="J1304" s="3"/>
      <c r="K1304" s="14"/>
      <c r="L1304" s="3"/>
    </row>
    <row r="1305" spans="1:12" ht="16.5" customHeight="1" x14ac:dyDescent="0.3">
      <c r="A1305" s="11"/>
      <c r="B1305" s="11"/>
      <c r="C1305" s="42"/>
      <c r="D1305" s="3"/>
      <c r="E1305" s="3"/>
      <c r="F1305" s="3"/>
      <c r="G1305" s="3"/>
      <c r="H1305" s="3"/>
      <c r="I1305" s="3"/>
      <c r="J1305" s="3"/>
      <c r="K1305" s="14"/>
      <c r="L1305" s="3"/>
    </row>
    <row r="1306" spans="1:12" ht="16.5" customHeight="1" x14ac:dyDescent="0.3">
      <c r="A1306" s="11"/>
      <c r="B1306" s="11"/>
      <c r="C1306" s="42"/>
      <c r="D1306" s="3"/>
      <c r="E1306" s="3"/>
      <c r="F1306" s="3"/>
      <c r="G1306" s="3"/>
      <c r="H1306" s="3"/>
      <c r="I1306" s="3"/>
      <c r="J1306" s="3"/>
      <c r="K1306" s="14"/>
      <c r="L1306" s="3"/>
    </row>
    <row r="1307" spans="1:12" ht="16.5" customHeight="1" x14ac:dyDescent="0.3">
      <c r="A1307" s="11"/>
      <c r="B1307" s="11"/>
      <c r="C1307" s="42"/>
      <c r="D1307" s="3"/>
      <c r="E1307" s="3"/>
      <c r="F1307" s="3"/>
      <c r="G1307" s="3"/>
      <c r="H1307" s="3"/>
      <c r="I1307" s="3"/>
      <c r="J1307" s="3"/>
      <c r="K1307" s="14"/>
      <c r="L1307" s="3"/>
    </row>
    <row r="1308" spans="1:12" ht="16.5" customHeight="1" x14ac:dyDescent="0.3">
      <c r="A1308" s="11"/>
      <c r="B1308" s="11"/>
      <c r="C1308" s="42"/>
      <c r="D1308" s="3"/>
      <c r="E1308" s="3"/>
      <c r="F1308" s="3"/>
      <c r="G1308" s="3"/>
      <c r="H1308" s="3"/>
      <c r="I1308" s="3"/>
      <c r="J1308" s="3"/>
      <c r="K1308" s="14"/>
      <c r="L1308" s="3"/>
    </row>
    <row r="1309" spans="1:12" ht="16.5" customHeight="1" x14ac:dyDescent="0.3">
      <c r="A1309" s="11"/>
      <c r="B1309" s="11"/>
      <c r="C1309" s="42"/>
      <c r="D1309" s="3"/>
      <c r="E1309" s="3"/>
      <c r="F1309" s="3"/>
      <c r="G1309" s="3"/>
      <c r="H1309" s="3"/>
      <c r="I1309" s="3"/>
      <c r="J1309" s="3"/>
      <c r="K1309" s="14"/>
      <c r="L1309" s="3"/>
    </row>
    <row r="1310" spans="1:12" ht="16.5" customHeight="1" x14ac:dyDescent="0.3">
      <c r="A1310" s="11"/>
      <c r="B1310" s="11"/>
      <c r="C1310" s="42"/>
      <c r="D1310" s="3"/>
      <c r="E1310" s="3"/>
      <c r="F1310" s="3"/>
      <c r="G1310" s="3"/>
      <c r="H1310" s="3"/>
      <c r="I1310" s="3"/>
      <c r="J1310" s="3"/>
      <c r="K1310" s="14"/>
      <c r="L1310" s="3"/>
    </row>
    <row r="1311" spans="1:12" ht="16.5" customHeight="1" x14ac:dyDescent="0.3">
      <c r="A1311" s="11"/>
      <c r="B1311" s="11"/>
      <c r="C1311" s="42"/>
      <c r="D1311" s="3"/>
      <c r="E1311" s="3"/>
      <c r="F1311" s="3"/>
      <c r="G1311" s="3"/>
      <c r="H1311" s="3"/>
      <c r="I1311" s="3"/>
      <c r="J1311" s="3"/>
      <c r="K1311" s="14"/>
      <c r="L1311" s="3"/>
    </row>
    <row r="1312" spans="1:12" ht="16.5" customHeight="1" x14ac:dyDescent="0.3">
      <c r="A1312" s="11"/>
      <c r="B1312" s="11"/>
      <c r="C1312" s="42"/>
      <c r="D1312" s="3"/>
      <c r="E1312" s="3"/>
      <c r="F1312" s="3"/>
      <c r="G1312" s="3"/>
      <c r="H1312" s="3"/>
      <c r="I1312" s="3"/>
      <c r="J1312" s="3"/>
      <c r="K1312" s="14"/>
      <c r="L1312" s="3"/>
    </row>
    <row r="1313" spans="1:12" ht="16.5" customHeight="1" x14ac:dyDescent="0.3">
      <c r="A1313" s="11"/>
      <c r="B1313" s="11"/>
      <c r="C1313" s="42"/>
      <c r="D1313" s="3"/>
      <c r="E1313" s="3"/>
      <c r="F1313" s="3"/>
      <c r="G1313" s="3"/>
      <c r="H1313" s="3"/>
      <c r="I1313" s="3"/>
      <c r="J1313" s="3"/>
      <c r="K1313" s="14"/>
      <c r="L1313" s="3"/>
    </row>
    <row r="1314" spans="1:12" ht="16.5" customHeight="1" x14ac:dyDescent="0.3">
      <c r="A1314" s="11"/>
      <c r="B1314" s="11"/>
      <c r="C1314" s="42"/>
      <c r="D1314" s="3"/>
      <c r="E1314" s="3"/>
      <c r="F1314" s="3"/>
      <c r="G1314" s="3"/>
      <c r="H1314" s="3"/>
      <c r="I1314" s="3"/>
      <c r="J1314" s="3"/>
      <c r="K1314" s="14"/>
      <c r="L1314" s="3"/>
    </row>
    <row r="1315" spans="1:12" ht="16.5" customHeight="1" x14ac:dyDescent="0.3">
      <c r="A1315" s="11"/>
      <c r="B1315" s="11"/>
      <c r="C1315" s="42"/>
      <c r="D1315" s="3"/>
      <c r="E1315" s="3"/>
      <c r="F1315" s="3"/>
      <c r="G1315" s="3"/>
      <c r="H1315" s="3"/>
      <c r="I1315" s="3"/>
      <c r="J1315" s="3"/>
      <c r="K1315" s="14"/>
      <c r="L1315" s="3"/>
    </row>
    <row r="1316" spans="1:12" ht="16.5" customHeight="1" x14ac:dyDescent="0.3">
      <c r="A1316" s="11"/>
      <c r="B1316" s="11"/>
      <c r="C1316" s="42"/>
      <c r="D1316" s="3"/>
      <c r="E1316" s="3"/>
      <c r="F1316" s="3"/>
      <c r="G1316" s="3"/>
      <c r="H1316" s="3"/>
      <c r="I1316" s="3"/>
      <c r="J1316" s="3"/>
      <c r="K1316" s="14"/>
      <c r="L1316" s="3"/>
    </row>
    <row r="1317" spans="1:12" ht="16.5" customHeight="1" x14ac:dyDescent="0.3">
      <c r="A1317" s="11"/>
      <c r="B1317" s="11"/>
      <c r="C1317" s="42"/>
      <c r="D1317" s="3"/>
      <c r="E1317" s="3"/>
      <c r="F1317" s="3"/>
      <c r="G1317" s="3"/>
      <c r="H1317" s="3"/>
      <c r="I1317" s="3"/>
      <c r="J1317" s="3"/>
      <c r="K1317" s="14"/>
      <c r="L1317" s="3"/>
    </row>
    <row r="1318" spans="1:12" ht="16.5" customHeight="1" x14ac:dyDescent="0.3">
      <c r="A1318" s="11"/>
      <c r="B1318" s="11"/>
      <c r="C1318" s="42"/>
      <c r="D1318" s="3"/>
      <c r="E1318" s="3"/>
      <c r="F1318" s="3"/>
      <c r="G1318" s="3"/>
      <c r="H1318" s="3"/>
      <c r="I1318" s="3"/>
      <c r="J1318" s="3"/>
      <c r="K1318" s="14"/>
      <c r="L1318" s="3"/>
    </row>
    <row r="1319" spans="1:12" ht="16.5" customHeight="1" x14ac:dyDescent="0.3">
      <c r="A1319" s="11"/>
      <c r="B1319" s="11"/>
      <c r="C1319" s="42"/>
      <c r="D1319" s="3"/>
      <c r="E1319" s="3"/>
      <c r="F1319" s="3"/>
      <c r="G1319" s="3"/>
      <c r="H1319" s="3"/>
      <c r="I1319" s="3"/>
      <c r="J1319" s="3"/>
      <c r="K1319" s="14"/>
      <c r="L1319" s="3"/>
    </row>
    <row r="1320" spans="1:12" ht="16.5" customHeight="1" x14ac:dyDescent="0.3">
      <c r="A1320" s="11"/>
      <c r="B1320" s="11"/>
      <c r="C1320" s="42"/>
      <c r="D1320" s="3"/>
      <c r="E1320" s="3"/>
      <c r="F1320" s="3"/>
      <c r="G1320" s="3"/>
      <c r="H1320" s="3"/>
      <c r="I1320" s="3"/>
      <c r="J1320" s="3"/>
      <c r="K1320" s="14"/>
      <c r="L1320" s="3"/>
    </row>
    <row r="1321" spans="1:12" ht="16.5" customHeight="1" x14ac:dyDescent="0.3">
      <c r="A1321" s="11"/>
      <c r="B1321" s="11"/>
      <c r="C1321" s="42"/>
      <c r="D1321" s="3"/>
      <c r="E1321" s="3"/>
      <c r="F1321" s="3"/>
      <c r="G1321" s="3"/>
      <c r="H1321" s="3"/>
      <c r="I1321" s="3"/>
      <c r="J1321" s="3"/>
      <c r="K1321" s="14"/>
      <c r="L1321" s="3"/>
    </row>
    <row r="1322" spans="1:12" ht="16.5" customHeight="1" x14ac:dyDescent="0.3">
      <c r="A1322" s="11"/>
      <c r="B1322" s="11"/>
      <c r="C1322" s="42"/>
      <c r="D1322" s="3"/>
      <c r="E1322" s="3"/>
      <c r="F1322" s="3"/>
      <c r="G1322" s="3"/>
      <c r="H1322" s="3"/>
      <c r="I1322" s="3"/>
      <c r="J1322" s="3"/>
      <c r="K1322" s="14"/>
      <c r="L1322" s="3"/>
    </row>
    <row r="1323" spans="1:12" ht="16.5" customHeight="1" x14ac:dyDescent="0.3">
      <c r="A1323" s="11"/>
      <c r="B1323" s="11"/>
      <c r="C1323" s="42"/>
      <c r="D1323" s="3"/>
      <c r="E1323" s="3"/>
      <c r="F1323" s="3"/>
      <c r="G1323" s="3"/>
      <c r="H1323" s="3"/>
      <c r="I1323" s="3"/>
      <c r="J1323" s="3"/>
      <c r="K1323" s="14"/>
      <c r="L1323" s="3"/>
    </row>
    <row r="1324" spans="1:12" ht="16.5" customHeight="1" x14ac:dyDescent="0.3">
      <c r="A1324" s="11"/>
      <c r="B1324" s="11"/>
      <c r="C1324" s="42"/>
      <c r="D1324" s="3"/>
      <c r="E1324" s="3"/>
      <c r="F1324" s="3"/>
      <c r="G1324" s="3"/>
      <c r="H1324" s="3"/>
      <c r="I1324" s="3"/>
      <c r="J1324" s="3"/>
      <c r="K1324" s="14"/>
      <c r="L1324" s="3"/>
    </row>
    <row r="1325" spans="1:12" ht="16.5" customHeight="1" x14ac:dyDescent="0.3">
      <c r="A1325" s="11"/>
      <c r="B1325" s="11"/>
      <c r="C1325" s="42"/>
      <c r="D1325" s="3"/>
      <c r="E1325" s="3"/>
      <c r="F1325" s="3"/>
      <c r="G1325" s="3"/>
      <c r="H1325" s="3"/>
      <c r="I1325" s="3"/>
      <c r="J1325" s="3"/>
      <c r="K1325" s="14"/>
      <c r="L1325" s="3"/>
    </row>
    <row r="1326" spans="1:12" ht="16.5" customHeight="1" x14ac:dyDescent="0.3">
      <c r="A1326" s="11"/>
      <c r="B1326" s="11"/>
      <c r="C1326" s="42"/>
      <c r="D1326" s="3"/>
      <c r="E1326" s="3"/>
      <c r="F1326" s="3"/>
      <c r="G1326" s="3"/>
      <c r="H1326" s="3"/>
      <c r="I1326" s="3"/>
      <c r="J1326" s="3"/>
      <c r="K1326" s="14"/>
      <c r="L1326" s="3"/>
    </row>
    <row r="1327" spans="1:12" ht="16.5" customHeight="1" x14ac:dyDescent="0.3">
      <c r="A1327" s="11"/>
      <c r="B1327" s="11"/>
      <c r="C1327" s="42"/>
      <c r="D1327" s="3"/>
      <c r="E1327" s="3"/>
      <c r="F1327" s="3"/>
      <c r="G1327" s="3"/>
      <c r="H1327" s="3"/>
      <c r="I1327" s="3"/>
      <c r="J1327" s="3"/>
      <c r="K1327" s="14"/>
      <c r="L1327" s="3"/>
    </row>
    <row r="1328" spans="1:12" ht="16.5" customHeight="1" x14ac:dyDescent="0.3">
      <c r="A1328" s="11"/>
      <c r="B1328" s="11"/>
      <c r="C1328" s="42"/>
      <c r="D1328" s="3"/>
      <c r="E1328" s="3"/>
      <c r="F1328" s="3"/>
      <c r="G1328" s="3"/>
      <c r="H1328" s="3"/>
      <c r="I1328" s="3"/>
      <c r="J1328" s="3"/>
      <c r="K1328" s="14"/>
      <c r="L1328" s="3"/>
    </row>
    <row r="1329" spans="1:12" ht="16.5" customHeight="1" x14ac:dyDescent="0.3">
      <c r="A1329" s="11"/>
      <c r="B1329" s="11"/>
      <c r="C1329" s="42"/>
      <c r="D1329" s="3"/>
      <c r="E1329" s="3"/>
      <c r="F1329" s="3"/>
      <c r="G1329" s="3"/>
      <c r="H1329" s="3"/>
      <c r="I1329" s="3"/>
      <c r="J1329" s="3"/>
      <c r="K1329" s="14"/>
      <c r="L1329" s="3"/>
    </row>
    <row r="1330" spans="1:12" ht="16.5" customHeight="1" x14ac:dyDescent="0.3">
      <c r="A1330" s="11"/>
      <c r="B1330" s="11"/>
      <c r="C1330" s="42"/>
      <c r="D1330" s="3"/>
      <c r="E1330" s="3"/>
      <c r="F1330" s="3"/>
      <c r="G1330" s="3"/>
      <c r="H1330" s="3"/>
      <c r="I1330" s="3"/>
      <c r="J1330" s="3"/>
      <c r="K1330" s="14"/>
      <c r="L1330" s="3"/>
    </row>
    <row r="1331" spans="1:12" ht="16.5" customHeight="1" x14ac:dyDescent="0.3">
      <c r="A1331" s="11"/>
      <c r="B1331" s="11"/>
      <c r="C1331" s="42"/>
      <c r="D1331" s="3"/>
      <c r="E1331" s="3"/>
      <c r="F1331" s="3"/>
      <c r="G1331" s="3"/>
      <c r="H1331" s="3"/>
      <c r="I1331" s="3"/>
      <c r="J1331" s="3"/>
      <c r="K1331" s="14"/>
      <c r="L1331" s="3"/>
    </row>
    <row r="1332" spans="1:12" ht="16.5" customHeight="1" x14ac:dyDescent="0.3">
      <c r="A1332" s="11"/>
      <c r="B1332" s="11"/>
      <c r="C1332" s="42"/>
      <c r="D1332" s="3"/>
      <c r="E1332" s="3"/>
      <c r="F1332" s="3"/>
      <c r="G1332" s="3"/>
      <c r="H1332" s="3"/>
      <c r="I1332" s="3"/>
      <c r="J1332" s="3"/>
      <c r="K1332" s="14"/>
      <c r="L1332" s="3"/>
    </row>
    <row r="1333" spans="1:12" ht="16.5" customHeight="1" x14ac:dyDescent="0.3">
      <c r="A1333" s="11"/>
      <c r="B1333" s="11"/>
      <c r="C1333" s="42"/>
      <c r="D1333" s="3"/>
      <c r="E1333" s="3"/>
      <c r="F1333" s="3"/>
      <c r="G1333" s="3"/>
      <c r="H1333" s="3"/>
      <c r="I1333" s="3"/>
      <c r="J1333" s="3"/>
      <c r="K1333" s="14"/>
      <c r="L1333" s="3"/>
    </row>
    <row r="1334" spans="1:12" ht="16.5" customHeight="1" x14ac:dyDescent="0.3">
      <c r="A1334" s="11"/>
      <c r="B1334" s="11"/>
      <c r="C1334" s="42"/>
      <c r="D1334" s="3"/>
      <c r="E1334" s="3"/>
      <c r="F1334" s="3"/>
      <c r="G1334" s="3"/>
      <c r="H1334" s="3"/>
      <c r="I1334" s="3"/>
      <c r="J1334" s="3"/>
      <c r="K1334" s="14"/>
      <c r="L1334" s="3"/>
    </row>
    <row r="1335" spans="1:12" ht="16.5" customHeight="1" x14ac:dyDescent="0.3">
      <c r="A1335" s="11"/>
      <c r="B1335" s="11"/>
      <c r="C1335" s="42"/>
      <c r="D1335" s="3"/>
      <c r="E1335" s="3"/>
      <c r="F1335" s="3"/>
      <c r="G1335" s="3"/>
      <c r="H1335" s="3"/>
      <c r="I1335" s="3"/>
      <c r="J1335" s="3"/>
      <c r="K1335" s="14"/>
      <c r="L1335" s="3"/>
    </row>
    <row r="1336" spans="1:12" ht="16.5" customHeight="1" x14ac:dyDescent="0.3">
      <c r="A1336" s="11"/>
      <c r="B1336" s="11"/>
      <c r="C1336" s="42"/>
      <c r="D1336" s="3"/>
      <c r="E1336" s="3"/>
      <c r="F1336" s="3"/>
      <c r="G1336" s="3"/>
      <c r="H1336" s="3"/>
      <c r="I1336" s="3"/>
      <c r="J1336" s="3"/>
      <c r="K1336" s="14"/>
      <c r="L1336" s="3"/>
    </row>
    <row r="1337" spans="1:12" ht="16.5" customHeight="1" x14ac:dyDescent="0.3">
      <c r="A1337" s="11"/>
      <c r="B1337" s="11"/>
      <c r="C1337" s="42"/>
      <c r="D1337" s="3"/>
      <c r="E1337" s="3"/>
      <c r="F1337" s="3"/>
      <c r="G1337" s="3"/>
      <c r="H1337" s="3"/>
      <c r="I1337" s="3"/>
      <c r="J1337" s="3"/>
      <c r="K1337" s="14"/>
      <c r="L1337" s="3"/>
    </row>
    <row r="1338" spans="1:12" ht="16.5" customHeight="1" x14ac:dyDescent="0.3">
      <c r="A1338" s="11"/>
      <c r="B1338" s="11"/>
      <c r="C1338" s="42"/>
      <c r="D1338" s="3"/>
      <c r="E1338" s="3"/>
      <c r="F1338" s="3"/>
      <c r="G1338" s="3"/>
      <c r="H1338" s="3"/>
      <c r="I1338" s="3"/>
      <c r="J1338" s="3"/>
      <c r="K1338" s="14"/>
      <c r="L1338" s="3"/>
    </row>
    <row r="1339" spans="1:12" ht="16.5" customHeight="1" x14ac:dyDescent="0.3">
      <c r="A1339" s="11"/>
      <c r="B1339" s="11"/>
      <c r="C1339" s="42"/>
      <c r="D1339" s="3"/>
      <c r="E1339" s="3"/>
      <c r="F1339" s="3"/>
      <c r="G1339" s="3"/>
      <c r="H1339" s="3"/>
      <c r="I1339" s="3"/>
      <c r="J1339" s="3"/>
      <c r="K1339" s="14"/>
      <c r="L1339" s="3"/>
    </row>
    <row r="1340" spans="1:12" ht="16.5" customHeight="1" x14ac:dyDescent="0.3">
      <c r="A1340" s="11"/>
      <c r="B1340" s="11"/>
      <c r="C1340" s="42"/>
      <c r="D1340" s="3"/>
      <c r="E1340" s="3"/>
      <c r="F1340" s="3"/>
      <c r="G1340" s="3"/>
      <c r="H1340" s="3"/>
      <c r="I1340" s="3"/>
      <c r="J1340" s="3"/>
      <c r="K1340" s="14"/>
      <c r="L1340" s="3"/>
    </row>
    <row r="1341" spans="1:12" ht="16.5" customHeight="1" x14ac:dyDescent="0.3">
      <c r="A1341" s="11"/>
      <c r="B1341" s="11"/>
      <c r="C1341" s="42"/>
      <c r="D1341" s="3"/>
      <c r="E1341" s="3"/>
      <c r="F1341" s="3"/>
      <c r="G1341" s="3"/>
      <c r="H1341" s="3"/>
      <c r="I1341" s="3"/>
      <c r="J1341" s="3"/>
      <c r="K1341" s="14"/>
      <c r="L1341" s="3"/>
    </row>
    <row r="1342" spans="1:12" ht="16.5" customHeight="1" x14ac:dyDescent="0.3">
      <c r="A1342" s="11"/>
      <c r="B1342" s="11"/>
      <c r="C1342" s="42"/>
      <c r="D1342" s="3"/>
      <c r="E1342" s="3"/>
      <c r="F1342" s="3"/>
      <c r="G1342" s="3"/>
      <c r="H1342" s="3"/>
      <c r="I1342" s="3"/>
      <c r="J1342" s="3"/>
      <c r="K1342" s="14"/>
      <c r="L1342" s="3"/>
    </row>
    <row r="1343" spans="1:12" ht="16.5" customHeight="1" x14ac:dyDescent="0.3">
      <c r="A1343" s="11"/>
      <c r="B1343" s="11"/>
      <c r="C1343" s="42"/>
      <c r="D1343" s="3"/>
      <c r="E1343" s="3"/>
      <c r="F1343" s="3"/>
      <c r="G1343" s="3"/>
      <c r="H1343" s="3"/>
      <c r="I1343" s="3"/>
      <c r="J1343" s="3"/>
      <c r="K1343" s="14"/>
      <c r="L1343" s="3"/>
    </row>
    <row r="1344" spans="1:12" ht="16.5" customHeight="1" x14ac:dyDescent="0.3">
      <c r="A1344" s="11"/>
      <c r="B1344" s="11"/>
      <c r="C1344" s="42"/>
      <c r="D1344" s="3"/>
      <c r="E1344" s="3"/>
      <c r="F1344" s="3"/>
      <c r="G1344" s="3"/>
      <c r="H1344" s="3"/>
      <c r="I1344" s="3"/>
      <c r="J1344" s="3"/>
      <c r="K1344" s="14"/>
      <c r="L1344" s="3"/>
    </row>
    <row r="1345" spans="1:12" ht="16.5" customHeight="1" x14ac:dyDescent="0.3">
      <c r="A1345" s="11"/>
      <c r="B1345" s="11"/>
      <c r="C1345" s="42"/>
      <c r="D1345" s="3"/>
      <c r="E1345" s="3"/>
      <c r="F1345" s="3"/>
      <c r="G1345" s="3"/>
      <c r="H1345" s="3"/>
      <c r="I1345" s="3"/>
      <c r="J1345" s="3"/>
      <c r="K1345" s="14"/>
      <c r="L1345" s="3"/>
    </row>
    <row r="1346" spans="1:12" ht="16.5" customHeight="1" x14ac:dyDescent="0.3">
      <c r="A1346" s="11"/>
      <c r="B1346" s="11"/>
      <c r="C1346" s="42"/>
      <c r="D1346" s="3"/>
      <c r="E1346" s="3"/>
      <c r="F1346" s="3"/>
      <c r="G1346" s="3"/>
      <c r="H1346" s="3"/>
      <c r="I1346" s="3"/>
      <c r="J1346" s="3"/>
      <c r="K1346" s="14"/>
      <c r="L1346" s="3"/>
    </row>
    <row r="1347" spans="1:12" ht="16.5" customHeight="1" x14ac:dyDescent="0.3">
      <c r="A1347" s="11"/>
      <c r="B1347" s="11"/>
      <c r="C1347" s="42"/>
      <c r="D1347" s="3"/>
      <c r="E1347" s="3"/>
      <c r="F1347" s="3"/>
      <c r="G1347" s="3"/>
      <c r="H1347" s="3"/>
      <c r="I1347" s="3"/>
      <c r="J1347" s="3"/>
      <c r="K1347" s="14"/>
      <c r="L1347" s="3"/>
    </row>
    <row r="1348" spans="1:12" ht="16.5" customHeight="1" x14ac:dyDescent="0.3">
      <c r="A1348" s="11"/>
      <c r="B1348" s="11"/>
      <c r="C1348" s="42"/>
      <c r="D1348" s="3"/>
      <c r="E1348" s="3"/>
      <c r="F1348" s="3"/>
      <c r="G1348" s="3"/>
      <c r="H1348" s="3"/>
      <c r="I1348" s="3"/>
      <c r="J1348" s="3"/>
      <c r="K1348" s="14"/>
      <c r="L1348" s="3"/>
    </row>
    <row r="1349" spans="1:12" ht="16.5" customHeight="1" x14ac:dyDescent="0.3">
      <c r="A1349" s="11"/>
      <c r="B1349" s="11"/>
      <c r="C1349" s="42"/>
      <c r="D1349" s="3"/>
      <c r="E1349" s="3"/>
      <c r="F1349" s="3"/>
      <c r="G1349" s="3"/>
      <c r="H1349" s="3"/>
      <c r="I1349" s="3"/>
      <c r="J1349" s="3"/>
      <c r="K1349" s="14"/>
      <c r="L1349" s="3"/>
    </row>
    <row r="1350" spans="1:12" ht="16.5" customHeight="1" x14ac:dyDescent="0.3">
      <c r="A1350" s="11"/>
      <c r="B1350" s="11"/>
      <c r="C1350" s="42"/>
      <c r="D1350" s="3"/>
      <c r="E1350" s="3"/>
      <c r="F1350" s="3"/>
      <c r="G1350" s="3"/>
      <c r="H1350" s="3"/>
      <c r="I1350" s="3"/>
      <c r="J1350" s="3"/>
      <c r="K1350" s="14"/>
      <c r="L1350" s="3"/>
    </row>
    <row r="1351" spans="1:12" ht="16.5" customHeight="1" x14ac:dyDescent="0.3">
      <c r="A1351" s="11"/>
      <c r="B1351" s="11"/>
      <c r="C1351" s="42"/>
      <c r="D1351" s="3"/>
      <c r="E1351" s="3"/>
      <c r="F1351" s="3"/>
      <c r="G1351" s="3"/>
      <c r="H1351" s="3"/>
      <c r="I1351" s="3"/>
      <c r="J1351" s="3"/>
      <c r="K1351" s="14"/>
      <c r="L1351" s="3"/>
    </row>
    <row r="1352" spans="1:12" ht="16.5" customHeight="1" x14ac:dyDescent="0.3">
      <c r="A1352" s="11"/>
      <c r="B1352" s="11"/>
      <c r="C1352" s="42"/>
      <c r="D1352" s="3"/>
      <c r="E1352" s="3"/>
      <c r="F1352" s="3"/>
      <c r="G1352" s="3"/>
      <c r="H1352" s="3"/>
      <c r="I1352" s="3"/>
      <c r="J1352" s="3"/>
      <c r="K1352" s="14"/>
      <c r="L1352" s="3"/>
    </row>
    <row r="1353" spans="1:12" ht="16.5" customHeight="1" x14ac:dyDescent="0.3">
      <c r="A1353" s="11"/>
      <c r="B1353" s="11"/>
      <c r="C1353" s="42"/>
      <c r="D1353" s="3"/>
      <c r="E1353" s="3"/>
      <c r="F1353" s="3"/>
      <c r="G1353" s="3"/>
      <c r="H1353" s="3"/>
      <c r="I1353" s="3"/>
      <c r="J1353" s="3"/>
      <c r="K1353" s="14"/>
      <c r="L1353" s="3"/>
    </row>
    <row r="1354" spans="1:12" ht="16.5" customHeight="1" x14ac:dyDescent="0.3">
      <c r="A1354" s="11"/>
      <c r="B1354" s="11"/>
      <c r="C1354" s="42"/>
      <c r="D1354" s="3"/>
      <c r="E1354" s="3"/>
      <c r="F1354" s="3"/>
      <c r="G1354" s="3"/>
      <c r="H1354" s="3"/>
      <c r="I1354" s="3"/>
      <c r="J1354" s="3"/>
      <c r="K1354" s="14"/>
      <c r="L1354" s="3"/>
    </row>
    <row r="1355" spans="1:12" ht="16.5" customHeight="1" x14ac:dyDescent="0.3">
      <c r="A1355" s="11"/>
      <c r="B1355" s="11"/>
      <c r="C1355" s="42"/>
      <c r="D1355" s="3"/>
      <c r="E1355" s="3"/>
      <c r="F1355" s="3"/>
      <c r="G1355" s="3"/>
      <c r="H1355" s="3"/>
      <c r="I1355" s="3"/>
      <c r="J1355" s="3"/>
      <c r="K1355" s="14"/>
      <c r="L1355" s="3"/>
    </row>
    <row r="1356" spans="1:12" ht="16.5" customHeight="1" x14ac:dyDescent="0.3">
      <c r="A1356" s="11"/>
      <c r="B1356" s="11"/>
      <c r="C1356" s="42"/>
      <c r="D1356" s="3"/>
      <c r="E1356" s="3"/>
      <c r="F1356" s="3"/>
      <c r="G1356" s="3"/>
      <c r="H1356" s="3"/>
      <c r="I1356" s="3"/>
      <c r="J1356" s="3"/>
      <c r="K1356" s="14"/>
      <c r="L1356" s="3"/>
    </row>
    <row r="1357" spans="1:12" ht="16.5" customHeight="1" x14ac:dyDescent="0.3">
      <c r="A1357" s="11"/>
      <c r="B1357" s="11"/>
      <c r="C1357" s="42"/>
      <c r="D1357" s="3"/>
      <c r="E1357" s="3"/>
      <c r="F1357" s="3"/>
      <c r="G1357" s="3"/>
      <c r="H1357" s="3"/>
      <c r="I1357" s="3"/>
      <c r="J1357" s="3"/>
      <c r="K1357" s="14"/>
      <c r="L1357" s="3"/>
    </row>
    <row r="1358" spans="1:12" ht="16.5" customHeight="1" x14ac:dyDescent="0.3">
      <c r="A1358" s="11"/>
      <c r="B1358" s="11"/>
      <c r="C1358" s="42"/>
      <c r="D1358" s="3"/>
      <c r="E1358" s="3"/>
      <c r="F1358" s="3"/>
      <c r="G1358" s="3"/>
      <c r="H1358" s="3"/>
      <c r="I1358" s="3"/>
      <c r="J1358" s="3"/>
      <c r="K1358" s="14"/>
      <c r="L1358" s="3"/>
    </row>
    <row r="1359" spans="1:12" ht="16.5" customHeight="1" x14ac:dyDescent="0.3">
      <c r="A1359" s="11"/>
      <c r="B1359" s="11"/>
      <c r="C1359" s="42"/>
      <c r="D1359" s="3"/>
      <c r="E1359" s="3"/>
      <c r="F1359" s="3"/>
      <c r="G1359" s="3"/>
      <c r="H1359" s="3"/>
      <c r="I1359" s="3"/>
      <c r="J1359" s="3"/>
      <c r="K1359" s="14"/>
      <c r="L1359" s="3"/>
    </row>
    <row r="1360" spans="1:12" ht="16.5" customHeight="1" x14ac:dyDescent="0.3">
      <c r="A1360" s="11"/>
      <c r="B1360" s="11"/>
      <c r="C1360" s="42"/>
      <c r="D1360" s="3"/>
      <c r="E1360" s="3"/>
      <c r="F1360" s="3"/>
      <c r="G1360" s="3"/>
      <c r="H1360" s="3"/>
      <c r="I1360" s="3"/>
      <c r="J1360" s="3"/>
      <c r="K1360" s="14"/>
      <c r="L1360" s="3"/>
    </row>
    <row r="1361" spans="1:12" ht="16.5" customHeight="1" x14ac:dyDescent="0.3">
      <c r="A1361" s="11"/>
      <c r="B1361" s="11"/>
      <c r="C1361" s="42"/>
      <c r="D1361" s="3"/>
      <c r="E1361" s="3"/>
      <c r="F1361" s="3"/>
      <c r="G1361" s="3"/>
      <c r="H1361" s="3"/>
      <c r="I1361" s="3"/>
      <c r="J1361" s="3"/>
      <c r="K1361" s="14"/>
      <c r="L1361" s="3"/>
    </row>
    <row r="1362" spans="1:12" ht="16.5" customHeight="1" x14ac:dyDescent="0.3">
      <c r="A1362" s="11"/>
      <c r="B1362" s="11"/>
      <c r="C1362" s="42"/>
      <c r="D1362" s="3"/>
      <c r="E1362" s="3"/>
      <c r="F1362" s="3"/>
      <c r="G1362" s="3"/>
      <c r="H1362" s="3"/>
      <c r="I1362" s="3"/>
      <c r="J1362" s="3"/>
      <c r="K1362" s="14"/>
      <c r="L1362" s="3"/>
    </row>
    <row r="1363" spans="1:12" ht="16.5" customHeight="1" x14ac:dyDescent="0.3">
      <c r="A1363" s="11"/>
      <c r="B1363" s="11"/>
      <c r="C1363" s="42"/>
      <c r="D1363" s="3"/>
      <c r="E1363" s="3"/>
      <c r="F1363" s="3"/>
      <c r="G1363" s="3"/>
      <c r="H1363" s="3"/>
      <c r="I1363" s="3"/>
      <c r="J1363" s="3"/>
      <c r="K1363" s="14"/>
      <c r="L1363" s="3"/>
    </row>
    <row r="1364" spans="1:12" ht="16.5" customHeight="1" x14ac:dyDescent="0.3">
      <c r="A1364" s="11"/>
      <c r="B1364" s="11"/>
      <c r="C1364" s="42"/>
      <c r="D1364" s="3"/>
      <c r="E1364" s="3"/>
      <c r="F1364" s="3"/>
      <c r="G1364" s="3"/>
      <c r="H1364" s="3"/>
      <c r="I1364" s="3"/>
      <c r="J1364" s="3"/>
      <c r="K1364" s="14"/>
      <c r="L1364" s="3"/>
    </row>
    <row r="1365" spans="1:12" ht="16.5" customHeight="1" x14ac:dyDescent="0.3">
      <c r="A1365" s="11"/>
      <c r="B1365" s="11"/>
      <c r="C1365" s="42"/>
      <c r="D1365" s="3"/>
      <c r="E1365" s="3"/>
      <c r="F1365" s="3"/>
      <c r="G1365" s="3"/>
      <c r="H1365" s="3"/>
      <c r="I1365" s="3"/>
      <c r="J1365" s="3"/>
      <c r="K1365" s="14"/>
      <c r="L1365" s="3"/>
    </row>
    <row r="1366" spans="1:12" ht="16.5" customHeight="1" x14ac:dyDescent="0.3">
      <c r="A1366" s="11"/>
      <c r="B1366" s="11"/>
      <c r="C1366" s="42"/>
      <c r="D1366" s="3"/>
      <c r="E1366" s="3"/>
      <c r="F1366" s="3"/>
      <c r="G1366" s="3"/>
      <c r="H1366" s="3"/>
      <c r="I1366" s="3"/>
      <c r="J1366" s="3"/>
      <c r="K1366" s="14"/>
      <c r="L1366" s="3"/>
    </row>
    <row r="1367" spans="1:12" ht="16.5" customHeight="1" x14ac:dyDescent="0.3">
      <c r="A1367" s="11"/>
      <c r="B1367" s="11"/>
      <c r="C1367" s="42"/>
      <c r="D1367" s="3"/>
      <c r="E1367" s="3"/>
      <c r="F1367" s="3"/>
      <c r="G1367" s="3"/>
      <c r="H1367" s="3"/>
      <c r="I1367" s="3"/>
      <c r="J1367" s="3"/>
      <c r="K1367" s="14"/>
      <c r="L1367" s="3"/>
    </row>
    <row r="1368" spans="1:12" ht="16.5" customHeight="1" x14ac:dyDescent="0.3">
      <c r="A1368" s="11"/>
      <c r="B1368" s="11"/>
      <c r="C1368" s="42"/>
      <c r="D1368" s="3"/>
      <c r="E1368" s="3"/>
      <c r="F1368" s="3"/>
      <c r="G1368" s="3"/>
      <c r="H1368" s="3"/>
      <c r="I1368" s="3"/>
      <c r="J1368" s="3"/>
      <c r="K1368" s="14"/>
      <c r="L1368" s="3"/>
    </row>
    <row r="1369" spans="1:12" ht="16.5" customHeight="1" x14ac:dyDescent="0.3">
      <c r="A1369" s="11"/>
      <c r="B1369" s="11"/>
      <c r="C1369" s="42"/>
      <c r="D1369" s="3"/>
      <c r="E1369" s="3"/>
      <c r="F1369" s="3"/>
      <c r="G1369" s="3"/>
      <c r="H1369" s="3"/>
      <c r="I1369" s="3"/>
      <c r="J1369" s="3"/>
      <c r="K1369" s="14"/>
      <c r="L1369" s="3"/>
    </row>
    <row r="1370" spans="1:12" ht="16.5" customHeight="1" x14ac:dyDescent="0.3">
      <c r="A1370" s="11"/>
      <c r="B1370" s="11"/>
      <c r="C1370" s="42"/>
      <c r="D1370" s="3"/>
      <c r="E1370" s="3"/>
      <c r="F1370" s="3"/>
      <c r="G1370" s="3"/>
      <c r="H1370" s="3"/>
      <c r="I1370" s="3"/>
      <c r="J1370" s="3"/>
      <c r="K1370" s="14"/>
      <c r="L1370" s="3"/>
    </row>
    <row r="1371" spans="1:12" ht="16.5" customHeight="1" x14ac:dyDescent="0.3">
      <c r="A1371" s="11"/>
      <c r="B1371" s="11"/>
      <c r="C1371" s="42"/>
      <c r="D1371" s="3"/>
      <c r="E1371" s="3"/>
      <c r="F1371" s="3"/>
      <c r="G1371" s="3"/>
      <c r="H1371" s="3"/>
      <c r="I1371" s="3"/>
      <c r="J1371" s="3"/>
      <c r="K1371" s="14"/>
      <c r="L1371" s="3"/>
    </row>
    <row r="1372" spans="1:12" ht="16.5" customHeight="1" x14ac:dyDescent="0.3">
      <c r="A1372" s="11"/>
      <c r="B1372" s="11"/>
      <c r="C1372" s="42"/>
      <c r="D1372" s="3"/>
      <c r="E1372" s="3"/>
      <c r="F1372" s="3"/>
      <c r="G1372" s="3"/>
      <c r="H1372" s="3"/>
      <c r="I1372" s="3"/>
      <c r="J1372" s="3"/>
      <c r="K1372" s="14"/>
      <c r="L1372" s="3"/>
    </row>
    <row r="1373" spans="1:12" ht="16.5" customHeight="1" x14ac:dyDescent="0.3">
      <c r="A1373" s="11"/>
      <c r="B1373" s="11"/>
      <c r="C1373" s="42"/>
      <c r="D1373" s="3"/>
      <c r="E1373" s="3"/>
      <c r="F1373" s="3"/>
      <c r="G1373" s="3"/>
      <c r="H1373" s="3"/>
      <c r="I1373" s="3"/>
      <c r="J1373" s="3"/>
      <c r="K1373" s="14"/>
      <c r="L1373" s="3"/>
    </row>
    <row r="1374" spans="1:12" ht="16.5" customHeight="1" x14ac:dyDescent="0.3">
      <c r="A1374" s="11"/>
      <c r="B1374" s="11"/>
      <c r="C1374" s="42"/>
      <c r="D1374" s="3"/>
      <c r="E1374" s="3"/>
      <c r="F1374" s="3"/>
      <c r="G1374" s="3"/>
      <c r="H1374" s="3"/>
      <c r="I1374" s="3"/>
      <c r="J1374" s="3"/>
      <c r="K1374" s="14"/>
      <c r="L1374" s="3"/>
    </row>
    <row r="1375" spans="1:12" ht="16.5" customHeight="1" x14ac:dyDescent="0.3">
      <c r="A1375" s="11"/>
      <c r="B1375" s="11"/>
      <c r="C1375" s="42"/>
      <c r="D1375" s="3"/>
      <c r="E1375" s="3"/>
      <c r="F1375" s="3"/>
      <c r="G1375" s="3"/>
      <c r="H1375" s="3"/>
      <c r="I1375" s="3"/>
      <c r="J1375" s="3"/>
      <c r="K1375" s="14"/>
      <c r="L1375" s="3"/>
    </row>
    <row r="1376" spans="1:12" ht="16.5" customHeight="1" x14ac:dyDescent="0.3">
      <c r="A1376" s="11"/>
      <c r="B1376" s="11"/>
      <c r="C1376" s="42"/>
      <c r="D1376" s="3"/>
      <c r="E1376" s="3"/>
      <c r="F1376" s="3"/>
      <c r="G1376" s="3"/>
      <c r="H1376" s="3"/>
      <c r="I1376" s="3"/>
      <c r="J1376" s="3"/>
      <c r="K1376" s="14"/>
      <c r="L1376" s="3"/>
    </row>
    <row r="1377" spans="1:12" ht="16.5" customHeight="1" x14ac:dyDescent="0.3">
      <c r="A1377" s="11"/>
      <c r="B1377" s="11"/>
      <c r="C1377" s="42"/>
      <c r="D1377" s="3"/>
      <c r="E1377" s="3"/>
      <c r="F1377" s="3"/>
      <c r="G1377" s="3"/>
      <c r="H1377" s="3"/>
      <c r="I1377" s="3"/>
      <c r="J1377" s="3"/>
      <c r="K1377" s="14"/>
      <c r="L1377" s="3"/>
    </row>
    <row r="1378" spans="1:12" ht="16.5" customHeight="1" x14ac:dyDescent="0.3">
      <c r="A1378" s="11"/>
      <c r="B1378" s="11"/>
      <c r="C1378" s="42"/>
      <c r="D1378" s="3"/>
      <c r="E1378" s="3"/>
      <c r="F1378" s="3"/>
      <c r="G1378" s="3"/>
      <c r="H1378" s="3"/>
      <c r="I1378" s="3"/>
      <c r="J1378" s="3"/>
      <c r="K1378" s="14"/>
      <c r="L1378" s="3"/>
    </row>
    <row r="1379" spans="1:12" ht="16.5" customHeight="1" x14ac:dyDescent="0.3">
      <c r="A1379" s="11"/>
      <c r="B1379" s="11"/>
      <c r="C1379" s="42"/>
      <c r="D1379" s="3"/>
      <c r="E1379" s="3"/>
      <c r="F1379" s="3"/>
      <c r="G1379" s="3"/>
      <c r="H1379" s="3"/>
      <c r="I1379" s="3"/>
      <c r="J1379" s="3"/>
      <c r="K1379" s="14"/>
      <c r="L1379" s="3"/>
    </row>
    <row r="1380" spans="1:12" ht="16.5" customHeight="1" x14ac:dyDescent="0.3">
      <c r="A1380" s="11"/>
      <c r="B1380" s="11"/>
      <c r="C1380" s="42"/>
      <c r="D1380" s="3"/>
      <c r="E1380" s="3"/>
      <c r="F1380" s="3"/>
      <c r="G1380" s="3"/>
      <c r="H1380" s="3"/>
      <c r="I1380" s="3"/>
      <c r="J1380" s="3"/>
      <c r="K1380" s="14"/>
      <c r="L1380" s="3"/>
    </row>
    <row r="1381" spans="1:12" ht="16.5" customHeight="1" x14ac:dyDescent="0.3">
      <c r="A1381" s="11"/>
      <c r="B1381" s="11"/>
      <c r="C1381" s="42"/>
      <c r="D1381" s="3"/>
      <c r="E1381" s="3"/>
      <c r="F1381" s="3"/>
      <c r="G1381" s="3"/>
      <c r="H1381" s="3"/>
      <c r="I1381" s="3"/>
      <c r="J1381" s="3"/>
      <c r="K1381" s="14"/>
      <c r="L1381" s="3"/>
    </row>
    <row r="1382" spans="1:12" ht="16.5" customHeight="1" x14ac:dyDescent="0.3">
      <c r="A1382" s="11"/>
      <c r="B1382" s="11"/>
      <c r="C1382" s="42"/>
      <c r="D1382" s="3"/>
      <c r="E1382" s="3"/>
      <c r="F1382" s="3"/>
      <c r="G1382" s="3"/>
      <c r="H1382" s="3"/>
      <c r="I1382" s="3"/>
      <c r="J1382" s="3"/>
      <c r="K1382" s="14"/>
      <c r="L1382" s="3"/>
    </row>
    <row r="1383" spans="1:12" ht="16.5" customHeight="1" x14ac:dyDescent="0.3">
      <c r="A1383" s="11"/>
      <c r="B1383" s="11"/>
      <c r="C1383" s="42"/>
      <c r="D1383" s="3"/>
      <c r="E1383" s="3"/>
      <c r="F1383" s="3"/>
      <c r="G1383" s="3"/>
      <c r="H1383" s="3"/>
      <c r="I1383" s="3"/>
      <c r="J1383" s="3"/>
      <c r="K1383" s="14"/>
      <c r="L1383" s="3"/>
    </row>
    <row r="1384" spans="1:12" ht="16.5" customHeight="1" x14ac:dyDescent="0.3">
      <c r="A1384" s="11"/>
      <c r="B1384" s="11"/>
      <c r="C1384" s="42"/>
      <c r="D1384" s="3"/>
      <c r="E1384" s="3"/>
      <c r="F1384" s="3"/>
      <c r="G1384" s="3"/>
      <c r="H1384" s="3"/>
      <c r="I1384" s="3"/>
      <c r="J1384" s="3"/>
      <c r="K1384" s="14"/>
      <c r="L1384" s="3"/>
    </row>
    <row r="1385" spans="1:12" ht="16.5" customHeight="1" x14ac:dyDescent="0.3">
      <c r="A1385" s="11"/>
      <c r="B1385" s="11"/>
      <c r="C1385" s="42"/>
      <c r="D1385" s="3"/>
      <c r="E1385" s="3"/>
      <c r="F1385" s="3"/>
      <c r="G1385" s="3"/>
      <c r="H1385" s="3"/>
      <c r="I1385" s="3"/>
      <c r="J1385" s="3"/>
      <c r="K1385" s="14"/>
      <c r="L1385" s="3"/>
    </row>
    <row r="1386" spans="1:12" ht="16.5" customHeight="1" x14ac:dyDescent="0.3">
      <c r="A1386" s="11"/>
      <c r="B1386" s="11"/>
      <c r="C1386" s="42"/>
      <c r="D1386" s="3"/>
      <c r="E1386" s="3"/>
      <c r="F1386" s="3"/>
      <c r="G1386" s="3"/>
      <c r="H1386" s="3"/>
      <c r="I1386" s="3"/>
      <c r="J1386" s="3"/>
      <c r="K1386" s="14"/>
      <c r="L1386" s="3"/>
    </row>
    <row r="1387" spans="1:12" ht="16.5" customHeight="1" x14ac:dyDescent="0.3">
      <c r="A1387" s="11"/>
      <c r="B1387" s="11"/>
      <c r="C1387" s="42"/>
      <c r="D1387" s="3"/>
      <c r="E1387" s="3"/>
      <c r="F1387" s="3"/>
      <c r="G1387" s="3"/>
      <c r="H1387" s="3"/>
      <c r="I1387" s="3"/>
      <c r="J1387" s="3"/>
      <c r="K1387" s="14"/>
      <c r="L1387" s="3"/>
    </row>
    <row r="1388" spans="1:12" ht="16.5" customHeight="1" x14ac:dyDescent="0.3">
      <c r="A1388" s="11"/>
      <c r="B1388" s="11"/>
      <c r="C1388" s="42"/>
      <c r="D1388" s="3"/>
      <c r="E1388" s="3"/>
      <c r="F1388" s="3"/>
      <c r="G1388" s="3"/>
      <c r="H1388" s="3"/>
      <c r="I1388" s="3"/>
      <c r="J1388" s="3"/>
      <c r="K1388" s="14"/>
      <c r="L1388" s="3"/>
    </row>
    <row r="1389" spans="1:12" ht="16.5" customHeight="1" x14ac:dyDescent="0.3">
      <c r="A1389" s="11"/>
      <c r="B1389" s="11"/>
      <c r="C1389" s="42"/>
      <c r="D1389" s="3"/>
      <c r="E1389" s="3"/>
      <c r="F1389" s="3"/>
      <c r="G1389" s="3"/>
      <c r="H1389" s="3"/>
      <c r="I1389" s="3"/>
      <c r="J1389" s="3"/>
      <c r="K1389" s="14"/>
      <c r="L1389" s="3"/>
    </row>
    <row r="1390" spans="1:12" ht="16.5" customHeight="1" x14ac:dyDescent="0.3">
      <c r="A1390" s="11"/>
      <c r="B1390" s="11"/>
      <c r="C1390" s="42"/>
      <c r="D1390" s="3"/>
      <c r="E1390" s="3"/>
      <c r="F1390" s="3"/>
      <c r="G1390" s="3"/>
      <c r="H1390" s="3"/>
      <c r="I1390" s="3"/>
      <c r="J1390" s="3"/>
      <c r="K1390" s="14"/>
      <c r="L1390" s="3"/>
    </row>
    <row r="1391" spans="1:12" ht="16.5" customHeight="1" x14ac:dyDescent="0.3">
      <c r="A1391" s="11"/>
      <c r="B1391" s="11"/>
      <c r="C1391" s="42"/>
      <c r="D1391" s="3"/>
      <c r="E1391" s="3"/>
      <c r="F1391" s="3"/>
      <c r="G1391" s="3"/>
      <c r="H1391" s="3"/>
      <c r="I1391" s="3"/>
      <c r="J1391" s="3"/>
      <c r="K1391" s="14"/>
      <c r="L1391" s="3"/>
    </row>
    <row r="1392" spans="1:12" ht="16.5" customHeight="1" x14ac:dyDescent="0.3">
      <c r="A1392" s="11"/>
      <c r="B1392" s="11"/>
      <c r="C1392" s="42"/>
      <c r="D1392" s="3"/>
      <c r="E1392" s="3"/>
      <c r="F1392" s="3"/>
      <c r="G1392" s="3"/>
      <c r="H1392" s="3"/>
      <c r="I1392" s="3"/>
      <c r="J1392" s="3"/>
      <c r="K1392" s="14"/>
      <c r="L1392" s="3"/>
    </row>
    <row r="1393" spans="1:12" ht="16.5" customHeight="1" x14ac:dyDescent="0.3">
      <c r="A1393" s="11"/>
      <c r="B1393" s="11"/>
      <c r="C1393" s="42"/>
      <c r="D1393" s="3"/>
      <c r="E1393" s="3"/>
      <c r="F1393" s="3"/>
      <c r="G1393" s="3"/>
      <c r="H1393" s="3"/>
      <c r="I1393" s="3"/>
      <c r="J1393" s="3"/>
      <c r="K1393" s="14"/>
      <c r="L1393" s="3"/>
    </row>
    <row r="1394" spans="1:12" ht="16.5" customHeight="1" x14ac:dyDescent="0.3">
      <c r="A1394" s="11"/>
      <c r="B1394" s="11"/>
      <c r="C1394" s="42"/>
      <c r="D1394" s="3"/>
      <c r="E1394" s="3"/>
      <c r="F1394" s="3"/>
      <c r="G1394" s="3"/>
      <c r="H1394" s="3"/>
      <c r="I1394" s="3"/>
      <c r="J1394" s="3"/>
      <c r="K1394" s="14"/>
      <c r="L1394" s="3"/>
    </row>
    <row r="1395" spans="1:12" ht="16.5" customHeight="1" x14ac:dyDescent="0.3">
      <c r="A1395" s="11"/>
      <c r="B1395" s="11"/>
      <c r="C1395" s="42"/>
      <c r="D1395" s="3"/>
      <c r="E1395" s="3"/>
      <c r="F1395" s="3"/>
      <c r="G1395" s="3"/>
      <c r="H1395" s="3"/>
      <c r="I1395" s="3"/>
      <c r="J1395" s="3"/>
      <c r="K1395" s="14"/>
      <c r="L1395" s="3"/>
    </row>
    <row r="1396" spans="1:12" ht="16.5" customHeight="1" x14ac:dyDescent="0.3">
      <c r="A1396" s="11"/>
      <c r="B1396" s="11"/>
      <c r="C1396" s="42"/>
      <c r="D1396" s="3"/>
      <c r="E1396" s="3"/>
      <c r="F1396" s="3"/>
      <c r="G1396" s="3"/>
      <c r="H1396" s="3"/>
      <c r="I1396" s="3"/>
      <c r="J1396" s="3"/>
      <c r="K1396" s="14"/>
      <c r="L1396" s="3"/>
    </row>
    <row r="1397" spans="1:12" ht="16.5" customHeight="1" x14ac:dyDescent="0.3">
      <c r="A1397" s="11"/>
      <c r="B1397" s="11"/>
      <c r="C1397" s="42"/>
      <c r="D1397" s="3"/>
      <c r="E1397" s="3"/>
      <c r="F1397" s="3"/>
      <c r="G1397" s="3"/>
      <c r="H1397" s="3"/>
      <c r="I1397" s="3"/>
      <c r="J1397" s="3"/>
      <c r="K1397" s="14"/>
      <c r="L1397" s="3"/>
    </row>
    <row r="1398" spans="1:12" ht="16.5" customHeight="1" x14ac:dyDescent="0.3">
      <c r="A1398" s="11"/>
      <c r="B1398" s="11"/>
      <c r="C1398" s="42"/>
      <c r="D1398" s="3"/>
      <c r="E1398" s="3"/>
      <c r="F1398" s="3"/>
      <c r="G1398" s="3"/>
      <c r="H1398" s="3"/>
      <c r="I1398" s="3"/>
      <c r="J1398" s="3"/>
      <c r="K1398" s="14"/>
      <c r="L1398" s="3"/>
    </row>
    <row r="1399" spans="1:12" ht="16.5" customHeight="1" x14ac:dyDescent="0.3">
      <c r="A1399" s="11"/>
      <c r="B1399" s="11"/>
      <c r="C1399" s="42"/>
      <c r="D1399" s="3"/>
      <c r="E1399" s="3"/>
      <c r="F1399" s="3"/>
      <c r="G1399" s="3"/>
      <c r="H1399" s="3"/>
      <c r="I1399" s="3"/>
      <c r="J1399" s="3"/>
      <c r="K1399" s="14"/>
      <c r="L1399" s="3"/>
    </row>
    <row r="1400" spans="1:12" ht="16.5" customHeight="1" x14ac:dyDescent="0.3">
      <c r="A1400" s="11"/>
      <c r="B1400" s="11"/>
      <c r="C1400" s="42"/>
      <c r="D1400" s="3"/>
      <c r="E1400" s="3"/>
      <c r="F1400" s="3"/>
      <c r="G1400" s="3"/>
      <c r="H1400" s="3"/>
      <c r="I1400" s="3"/>
      <c r="J1400" s="3"/>
      <c r="K1400" s="14"/>
      <c r="L1400" s="3"/>
    </row>
    <row r="1401" spans="1:12" ht="16.5" customHeight="1" x14ac:dyDescent="0.3">
      <c r="A1401" s="11"/>
      <c r="B1401" s="11"/>
      <c r="C1401" s="42"/>
      <c r="D1401" s="3"/>
      <c r="E1401" s="3"/>
      <c r="F1401" s="3"/>
      <c r="G1401" s="3"/>
      <c r="H1401" s="3"/>
      <c r="I1401" s="3"/>
      <c r="J1401" s="3"/>
      <c r="K1401" s="14"/>
      <c r="L1401" s="3"/>
    </row>
    <row r="1402" spans="1:12" ht="16.5" customHeight="1" x14ac:dyDescent="0.3">
      <c r="A1402" s="11"/>
      <c r="B1402" s="11"/>
      <c r="C1402" s="42"/>
      <c r="D1402" s="3"/>
      <c r="E1402" s="3"/>
      <c r="F1402" s="3"/>
      <c r="G1402" s="3"/>
      <c r="H1402" s="3"/>
      <c r="I1402" s="3"/>
      <c r="J1402" s="3"/>
      <c r="K1402" s="14"/>
      <c r="L1402" s="3"/>
    </row>
    <row r="1403" spans="1:12" ht="16.5" customHeight="1" x14ac:dyDescent="0.3">
      <c r="A1403" s="11"/>
      <c r="B1403" s="11"/>
      <c r="C1403" s="42"/>
      <c r="D1403" s="3"/>
      <c r="E1403" s="3"/>
      <c r="F1403" s="3"/>
      <c r="G1403" s="3"/>
      <c r="H1403" s="3"/>
      <c r="I1403" s="3"/>
      <c r="J1403" s="3"/>
      <c r="K1403" s="14"/>
      <c r="L1403" s="3"/>
    </row>
    <row r="1404" spans="1:12" ht="16.5" customHeight="1" x14ac:dyDescent="0.3">
      <c r="A1404" s="11"/>
      <c r="B1404" s="11"/>
      <c r="C1404" s="42"/>
      <c r="D1404" s="3"/>
      <c r="E1404" s="3"/>
      <c r="F1404" s="3"/>
      <c r="G1404" s="3"/>
      <c r="H1404" s="3"/>
      <c r="I1404" s="3"/>
      <c r="J1404" s="3"/>
      <c r="K1404" s="14"/>
      <c r="L1404" s="3"/>
    </row>
    <row r="1405" spans="1:12" ht="16.5" customHeight="1" x14ac:dyDescent="0.3">
      <c r="A1405" s="11"/>
      <c r="B1405" s="11"/>
      <c r="C1405" s="42"/>
      <c r="D1405" s="3"/>
      <c r="E1405" s="3"/>
      <c r="F1405" s="3"/>
      <c r="G1405" s="3"/>
      <c r="H1405" s="3"/>
      <c r="I1405" s="3"/>
      <c r="J1405" s="3"/>
      <c r="K1405" s="14"/>
      <c r="L1405" s="3"/>
    </row>
    <row r="1406" spans="1:12" ht="16.5" customHeight="1" x14ac:dyDescent="0.3">
      <c r="A1406" s="11"/>
      <c r="B1406" s="11"/>
      <c r="C1406" s="42"/>
      <c r="D1406" s="3"/>
      <c r="E1406" s="3"/>
      <c r="F1406" s="3"/>
      <c r="G1406" s="3"/>
      <c r="H1406" s="3"/>
      <c r="I1406" s="3"/>
      <c r="J1406" s="3"/>
      <c r="K1406" s="14"/>
      <c r="L1406" s="3"/>
    </row>
    <row r="1407" spans="1:12" ht="16.5" customHeight="1" x14ac:dyDescent="0.3">
      <c r="A1407" s="11"/>
      <c r="B1407" s="11"/>
      <c r="C1407" s="42"/>
      <c r="D1407" s="3"/>
      <c r="E1407" s="3"/>
      <c r="F1407" s="3"/>
      <c r="G1407" s="3"/>
      <c r="H1407" s="3"/>
      <c r="I1407" s="3"/>
      <c r="J1407" s="3"/>
      <c r="K1407" s="14"/>
      <c r="L1407" s="3"/>
    </row>
    <row r="1408" spans="1:12" ht="16.5" customHeight="1" x14ac:dyDescent="0.3">
      <c r="A1408" s="11"/>
      <c r="B1408" s="11"/>
      <c r="C1408" s="42"/>
      <c r="D1408" s="3"/>
      <c r="E1408" s="3"/>
      <c r="F1408" s="3"/>
      <c r="G1408" s="3"/>
      <c r="H1408" s="3"/>
      <c r="I1408" s="3"/>
      <c r="J1408" s="3"/>
      <c r="K1408" s="14"/>
      <c r="L1408" s="3"/>
    </row>
    <row r="1409" spans="1:12" ht="16.5" customHeight="1" x14ac:dyDescent="0.3">
      <c r="A1409" s="11"/>
      <c r="B1409" s="11"/>
      <c r="C1409" s="42"/>
      <c r="D1409" s="3"/>
      <c r="E1409" s="3"/>
      <c r="F1409" s="3"/>
      <c r="G1409" s="3"/>
      <c r="H1409" s="3"/>
      <c r="I1409" s="3"/>
      <c r="J1409" s="3"/>
      <c r="K1409" s="14"/>
      <c r="L1409" s="3"/>
    </row>
    <row r="1410" spans="1:12" ht="16.5" customHeight="1" x14ac:dyDescent="0.3">
      <c r="A1410" s="11"/>
      <c r="B1410" s="11"/>
      <c r="C1410" s="42"/>
      <c r="D1410" s="3"/>
      <c r="E1410" s="3"/>
      <c r="F1410" s="3"/>
      <c r="G1410" s="3"/>
      <c r="H1410" s="3"/>
      <c r="I1410" s="3"/>
      <c r="J1410" s="3"/>
      <c r="K1410" s="14"/>
      <c r="L1410" s="3"/>
    </row>
    <row r="1411" spans="1:12" ht="16.5" customHeight="1" x14ac:dyDescent="0.3">
      <c r="A1411" s="11"/>
      <c r="B1411" s="11"/>
      <c r="C1411" s="42"/>
      <c r="D1411" s="3"/>
      <c r="E1411" s="3"/>
      <c r="F1411" s="3"/>
      <c r="G1411" s="3"/>
      <c r="H1411" s="3"/>
      <c r="I1411" s="3"/>
      <c r="J1411" s="3"/>
      <c r="K1411" s="14"/>
      <c r="L1411" s="3"/>
    </row>
    <row r="1412" spans="1:12" ht="16.5" customHeight="1" x14ac:dyDescent="0.3">
      <c r="A1412" s="11"/>
      <c r="B1412" s="11"/>
      <c r="C1412" s="42"/>
      <c r="D1412" s="3"/>
      <c r="E1412" s="3"/>
      <c r="F1412" s="3"/>
      <c r="G1412" s="3"/>
      <c r="H1412" s="3"/>
      <c r="I1412" s="3"/>
      <c r="J1412" s="3"/>
      <c r="K1412" s="14"/>
      <c r="L1412" s="3"/>
    </row>
    <row r="1413" spans="1:12" ht="16.5" customHeight="1" x14ac:dyDescent="0.3">
      <c r="A1413" s="11"/>
      <c r="B1413" s="11"/>
      <c r="C1413" s="42"/>
      <c r="D1413" s="3"/>
      <c r="E1413" s="3"/>
      <c r="F1413" s="3"/>
      <c r="G1413" s="3"/>
      <c r="H1413" s="3"/>
      <c r="I1413" s="3"/>
      <c r="J1413" s="3"/>
      <c r="K1413" s="14"/>
      <c r="L1413" s="3"/>
    </row>
    <row r="1414" spans="1:12" ht="16.5" customHeight="1" x14ac:dyDescent="0.3">
      <c r="A1414" s="11"/>
      <c r="B1414" s="11"/>
      <c r="C1414" s="42"/>
      <c r="D1414" s="3"/>
      <c r="E1414" s="3"/>
      <c r="F1414" s="3"/>
      <c r="G1414" s="3"/>
      <c r="H1414" s="3"/>
      <c r="I1414" s="3"/>
      <c r="J1414" s="3"/>
      <c r="K1414" s="14"/>
      <c r="L1414" s="3"/>
    </row>
    <row r="1415" spans="1:12" ht="16.5" customHeight="1" x14ac:dyDescent="0.3">
      <c r="A1415" s="11"/>
      <c r="B1415" s="11"/>
      <c r="C1415" s="42"/>
      <c r="D1415" s="3"/>
      <c r="E1415" s="3"/>
      <c r="F1415" s="3"/>
      <c r="G1415" s="3"/>
      <c r="H1415" s="3"/>
      <c r="I1415" s="3"/>
      <c r="J1415" s="3"/>
      <c r="K1415" s="14"/>
      <c r="L1415" s="3"/>
    </row>
    <row r="1416" spans="1:12" ht="16.5" customHeight="1" x14ac:dyDescent="0.3">
      <c r="A1416" s="11"/>
      <c r="B1416" s="11"/>
      <c r="C1416" s="42"/>
      <c r="D1416" s="3"/>
      <c r="E1416" s="3"/>
      <c r="F1416" s="3"/>
      <c r="G1416" s="3"/>
      <c r="H1416" s="3"/>
      <c r="I1416" s="3"/>
      <c r="J1416" s="3"/>
      <c r="K1416" s="14"/>
      <c r="L1416" s="3"/>
    </row>
    <row r="1417" spans="1:12" ht="16.5" customHeight="1" x14ac:dyDescent="0.3">
      <c r="A1417" s="11"/>
      <c r="B1417" s="11"/>
      <c r="C1417" s="42"/>
      <c r="D1417" s="3"/>
      <c r="E1417" s="3"/>
      <c r="F1417" s="3"/>
      <c r="G1417" s="3"/>
      <c r="H1417" s="3"/>
      <c r="I1417" s="3"/>
      <c r="J1417" s="3"/>
      <c r="K1417" s="14"/>
      <c r="L1417" s="3"/>
    </row>
    <row r="1418" spans="1:12" ht="16.5" customHeight="1" x14ac:dyDescent="0.3">
      <c r="A1418" s="11"/>
      <c r="B1418" s="11"/>
      <c r="C1418" s="42"/>
      <c r="D1418" s="3"/>
      <c r="E1418" s="3"/>
      <c r="F1418" s="3"/>
      <c r="G1418" s="3"/>
      <c r="H1418" s="3"/>
      <c r="I1418" s="3"/>
      <c r="J1418" s="3"/>
      <c r="K1418" s="14"/>
      <c r="L1418" s="3"/>
    </row>
    <row r="1419" spans="1:12" ht="16.5" customHeight="1" x14ac:dyDescent="0.3">
      <c r="A1419" s="11"/>
      <c r="B1419" s="11"/>
      <c r="C1419" s="42"/>
      <c r="D1419" s="3"/>
      <c r="E1419" s="3"/>
      <c r="F1419" s="3"/>
      <c r="G1419" s="3"/>
      <c r="H1419" s="3"/>
      <c r="I1419" s="3"/>
      <c r="J1419" s="3"/>
      <c r="K1419" s="14"/>
      <c r="L1419" s="3"/>
    </row>
    <row r="1420" spans="1:12" ht="16.5" customHeight="1" x14ac:dyDescent="0.3">
      <c r="A1420" s="11"/>
      <c r="B1420" s="11"/>
      <c r="C1420" s="42"/>
      <c r="D1420" s="3"/>
      <c r="E1420" s="3"/>
      <c r="F1420" s="3"/>
      <c r="G1420" s="3"/>
      <c r="H1420" s="3"/>
      <c r="I1420" s="3"/>
      <c r="J1420" s="3"/>
      <c r="K1420" s="14"/>
      <c r="L1420" s="3"/>
    </row>
    <row r="1421" spans="1:12" ht="16.5" customHeight="1" x14ac:dyDescent="0.3">
      <c r="A1421" s="11"/>
      <c r="B1421" s="11"/>
      <c r="C1421" s="42"/>
      <c r="D1421" s="3"/>
      <c r="E1421" s="3"/>
      <c r="F1421" s="3"/>
      <c r="G1421" s="3"/>
      <c r="H1421" s="3"/>
      <c r="I1421" s="3"/>
      <c r="J1421" s="3"/>
      <c r="K1421" s="14"/>
      <c r="L1421" s="3"/>
    </row>
    <row r="1422" spans="1:12" ht="16.5" customHeight="1" x14ac:dyDescent="0.3">
      <c r="A1422" s="11"/>
      <c r="B1422" s="11"/>
      <c r="C1422" s="42"/>
      <c r="D1422" s="3"/>
      <c r="E1422" s="3"/>
      <c r="F1422" s="3"/>
      <c r="G1422" s="3"/>
      <c r="H1422" s="3"/>
      <c r="I1422" s="3"/>
      <c r="J1422" s="3"/>
      <c r="K1422" s="14"/>
      <c r="L1422" s="3"/>
    </row>
    <row r="1423" spans="1:12" ht="16.5" customHeight="1" x14ac:dyDescent="0.3">
      <c r="A1423" s="11"/>
      <c r="B1423" s="11"/>
      <c r="C1423" s="42"/>
      <c r="D1423" s="3"/>
      <c r="E1423" s="3"/>
      <c r="F1423" s="3"/>
      <c r="G1423" s="3"/>
      <c r="H1423" s="3"/>
      <c r="I1423" s="3"/>
      <c r="J1423" s="3"/>
      <c r="K1423" s="14"/>
      <c r="L1423" s="3"/>
    </row>
    <row r="1424" spans="1:12" ht="16.5" customHeight="1" x14ac:dyDescent="0.3">
      <c r="A1424" s="11"/>
      <c r="B1424" s="11"/>
      <c r="C1424" s="42"/>
      <c r="D1424" s="3"/>
      <c r="E1424" s="3"/>
      <c r="F1424" s="3"/>
      <c r="G1424" s="3"/>
      <c r="H1424" s="3"/>
      <c r="I1424" s="3"/>
      <c r="J1424" s="3"/>
      <c r="K1424" s="14"/>
      <c r="L1424" s="3"/>
    </row>
    <row r="1425" spans="1:12" ht="16.5" customHeight="1" x14ac:dyDescent="0.3">
      <c r="A1425" s="11"/>
      <c r="B1425" s="11"/>
      <c r="C1425" s="42"/>
      <c r="D1425" s="3"/>
      <c r="E1425" s="3"/>
      <c r="F1425" s="3"/>
      <c r="G1425" s="3"/>
      <c r="H1425" s="3"/>
      <c r="I1425" s="3"/>
      <c r="J1425" s="3"/>
      <c r="K1425" s="14"/>
      <c r="L1425" s="3"/>
    </row>
    <row r="1426" spans="1:12" ht="16.5" customHeight="1" x14ac:dyDescent="0.3">
      <c r="A1426" s="11"/>
      <c r="B1426" s="11"/>
      <c r="C1426" s="42"/>
      <c r="D1426" s="3"/>
      <c r="E1426" s="3"/>
      <c r="F1426" s="3"/>
      <c r="G1426" s="3"/>
      <c r="H1426" s="3"/>
      <c r="I1426" s="3"/>
      <c r="J1426" s="3"/>
      <c r="K1426" s="14"/>
      <c r="L1426" s="3"/>
    </row>
    <row r="1427" spans="1:12" ht="16.5" customHeight="1" x14ac:dyDescent="0.3">
      <c r="A1427" s="11"/>
      <c r="B1427" s="11"/>
      <c r="C1427" s="42"/>
      <c r="D1427" s="3"/>
      <c r="E1427" s="3"/>
      <c r="F1427" s="3"/>
      <c r="G1427" s="3"/>
      <c r="H1427" s="3"/>
      <c r="I1427" s="3"/>
      <c r="J1427" s="3"/>
      <c r="K1427" s="14"/>
      <c r="L1427" s="3"/>
    </row>
    <row r="1428" spans="1:12" ht="16.5" customHeight="1" x14ac:dyDescent="0.3">
      <c r="A1428" s="11"/>
      <c r="B1428" s="11"/>
      <c r="C1428" s="42"/>
      <c r="D1428" s="3"/>
      <c r="E1428" s="3"/>
      <c r="F1428" s="3"/>
      <c r="G1428" s="3"/>
      <c r="H1428" s="3"/>
      <c r="I1428" s="3"/>
      <c r="J1428" s="3"/>
      <c r="K1428" s="14"/>
      <c r="L1428" s="3"/>
    </row>
    <row r="1429" spans="1:12" ht="16.5" customHeight="1" x14ac:dyDescent="0.3">
      <c r="A1429" s="11"/>
      <c r="B1429" s="11"/>
      <c r="C1429" s="42"/>
      <c r="D1429" s="3"/>
      <c r="E1429" s="3"/>
      <c r="F1429" s="3"/>
      <c r="G1429" s="3"/>
      <c r="H1429" s="3"/>
      <c r="I1429" s="3"/>
      <c r="J1429" s="3"/>
      <c r="K1429" s="14"/>
      <c r="L1429" s="3"/>
    </row>
    <row r="1430" spans="1:12" ht="16.5" customHeight="1" x14ac:dyDescent="0.3">
      <c r="A1430" s="11"/>
      <c r="B1430" s="11"/>
      <c r="C1430" s="42"/>
      <c r="D1430" s="3"/>
      <c r="E1430" s="3"/>
      <c r="F1430" s="3"/>
      <c r="G1430" s="3"/>
      <c r="H1430" s="3"/>
      <c r="I1430" s="3"/>
      <c r="J1430" s="3"/>
      <c r="K1430" s="14"/>
      <c r="L1430" s="3"/>
    </row>
    <row r="1431" spans="1:12" ht="16.5" customHeight="1" x14ac:dyDescent="0.3">
      <c r="A1431" s="11"/>
      <c r="B1431" s="11"/>
      <c r="C1431" s="42"/>
      <c r="D1431" s="3"/>
      <c r="E1431" s="3"/>
      <c r="F1431" s="3"/>
      <c r="G1431" s="3"/>
      <c r="H1431" s="3"/>
      <c r="I1431" s="3"/>
      <c r="J1431" s="3"/>
      <c r="K1431" s="14"/>
      <c r="L1431" s="3"/>
    </row>
    <row r="1432" spans="1:12" ht="16.5" customHeight="1" x14ac:dyDescent="0.3">
      <c r="A1432" s="11"/>
      <c r="B1432" s="11"/>
      <c r="C1432" s="42"/>
      <c r="D1432" s="3"/>
      <c r="E1432" s="3"/>
      <c r="F1432" s="3"/>
      <c r="G1432" s="3"/>
      <c r="H1432" s="3"/>
      <c r="I1432" s="3"/>
      <c r="J1432" s="3"/>
      <c r="K1432" s="14"/>
      <c r="L1432" s="3"/>
    </row>
    <row r="1433" spans="1:12" ht="16.5" customHeight="1" x14ac:dyDescent="0.3">
      <c r="A1433" s="11"/>
      <c r="B1433" s="11"/>
      <c r="C1433" s="42"/>
      <c r="D1433" s="3"/>
      <c r="E1433" s="3"/>
      <c r="F1433" s="3"/>
      <c r="G1433" s="3"/>
      <c r="H1433" s="3"/>
      <c r="I1433" s="3"/>
      <c r="J1433" s="3"/>
      <c r="K1433" s="14"/>
      <c r="L1433" s="3"/>
    </row>
    <row r="1434" spans="1:12" ht="16.5" customHeight="1" x14ac:dyDescent="0.3">
      <c r="A1434" s="11"/>
      <c r="B1434" s="11"/>
      <c r="C1434" s="42"/>
      <c r="D1434" s="3"/>
      <c r="E1434" s="3"/>
      <c r="F1434" s="3"/>
      <c r="G1434" s="3"/>
      <c r="H1434" s="3"/>
      <c r="I1434" s="3"/>
      <c r="J1434" s="3"/>
      <c r="K1434" s="14"/>
      <c r="L1434" s="3"/>
    </row>
    <row r="1435" spans="1:12" ht="16.5" customHeight="1" x14ac:dyDescent="0.3">
      <c r="A1435" s="11"/>
      <c r="B1435" s="11"/>
      <c r="C1435" s="42"/>
      <c r="D1435" s="3"/>
      <c r="E1435" s="3"/>
      <c r="F1435" s="3"/>
      <c r="G1435" s="3"/>
      <c r="H1435" s="3"/>
      <c r="I1435" s="3"/>
      <c r="J1435" s="3"/>
      <c r="K1435" s="14"/>
      <c r="L1435" s="3"/>
    </row>
    <row r="1436" spans="1:12" ht="16.5" customHeight="1" x14ac:dyDescent="0.3">
      <c r="A1436" s="11"/>
      <c r="B1436" s="11"/>
      <c r="C1436" s="42"/>
      <c r="D1436" s="3"/>
      <c r="E1436" s="3"/>
      <c r="F1436" s="3"/>
      <c r="G1436" s="3"/>
      <c r="H1436" s="3"/>
      <c r="I1436" s="3"/>
      <c r="J1436" s="3"/>
      <c r="K1436" s="14"/>
      <c r="L1436" s="3"/>
    </row>
    <row r="1437" spans="1:12" ht="16.5" customHeight="1" x14ac:dyDescent="0.3">
      <c r="A1437" s="11"/>
      <c r="B1437" s="11"/>
      <c r="C1437" s="42"/>
      <c r="D1437" s="3"/>
      <c r="E1437" s="3"/>
      <c r="F1437" s="3"/>
      <c r="G1437" s="3"/>
      <c r="H1437" s="3"/>
      <c r="I1437" s="3"/>
      <c r="J1437" s="3"/>
      <c r="K1437" s="14"/>
      <c r="L1437" s="3"/>
    </row>
    <row r="1438" spans="1:12" ht="16.5" customHeight="1" x14ac:dyDescent="0.3">
      <c r="A1438" s="11"/>
      <c r="B1438" s="11"/>
      <c r="C1438" s="42"/>
      <c r="D1438" s="3"/>
      <c r="E1438" s="3"/>
      <c r="F1438" s="3"/>
      <c r="G1438" s="3"/>
      <c r="H1438" s="3"/>
      <c r="I1438" s="3"/>
      <c r="J1438" s="3"/>
      <c r="K1438" s="14"/>
      <c r="L1438" s="3"/>
    </row>
    <row r="1439" spans="1:12" ht="16.5" customHeight="1" x14ac:dyDescent="0.3">
      <c r="A1439" s="11"/>
      <c r="B1439" s="11"/>
      <c r="C1439" s="42"/>
      <c r="D1439" s="3"/>
      <c r="E1439" s="3"/>
      <c r="F1439" s="3"/>
      <c r="G1439" s="3"/>
      <c r="H1439" s="3"/>
      <c r="I1439" s="3"/>
      <c r="J1439" s="3"/>
      <c r="K1439" s="14"/>
      <c r="L1439" s="3"/>
    </row>
    <row r="1440" spans="1:12" ht="16.5" customHeight="1" x14ac:dyDescent="0.3">
      <c r="A1440" s="11"/>
      <c r="B1440" s="11"/>
      <c r="C1440" s="42"/>
      <c r="D1440" s="3"/>
      <c r="E1440" s="3"/>
      <c r="F1440" s="3"/>
      <c r="G1440" s="3"/>
      <c r="H1440" s="3"/>
      <c r="I1440" s="3"/>
      <c r="J1440" s="3"/>
      <c r="K1440" s="14"/>
      <c r="L1440" s="3"/>
    </row>
    <row r="1441" spans="1:12" ht="16.5" customHeight="1" x14ac:dyDescent="0.3">
      <c r="A1441" s="11"/>
      <c r="B1441" s="11"/>
      <c r="C1441" s="42"/>
      <c r="D1441" s="3"/>
      <c r="E1441" s="3"/>
      <c r="F1441" s="3"/>
      <c r="G1441" s="3"/>
      <c r="H1441" s="3"/>
      <c r="I1441" s="3"/>
      <c r="J1441" s="3"/>
      <c r="K1441" s="14"/>
      <c r="L1441" s="3"/>
    </row>
    <row r="1442" spans="1:12" ht="16.5" customHeight="1" x14ac:dyDescent="0.3">
      <c r="A1442" s="11"/>
      <c r="B1442" s="11"/>
      <c r="C1442" s="42"/>
      <c r="D1442" s="3"/>
      <c r="E1442" s="3"/>
      <c r="F1442" s="3"/>
      <c r="G1442" s="3"/>
      <c r="H1442" s="3"/>
      <c r="I1442" s="3"/>
      <c r="J1442" s="3"/>
      <c r="K1442" s="14"/>
      <c r="L1442" s="3"/>
    </row>
    <row r="1443" spans="1:12" ht="16.5" customHeight="1" x14ac:dyDescent="0.3">
      <c r="A1443" s="11"/>
      <c r="B1443" s="11"/>
      <c r="C1443" s="42"/>
      <c r="D1443" s="3"/>
      <c r="E1443" s="3"/>
      <c r="F1443" s="3"/>
      <c r="G1443" s="3"/>
      <c r="H1443" s="3"/>
      <c r="I1443" s="3"/>
      <c r="J1443" s="3"/>
      <c r="K1443" s="14"/>
      <c r="L1443" s="3"/>
    </row>
    <row r="1444" spans="1:12" ht="16.5" customHeight="1" x14ac:dyDescent="0.3">
      <c r="A1444" s="11"/>
      <c r="B1444" s="11"/>
      <c r="C1444" s="42"/>
      <c r="D1444" s="3"/>
      <c r="E1444" s="3"/>
      <c r="F1444" s="3"/>
      <c r="G1444" s="3"/>
      <c r="H1444" s="3"/>
      <c r="I1444" s="3"/>
      <c r="J1444" s="3"/>
      <c r="K1444" s="14"/>
      <c r="L1444" s="3"/>
    </row>
    <row r="1445" spans="1:12" ht="16.5" customHeight="1" x14ac:dyDescent="0.3">
      <c r="A1445" s="11"/>
      <c r="B1445" s="11"/>
      <c r="C1445" s="42"/>
      <c r="D1445" s="3"/>
      <c r="E1445" s="3"/>
      <c r="F1445" s="3"/>
      <c r="G1445" s="3"/>
      <c r="H1445" s="3"/>
      <c r="I1445" s="3"/>
      <c r="J1445" s="3"/>
      <c r="K1445" s="14"/>
      <c r="L1445" s="3"/>
    </row>
    <row r="1446" spans="1:12" ht="16.5" customHeight="1" x14ac:dyDescent="0.3">
      <c r="A1446" s="11"/>
      <c r="B1446" s="11"/>
      <c r="C1446" s="42"/>
      <c r="D1446" s="3"/>
      <c r="E1446" s="3"/>
      <c r="F1446" s="3"/>
      <c r="G1446" s="3"/>
      <c r="H1446" s="3"/>
      <c r="I1446" s="3"/>
      <c r="J1446" s="3"/>
      <c r="K1446" s="14"/>
      <c r="L1446" s="3"/>
    </row>
    <row r="1447" spans="1:12" ht="16.5" customHeight="1" x14ac:dyDescent="0.3">
      <c r="A1447" s="11"/>
      <c r="B1447" s="11"/>
      <c r="C1447" s="42"/>
      <c r="D1447" s="3"/>
      <c r="E1447" s="3"/>
      <c r="F1447" s="3"/>
      <c r="G1447" s="3"/>
      <c r="H1447" s="3"/>
      <c r="I1447" s="3"/>
      <c r="J1447" s="3"/>
      <c r="K1447" s="14"/>
      <c r="L1447" s="3"/>
    </row>
    <row r="1448" spans="1:12" ht="16.5" customHeight="1" x14ac:dyDescent="0.3">
      <c r="A1448" s="11"/>
      <c r="B1448" s="11"/>
      <c r="C1448" s="42"/>
      <c r="D1448" s="3"/>
      <c r="E1448" s="3"/>
      <c r="F1448" s="3"/>
      <c r="G1448" s="3"/>
      <c r="H1448" s="3"/>
      <c r="I1448" s="3"/>
      <c r="J1448" s="3"/>
      <c r="K1448" s="14"/>
      <c r="L1448" s="3"/>
    </row>
    <row r="1449" spans="1:12" ht="16.5" customHeight="1" x14ac:dyDescent="0.3">
      <c r="A1449" s="11"/>
      <c r="B1449" s="11"/>
      <c r="C1449" s="42"/>
      <c r="D1449" s="3"/>
      <c r="E1449" s="3"/>
      <c r="F1449" s="3"/>
      <c r="G1449" s="3"/>
      <c r="H1449" s="3"/>
      <c r="I1449" s="3"/>
      <c r="J1449" s="3"/>
      <c r="K1449" s="14"/>
      <c r="L1449" s="3"/>
    </row>
    <row r="1450" spans="1:12" ht="16.5" customHeight="1" x14ac:dyDescent="0.3">
      <c r="A1450" s="11"/>
      <c r="B1450" s="11"/>
      <c r="C1450" s="42"/>
      <c r="D1450" s="3"/>
      <c r="E1450" s="3"/>
      <c r="F1450" s="3"/>
      <c r="G1450" s="3"/>
      <c r="H1450" s="3"/>
      <c r="I1450" s="3"/>
      <c r="J1450" s="3"/>
      <c r="K1450" s="14"/>
      <c r="L1450" s="3"/>
    </row>
    <row r="1451" spans="1:12" ht="16.5" customHeight="1" x14ac:dyDescent="0.3">
      <c r="A1451" s="11"/>
      <c r="B1451" s="11"/>
      <c r="C1451" s="42"/>
      <c r="D1451" s="3"/>
      <c r="E1451" s="3"/>
      <c r="F1451" s="3"/>
      <c r="G1451" s="3"/>
      <c r="H1451" s="3"/>
      <c r="I1451" s="3"/>
      <c r="J1451" s="3"/>
      <c r="K1451" s="14"/>
      <c r="L1451" s="3"/>
    </row>
    <row r="1452" spans="1:12" ht="16.5" customHeight="1" x14ac:dyDescent="0.3">
      <c r="A1452" s="11"/>
      <c r="B1452" s="11"/>
      <c r="C1452" s="42"/>
      <c r="D1452" s="3"/>
      <c r="E1452" s="3"/>
      <c r="F1452" s="3"/>
      <c r="G1452" s="3"/>
      <c r="H1452" s="3"/>
      <c r="I1452" s="3"/>
      <c r="J1452" s="3"/>
      <c r="K1452" s="14"/>
      <c r="L1452" s="3"/>
    </row>
    <row r="1453" spans="1:12" ht="16.5" customHeight="1" x14ac:dyDescent="0.3">
      <c r="A1453" s="11"/>
      <c r="B1453" s="11"/>
      <c r="C1453" s="42"/>
      <c r="D1453" s="3"/>
      <c r="E1453" s="3"/>
      <c r="F1453" s="3"/>
      <c r="G1453" s="3"/>
      <c r="H1453" s="3"/>
      <c r="I1453" s="3"/>
      <c r="J1453" s="3"/>
      <c r="K1453" s="14"/>
      <c r="L1453" s="3"/>
    </row>
    <row r="1454" spans="1:12" ht="16.5" customHeight="1" x14ac:dyDescent="0.3">
      <c r="A1454" s="11"/>
      <c r="B1454" s="11"/>
      <c r="C1454" s="42"/>
      <c r="D1454" s="3"/>
      <c r="E1454" s="3"/>
      <c r="F1454" s="3"/>
      <c r="G1454" s="3"/>
      <c r="H1454" s="3"/>
      <c r="I1454" s="3"/>
      <c r="J1454" s="3"/>
      <c r="K1454" s="14"/>
      <c r="L1454" s="3"/>
    </row>
    <row r="1455" spans="1:12" ht="16.5" customHeight="1" x14ac:dyDescent="0.3">
      <c r="A1455" s="11"/>
      <c r="B1455" s="11"/>
      <c r="C1455" s="42"/>
      <c r="D1455" s="3"/>
      <c r="E1455" s="3"/>
      <c r="F1455" s="3"/>
      <c r="G1455" s="3"/>
      <c r="H1455" s="3"/>
      <c r="I1455" s="3"/>
      <c r="J1455" s="3"/>
      <c r="K1455" s="14"/>
      <c r="L1455" s="3"/>
    </row>
    <row r="1456" spans="1:12" ht="16.5" customHeight="1" x14ac:dyDescent="0.3">
      <c r="A1456" s="11"/>
      <c r="B1456" s="11"/>
      <c r="C1456" s="42"/>
      <c r="D1456" s="3"/>
      <c r="E1456" s="3"/>
      <c r="F1456" s="3"/>
      <c r="G1456" s="3"/>
      <c r="H1456" s="3"/>
      <c r="I1456" s="3"/>
      <c r="J1456" s="3"/>
      <c r="K1456" s="14"/>
      <c r="L1456" s="3"/>
    </row>
    <row r="1457" spans="1:12" ht="16.5" customHeight="1" x14ac:dyDescent="0.3">
      <c r="A1457" s="11"/>
      <c r="B1457" s="11"/>
      <c r="C1457" s="42"/>
      <c r="D1457" s="3"/>
      <c r="E1457" s="3"/>
      <c r="F1457" s="3"/>
      <c r="G1457" s="3"/>
      <c r="H1457" s="3"/>
      <c r="I1457" s="3"/>
      <c r="J1457" s="3"/>
      <c r="K1457" s="14"/>
      <c r="L1457" s="3"/>
    </row>
    <row r="1458" spans="1:12" ht="16.5" customHeight="1" x14ac:dyDescent="0.3">
      <c r="A1458" s="11"/>
      <c r="B1458" s="11"/>
      <c r="C1458" s="42"/>
      <c r="D1458" s="3"/>
      <c r="E1458" s="3"/>
      <c r="F1458" s="3"/>
      <c r="G1458" s="3"/>
      <c r="H1458" s="3"/>
      <c r="I1458" s="3"/>
      <c r="J1458" s="3"/>
      <c r="K1458" s="14"/>
      <c r="L1458" s="3"/>
    </row>
    <row r="1459" spans="1:12" ht="16.5" customHeight="1" x14ac:dyDescent="0.3">
      <c r="A1459" s="11"/>
      <c r="B1459" s="11"/>
      <c r="C1459" s="42"/>
      <c r="D1459" s="3"/>
      <c r="E1459" s="3"/>
      <c r="F1459" s="3"/>
      <c r="G1459" s="3"/>
      <c r="H1459" s="3"/>
      <c r="I1459" s="3"/>
      <c r="J1459" s="3"/>
      <c r="K1459" s="14"/>
      <c r="L1459" s="3"/>
    </row>
    <row r="1460" spans="1:12" ht="16.5" customHeight="1" x14ac:dyDescent="0.3">
      <c r="A1460" s="11"/>
      <c r="B1460" s="11"/>
      <c r="C1460" s="42"/>
      <c r="D1460" s="3"/>
      <c r="E1460" s="3"/>
      <c r="F1460" s="3"/>
      <c r="G1460" s="3"/>
      <c r="H1460" s="3"/>
      <c r="I1460" s="3"/>
      <c r="J1460" s="3"/>
      <c r="K1460" s="14"/>
      <c r="L1460" s="3"/>
    </row>
    <row r="1461" spans="1:12" ht="16.5" customHeight="1" x14ac:dyDescent="0.3">
      <c r="A1461" s="11"/>
      <c r="B1461" s="11"/>
      <c r="C1461" s="42"/>
      <c r="D1461" s="3"/>
      <c r="E1461" s="3"/>
      <c r="F1461" s="3"/>
      <c r="G1461" s="3"/>
      <c r="H1461" s="3"/>
      <c r="I1461" s="3"/>
      <c r="J1461" s="3"/>
      <c r="K1461" s="14"/>
      <c r="L1461" s="3"/>
    </row>
    <row r="1462" spans="1:12" ht="16.5" customHeight="1" x14ac:dyDescent="0.3">
      <c r="A1462" s="11"/>
      <c r="B1462" s="11"/>
      <c r="C1462" s="42"/>
      <c r="D1462" s="3"/>
      <c r="E1462" s="3"/>
      <c r="F1462" s="3"/>
      <c r="G1462" s="3"/>
      <c r="H1462" s="3"/>
      <c r="I1462" s="3"/>
      <c r="J1462" s="3"/>
      <c r="K1462" s="14"/>
      <c r="L1462" s="3"/>
    </row>
    <row r="1463" spans="1:12" ht="16.5" customHeight="1" x14ac:dyDescent="0.3">
      <c r="A1463" s="11"/>
      <c r="B1463" s="11"/>
      <c r="C1463" s="42"/>
      <c r="D1463" s="3"/>
      <c r="E1463" s="3"/>
      <c r="F1463" s="3"/>
      <c r="G1463" s="3"/>
      <c r="H1463" s="3"/>
      <c r="I1463" s="3"/>
      <c r="J1463" s="3"/>
      <c r="K1463" s="14"/>
      <c r="L1463" s="3"/>
    </row>
    <row r="1464" spans="1:12" ht="16.5" customHeight="1" x14ac:dyDescent="0.3">
      <c r="A1464" s="11"/>
      <c r="B1464" s="11"/>
      <c r="C1464" s="42"/>
      <c r="D1464" s="3"/>
      <c r="E1464" s="3"/>
      <c r="F1464" s="3"/>
      <c r="G1464" s="3"/>
      <c r="H1464" s="3"/>
      <c r="I1464" s="3"/>
      <c r="J1464" s="3"/>
      <c r="K1464" s="14"/>
      <c r="L1464" s="3"/>
    </row>
    <row r="1465" spans="1:12" ht="16.5" customHeight="1" x14ac:dyDescent="0.3">
      <c r="A1465" s="11"/>
      <c r="B1465" s="11"/>
      <c r="C1465" s="42"/>
      <c r="D1465" s="3"/>
      <c r="E1465" s="3"/>
      <c r="F1465" s="3"/>
      <c r="G1465" s="3"/>
      <c r="H1465" s="3"/>
      <c r="I1465" s="3"/>
      <c r="J1465" s="3"/>
      <c r="K1465" s="14"/>
      <c r="L1465" s="3"/>
    </row>
    <row r="1466" spans="1:12" ht="16.5" customHeight="1" x14ac:dyDescent="0.3">
      <c r="A1466" s="11"/>
      <c r="B1466" s="11"/>
      <c r="C1466" s="42"/>
      <c r="D1466" s="3"/>
      <c r="E1466" s="3"/>
      <c r="F1466" s="3"/>
      <c r="G1466" s="3"/>
      <c r="H1466" s="3"/>
      <c r="I1466" s="3"/>
      <c r="J1466" s="3"/>
      <c r="K1466" s="14"/>
      <c r="L1466" s="3"/>
    </row>
    <row r="1467" spans="1:12" ht="16.5" customHeight="1" x14ac:dyDescent="0.3">
      <c r="A1467" s="11"/>
      <c r="B1467" s="11"/>
      <c r="C1467" s="42"/>
      <c r="D1467" s="3"/>
      <c r="E1467" s="3"/>
      <c r="F1467" s="3"/>
      <c r="G1467" s="3"/>
      <c r="H1467" s="3"/>
      <c r="I1467" s="3"/>
      <c r="J1467" s="3"/>
      <c r="K1467" s="14"/>
      <c r="L1467" s="3"/>
    </row>
    <row r="1468" spans="1:12" ht="16.5" customHeight="1" x14ac:dyDescent="0.3">
      <c r="A1468" s="11"/>
      <c r="B1468" s="11"/>
      <c r="C1468" s="42"/>
      <c r="D1468" s="3"/>
      <c r="E1468" s="3"/>
      <c r="F1468" s="3"/>
      <c r="G1468" s="3"/>
      <c r="H1468" s="3"/>
      <c r="I1468" s="3"/>
      <c r="J1468" s="3"/>
      <c r="K1468" s="14"/>
      <c r="L1468" s="3"/>
    </row>
    <row r="1469" spans="1:12" ht="16.5" customHeight="1" x14ac:dyDescent="0.3">
      <c r="A1469" s="11"/>
      <c r="B1469" s="11"/>
      <c r="C1469" s="42"/>
      <c r="D1469" s="3"/>
      <c r="E1469" s="3"/>
      <c r="F1469" s="3"/>
      <c r="G1469" s="3"/>
      <c r="H1469" s="3"/>
      <c r="I1469" s="3"/>
      <c r="J1469" s="3"/>
      <c r="K1469" s="14"/>
      <c r="L1469" s="3"/>
    </row>
    <row r="1470" spans="1:12" ht="16.5" customHeight="1" x14ac:dyDescent="0.3">
      <c r="A1470" s="11"/>
      <c r="B1470" s="11"/>
      <c r="C1470" s="42"/>
      <c r="D1470" s="3"/>
      <c r="E1470" s="3"/>
      <c r="F1470" s="3"/>
      <c r="G1470" s="3"/>
      <c r="H1470" s="3"/>
      <c r="I1470" s="3"/>
      <c r="J1470" s="3"/>
      <c r="K1470" s="14"/>
      <c r="L1470" s="3"/>
    </row>
    <row r="1471" spans="1:12" ht="16.5" customHeight="1" x14ac:dyDescent="0.3">
      <c r="A1471" s="11"/>
      <c r="B1471" s="11"/>
      <c r="C1471" s="42"/>
      <c r="D1471" s="3"/>
      <c r="E1471" s="3"/>
      <c r="F1471" s="3"/>
      <c r="G1471" s="3"/>
      <c r="H1471" s="3"/>
      <c r="I1471" s="3"/>
      <c r="J1471" s="3"/>
      <c r="K1471" s="14"/>
      <c r="L1471" s="3"/>
    </row>
    <row r="1472" spans="1:12" ht="16.5" customHeight="1" x14ac:dyDescent="0.3">
      <c r="A1472" s="11"/>
      <c r="B1472" s="11"/>
      <c r="C1472" s="42"/>
      <c r="D1472" s="3"/>
      <c r="E1472" s="3"/>
      <c r="F1472" s="3"/>
      <c r="G1472" s="3"/>
      <c r="H1472" s="3"/>
      <c r="I1472" s="3"/>
      <c r="J1472" s="3"/>
      <c r="K1472" s="14"/>
      <c r="L1472" s="3"/>
    </row>
    <row r="1473" spans="1:12" ht="16.5" customHeight="1" x14ac:dyDescent="0.3">
      <c r="A1473" s="11"/>
      <c r="B1473" s="11"/>
      <c r="C1473" s="42"/>
      <c r="D1473" s="3"/>
      <c r="E1473" s="3"/>
      <c r="F1473" s="3"/>
      <c r="G1473" s="3"/>
      <c r="H1473" s="3"/>
      <c r="I1473" s="3"/>
      <c r="J1473" s="3"/>
      <c r="K1473" s="14"/>
      <c r="L1473" s="3"/>
    </row>
    <row r="1474" spans="1:12" ht="16.5" customHeight="1" x14ac:dyDescent="0.3">
      <c r="A1474" s="11"/>
      <c r="B1474" s="11"/>
      <c r="C1474" s="42"/>
      <c r="D1474" s="3"/>
      <c r="E1474" s="3"/>
      <c r="F1474" s="3"/>
      <c r="G1474" s="3"/>
      <c r="H1474" s="3"/>
      <c r="I1474" s="3"/>
      <c r="J1474" s="3"/>
      <c r="K1474" s="14"/>
      <c r="L1474" s="3"/>
    </row>
    <row r="1475" spans="1:12" ht="16.5" customHeight="1" x14ac:dyDescent="0.3">
      <c r="A1475" s="11"/>
      <c r="B1475" s="11"/>
      <c r="C1475" s="42"/>
      <c r="D1475" s="3"/>
      <c r="E1475" s="3"/>
      <c r="F1475" s="3"/>
      <c r="G1475" s="3"/>
      <c r="H1475" s="3"/>
      <c r="I1475" s="3"/>
      <c r="J1475" s="3"/>
      <c r="K1475" s="14"/>
      <c r="L1475" s="3"/>
    </row>
    <row r="1476" spans="1:12" ht="16.5" customHeight="1" x14ac:dyDescent="0.3">
      <c r="A1476" s="11"/>
      <c r="B1476" s="11"/>
      <c r="C1476" s="42"/>
      <c r="D1476" s="3"/>
      <c r="E1476" s="3"/>
      <c r="F1476" s="3"/>
      <c r="G1476" s="3"/>
      <c r="H1476" s="3"/>
      <c r="I1476" s="3"/>
      <c r="J1476" s="3"/>
      <c r="K1476" s="14"/>
      <c r="L1476" s="3"/>
    </row>
    <row r="1477" spans="1:12" ht="16.5" customHeight="1" x14ac:dyDescent="0.3">
      <c r="A1477" s="11"/>
      <c r="B1477" s="11"/>
      <c r="C1477" s="42"/>
      <c r="D1477" s="3"/>
      <c r="E1477" s="3"/>
      <c r="F1477" s="3"/>
      <c r="G1477" s="3"/>
      <c r="H1477" s="3"/>
      <c r="I1477" s="3"/>
      <c r="J1477" s="3"/>
      <c r="K1477" s="14"/>
      <c r="L1477" s="3"/>
    </row>
    <row r="1478" spans="1:12" ht="16.5" customHeight="1" x14ac:dyDescent="0.3">
      <c r="A1478" s="11"/>
      <c r="B1478" s="11"/>
      <c r="C1478" s="42"/>
      <c r="D1478" s="3"/>
      <c r="E1478" s="3"/>
      <c r="F1478" s="3"/>
      <c r="G1478" s="3"/>
      <c r="H1478" s="3"/>
      <c r="I1478" s="3"/>
      <c r="J1478" s="3"/>
      <c r="K1478" s="14"/>
      <c r="L1478" s="3"/>
    </row>
    <row r="1479" spans="1:12" ht="16.5" customHeight="1" x14ac:dyDescent="0.3">
      <c r="A1479" s="11"/>
      <c r="B1479" s="11"/>
      <c r="C1479" s="42"/>
      <c r="D1479" s="3"/>
      <c r="E1479" s="3"/>
      <c r="F1479" s="3"/>
      <c r="G1479" s="3"/>
      <c r="H1479" s="3"/>
      <c r="I1479" s="3"/>
      <c r="J1479" s="3"/>
      <c r="K1479" s="14"/>
      <c r="L1479" s="3"/>
    </row>
    <row r="1480" spans="1:12" ht="16.5" customHeight="1" x14ac:dyDescent="0.3">
      <c r="A1480" s="11"/>
      <c r="B1480" s="11"/>
      <c r="C1480" s="42"/>
      <c r="D1480" s="3"/>
      <c r="E1480" s="3"/>
      <c r="F1480" s="3"/>
      <c r="G1480" s="3"/>
      <c r="H1480" s="3"/>
      <c r="I1480" s="3"/>
      <c r="J1480" s="3"/>
      <c r="K1480" s="14"/>
      <c r="L1480" s="3"/>
    </row>
    <row r="1481" spans="1:12" ht="16.5" customHeight="1" x14ac:dyDescent="0.3">
      <c r="A1481" s="11"/>
      <c r="B1481" s="11"/>
      <c r="C1481" s="42"/>
      <c r="D1481" s="3"/>
      <c r="E1481" s="3"/>
      <c r="F1481" s="3"/>
      <c r="G1481" s="3"/>
      <c r="H1481" s="3"/>
      <c r="I1481" s="3"/>
      <c r="J1481" s="3"/>
      <c r="K1481" s="14"/>
      <c r="L1481" s="3"/>
    </row>
    <row r="1482" spans="1:12" ht="16.5" customHeight="1" x14ac:dyDescent="0.3">
      <c r="A1482" s="11"/>
      <c r="B1482" s="11"/>
      <c r="C1482" s="42"/>
      <c r="D1482" s="3"/>
      <c r="E1482" s="3"/>
      <c r="F1482" s="3"/>
      <c r="G1482" s="3"/>
      <c r="H1482" s="3"/>
      <c r="I1482" s="3"/>
      <c r="J1482" s="3"/>
      <c r="K1482" s="14"/>
      <c r="L1482" s="3"/>
    </row>
    <row r="1483" spans="1:12" ht="16.5" customHeight="1" x14ac:dyDescent="0.3">
      <c r="A1483" s="11"/>
      <c r="B1483" s="11"/>
      <c r="C1483" s="42"/>
      <c r="D1483" s="3"/>
      <c r="E1483" s="3"/>
      <c r="F1483" s="3"/>
      <c r="G1483" s="3"/>
      <c r="H1483" s="3"/>
      <c r="I1483" s="3"/>
      <c r="J1483" s="3"/>
      <c r="K1483" s="14"/>
      <c r="L1483" s="3"/>
    </row>
    <row r="1484" spans="1:12" ht="16.5" customHeight="1" x14ac:dyDescent="0.3">
      <c r="A1484" s="11"/>
      <c r="B1484" s="11"/>
      <c r="C1484" s="42"/>
      <c r="D1484" s="3"/>
      <c r="E1484" s="3"/>
      <c r="F1484" s="3"/>
      <c r="G1484" s="3"/>
      <c r="H1484" s="3"/>
      <c r="I1484" s="3"/>
      <c r="J1484" s="3"/>
      <c r="K1484" s="14"/>
      <c r="L1484" s="3"/>
    </row>
    <row r="1485" spans="1:12" ht="16.5" customHeight="1" x14ac:dyDescent="0.3">
      <c r="A1485" s="11"/>
      <c r="B1485" s="11"/>
      <c r="C1485" s="42"/>
      <c r="D1485" s="3"/>
      <c r="E1485" s="3"/>
      <c r="F1485" s="3"/>
      <c r="G1485" s="3"/>
      <c r="H1485" s="3"/>
      <c r="I1485" s="3"/>
      <c r="J1485" s="3"/>
      <c r="K1485" s="14"/>
      <c r="L1485" s="3"/>
    </row>
    <row r="1486" spans="1:12" ht="16.5" customHeight="1" x14ac:dyDescent="0.3">
      <c r="A1486" s="11"/>
      <c r="B1486" s="11"/>
      <c r="C1486" s="42"/>
      <c r="D1486" s="3"/>
      <c r="E1486" s="3"/>
      <c r="F1486" s="3"/>
      <c r="G1486" s="3"/>
      <c r="H1486" s="3"/>
      <c r="I1486" s="3"/>
      <c r="J1486" s="3"/>
      <c r="K1486" s="14"/>
      <c r="L1486" s="3"/>
    </row>
    <row r="1487" spans="1:12" ht="16.5" customHeight="1" x14ac:dyDescent="0.3">
      <c r="A1487" s="11"/>
      <c r="B1487" s="11"/>
      <c r="C1487" s="42"/>
      <c r="D1487" s="3"/>
      <c r="E1487" s="3"/>
      <c r="F1487" s="3"/>
      <c r="G1487" s="3"/>
      <c r="H1487" s="3"/>
      <c r="I1487" s="3"/>
      <c r="J1487" s="3"/>
      <c r="K1487" s="14"/>
      <c r="L1487" s="3"/>
    </row>
    <row r="1488" spans="1:12" ht="16.5" customHeight="1" x14ac:dyDescent="0.3">
      <c r="A1488" s="11"/>
      <c r="B1488" s="11"/>
      <c r="C1488" s="42"/>
      <c r="D1488" s="3"/>
      <c r="E1488" s="3"/>
      <c r="F1488" s="3"/>
      <c r="G1488" s="3"/>
      <c r="H1488" s="3"/>
      <c r="I1488" s="3"/>
      <c r="J1488" s="3"/>
      <c r="K1488" s="14"/>
      <c r="L1488" s="3"/>
    </row>
    <row r="1489" spans="1:12" ht="16.5" customHeight="1" x14ac:dyDescent="0.3">
      <c r="A1489" s="11"/>
      <c r="B1489" s="11"/>
      <c r="C1489" s="42"/>
      <c r="D1489" s="3"/>
      <c r="E1489" s="3"/>
      <c r="F1489" s="3"/>
      <c r="G1489" s="3"/>
      <c r="H1489" s="3"/>
      <c r="I1489" s="3"/>
      <c r="J1489" s="3"/>
      <c r="K1489" s="14"/>
      <c r="L1489" s="3"/>
    </row>
    <row r="1490" spans="1:12" ht="16.5" customHeight="1" x14ac:dyDescent="0.3">
      <c r="A1490" s="11"/>
      <c r="B1490" s="11"/>
      <c r="C1490" s="42"/>
      <c r="D1490" s="3"/>
      <c r="E1490" s="3"/>
      <c r="F1490" s="3"/>
      <c r="G1490" s="3"/>
      <c r="H1490" s="3"/>
      <c r="I1490" s="3"/>
      <c r="J1490" s="3"/>
      <c r="K1490" s="14"/>
      <c r="L1490" s="3"/>
    </row>
    <row r="1491" spans="1:12" ht="16.5" customHeight="1" x14ac:dyDescent="0.3">
      <c r="A1491" s="11"/>
      <c r="B1491" s="11"/>
      <c r="C1491" s="42"/>
      <c r="D1491" s="3"/>
      <c r="E1491" s="3"/>
      <c r="F1491" s="3"/>
      <c r="G1491" s="3"/>
      <c r="H1491" s="3"/>
      <c r="I1491" s="3"/>
      <c r="J1491" s="3"/>
      <c r="K1491" s="14"/>
      <c r="L1491" s="3"/>
    </row>
    <row r="1492" spans="1:12" ht="16.5" customHeight="1" x14ac:dyDescent="0.3">
      <c r="A1492" s="11"/>
      <c r="B1492" s="11"/>
      <c r="C1492" s="42"/>
      <c r="D1492" s="3"/>
      <c r="E1492" s="3"/>
      <c r="F1492" s="3"/>
      <c r="G1492" s="3"/>
      <c r="H1492" s="3"/>
      <c r="I1492" s="3"/>
      <c r="J1492" s="3"/>
      <c r="K1492" s="14"/>
      <c r="L1492" s="3"/>
    </row>
    <row r="1493" spans="1:12" ht="16.5" customHeight="1" x14ac:dyDescent="0.3">
      <c r="A1493" s="11"/>
      <c r="B1493" s="11"/>
      <c r="C1493" s="42"/>
      <c r="D1493" s="3"/>
      <c r="E1493" s="3"/>
      <c r="F1493" s="3"/>
      <c r="G1493" s="3"/>
      <c r="H1493" s="3"/>
      <c r="I1493" s="3"/>
      <c r="J1493" s="3"/>
      <c r="K1493" s="14"/>
      <c r="L1493" s="3"/>
    </row>
    <row r="1494" spans="1:12" ht="16.5" customHeight="1" x14ac:dyDescent="0.3">
      <c r="A1494" s="11"/>
      <c r="B1494" s="11"/>
      <c r="C1494" s="42"/>
      <c r="D1494" s="3"/>
      <c r="E1494" s="3"/>
      <c r="F1494" s="3"/>
      <c r="G1494" s="3"/>
      <c r="H1494" s="3"/>
      <c r="I1494" s="3"/>
      <c r="J1494" s="3"/>
      <c r="K1494" s="14"/>
      <c r="L1494" s="3"/>
    </row>
    <row r="1495" spans="1:12" ht="16.5" customHeight="1" x14ac:dyDescent="0.3">
      <c r="A1495" s="11"/>
      <c r="B1495" s="11"/>
      <c r="C1495" s="42"/>
      <c r="D1495" s="3"/>
      <c r="E1495" s="3"/>
      <c r="F1495" s="3"/>
      <c r="G1495" s="3"/>
      <c r="H1495" s="3"/>
      <c r="I1495" s="3"/>
      <c r="J1495" s="3"/>
      <c r="K1495" s="14"/>
      <c r="L1495" s="3"/>
    </row>
    <row r="1496" spans="1:12" ht="16.5" customHeight="1" x14ac:dyDescent="0.3">
      <c r="A1496" s="11"/>
      <c r="B1496" s="11"/>
      <c r="C1496" s="42"/>
      <c r="D1496" s="3"/>
      <c r="E1496" s="3"/>
      <c r="F1496" s="3"/>
      <c r="G1496" s="3"/>
      <c r="H1496" s="3"/>
      <c r="I1496" s="3"/>
      <c r="J1496" s="3"/>
      <c r="K1496" s="14"/>
      <c r="L1496" s="3"/>
    </row>
    <row r="1497" spans="1:12" ht="16.5" customHeight="1" x14ac:dyDescent="0.3">
      <c r="A1497" s="11"/>
      <c r="B1497" s="11"/>
      <c r="C1497" s="42"/>
      <c r="D1497" s="3"/>
      <c r="E1497" s="3"/>
      <c r="F1497" s="3"/>
      <c r="G1497" s="3"/>
      <c r="H1497" s="3"/>
      <c r="I1497" s="3"/>
      <c r="J1497" s="3"/>
      <c r="K1497" s="14"/>
      <c r="L1497" s="3"/>
    </row>
    <row r="1498" spans="1:12" ht="16.5" customHeight="1" x14ac:dyDescent="0.3">
      <c r="A1498" s="11"/>
      <c r="B1498" s="11"/>
      <c r="C1498" s="42"/>
      <c r="D1498" s="3"/>
      <c r="E1498" s="3"/>
      <c r="F1498" s="3"/>
      <c r="G1498" s="3"/>
      <c r="H1498" s="3"/>
      <c r="I1498" s="3"/>
      <c r="J1498" s="3"/>
      <c r="K1498" s="14"/>
      <c r="L1498" s="3"/>
    </row>
    <row r="1499" spans="1:12" ht="16.5" customHeight="1" x14ac:dyDescent="0.3">
      <c r="A1499" s="11"/>
      <c r="B1499" s="11"/>
      <c r="C1499" s="42"/>
      <c r="D1499" s="3"/>
      <c r="E1499" s="3"/>
      <c r="F1499" s="3"/>
      <c r="G1499" s="3"/>
      <c r="H1499" s="3"/>
      <c r="I1499" s="3"/>
      <c r="J1499" s="3"/>
      <c r="K1499" s="14"/>
      <c r="L1499" s="3"/>
    </row>
    <row r="1500" spans="1:12" ht="16.5" customHeight="1" x14ac:dyDescent="0.3">
      <c r="A1500" s="11"/>
      <c r="B1500" s="11"/>
      <c r="C1500" s="42"/>
      <c r="D1500" s="3"/>
      <c r="E1500" s="3"/>
      <c r="F1500" s="3"/>
      <c r="G1500" s="3"/>
      <c r="H1500" s="3"/>
      <c r="I1500" s="3"/>
      <c r="J1500" s="3"/>
      <c r="K1500" s="14"/>
      <c r="L1500" s="3"/>
    </row>
    <row r="1501" spans="1:12" ht="16.5" customHeight="1" x14ac:dyDescent="0.3">
      <c r="A1501" s="11"/>
      <c r="B1501" s="11"/>
      <c r="C1501" s="42"/>
      <c r="D1501" s="3"/>
      <c r="E1501" s="3"/>
      <c r="F1501" s="3"/>
      <c r="G1501" s="3"/>
      <c r="H1501" s="3"/>
      <c r="I1501" s="3"/>
      <c r="J1501" s="3"/>
      <c r="K1501" s="14"/>
      <c r="L1501" s="3"/>
    </row>
    <row r="1502" spans="1:12" ht="16.5" customHeight="1" x14ac:dyDescent="0.3">
      <c r="A1502" s="11"/>
      <c r="B1502" s="11"/>
      <c r="C1502" s="42"/>
      <c r="D1502" s="3"/>
      <c r="E1502" s="3"/>
      <c r="F1502" s="3"/>
      <c r="G1502" s="3"/>
      <c r="H1502" s="3"/>
      <c r="I1502" s="3"/>
      <c r="J1502" s="3"/>
      <c r="K1502" s="14"/>
      <c r="L1502" s="3"/>
    </row>
    <row r="1503" spans="1:12" ht="16.5" customHeight="1" x14ac:dyDescent="0.3">
      <c r="A1503" s="11"/>
      <c r="B1503" s="11"/>
      <c r="C1503" s="42"/>
      <c r="D1503" s="3"/>
      <c r="E1503" s="3"/>
      <c r="F1503" s="3"/>
      <c r="G1503" s="3"/>
      <c r="H1503" s="3"/>
      <c r="I1503" s="3"/>
      <c r="J1503" s="3"/>
      <c r="K1503" s="14"/>
      <c r="L1503" s="3"/>
    </row>
    <row r="1504" spans="1:12" ht="16.5" customHeight="1" x14ac:dyDescent="0.3">
      <c r="A1504" s="11"/>
      <c r="B1504" s="11"/>
      <c r="C1504" s="42"/>
      <c r="D1504" s="3"/>
      <c r="E1504" s="3"/>
      <c r="F1504" s="3"/>
      <c r="G1504" s="3"/>
      <c r="H1504" s="3"/>
      <c r="I1504" s="3"/>
      <c r="J1504" s="3"/>
      <c r="K1504" s="14"/>
      <c r="L1504" s="3"/>
    </row>
    <row r="1505" spans="1:12" ht="16.5" customHeight="1" x14ac:dyDescent="0.3">
      <c r="A1505" s="11"/>
      <c r="B1505" s="11"/>
      <c r="C1505" s="42"/>
      <c r="D1505" s="3"/>
      <c r="E1505" s="3"/>
      <c r="F1505" s="3"/>
      <c r="G1505" s="3"/>
      <c r="H1505" s="3"/>
      <c r="I1505" s="3"/>
      <c r="J1505" s="3"/>
      <c r="K1505" s="14"/>
      <c r="L1505" s="3"/>
    </row>
    <row r="1506" spans="1:12" ht="16.5" customHeight="1" x14ac:dyDescent="0.3">
      <c r="A1506" s="11"/>
      <c r="B1506" s="11"/>
      <c r="C1506" s="42"/>
      <c r="D1506" s="3"/>
      <c r="E1506" s="3"/>
      <c r="F1506" s="3"/>
      <c r="G1506" s="3"/>
      <c r="H1506" s="3"/>
      <c r="I1506" s="3"/>
      <c r="J1506" s="3"/>
      <c r="K1506" s="14"/>
      <c r="L1506" s="3"/>
    </row>
    <row r="1507" spans="1:12" ht="16.5" customHeight="1" x14ac:dyDescent="0.3">
      <c r="A1507" s="11"/>
      <c r="B1507" s="11"/>
      <c r="C1507" s="42"/>
      <c r="D1507" s="3"/>
      <c r="E1507" s="3"/>
      <c r="F1507" s="3"/>
      <c r="G1507" s="3"/>
      <c r="H1507" s="3"/>
      <c r="I1507" s="3"/>
      <c r="J1507" s="3"/>
      <c r="K1507" s="14"/>
      <c r="L1507" s="3"/>
    </row>
    <row r="1508" spans="1:12" ht="16.5" customHeight="1" x14ac:dyDescent="0.3">
      <c r="A1508" s="11"/>
      <c r="B1508" s="11"/>
      <c r="C1508" s="42"/>
      <c r="D1508" s="3"/>
      <c r="E1508" s="3"/>
      <c r="F1508" s="3"/>
      <c r="G1508" s="3"/>
      <c r="H1508" s="3"/>
      <c r="I1508" s="3"/>
      <c r="J1508" s="3"/>
      <c r="K1508" s="14"/>
      <c r="L1508" s="3"/>
    </row>
    <row r="1509" spans="1:12" ht="16.5" customHeight="1" x14ac:dyDescent="0.3">
      <c r="A1509" s="11"/>
      <c r="B1509" s="11"/>
      <c r="C1509" s="42"/>
      <c r="D1509" s="3"/>
      <c r="E1509" s="3"/>
      <c r="F1509" s="3"/>
      <c r="G1509" s="3"/>
      <c r="H1509" s="3"/>
      <c r="I1509" s="3"/>
      <c r="J1509" s="3"/>
      <c r="K1509" s="14"/>
      <c r="L1509" s="3"/>
    </row>
    <row r="1510" spans="1:12" ht="16.5" customHeight="1" x14ac:dyDescent="0.3">
      <c r="A1510" s="11"/>
      <c r="B1510" s="11"/>
      <c r="C1510" s="42"/>
      <c r="D1510" s="3"/>
      <c r="E1510" s="3"/>
      <c r="F1510" s="3"/>
      <c r="G1510" s="3"/>
      <c r="H1510" s="3"/>
      <c r="I1510" s="3"/>
      <c r="J1510" s="3"/>
      <c r="K1510" s="14"/>
      <c r="L1510" s="3"/>
    </row>
    <row r="1511" spans="1:12" ht="16.5" customHeight="1" x14ac:dyDescent="0.3">
      <c r="A1511" s="11"/>
      <c r="B1511" s="11"/>
      <c r="C1511" s="42"/>
      <c r="D1511" s="3"/>
      <c r="E1511" s="3"/>
      <c r="F1511" s="3"/>
      <c r="G1511" s="3"/>
      <c r="H1511" s="3"/>
      <c r="I1511" s="3"/>
      <c r="J1511" s="3"/>
      <c r="K1511" s="14"/>
      <c r="L1511" s="3"/>
    </row>
    <row r="1512" spans="1:12" ht="16.5" customHeight="1" x14ac:dyDescent="0.3">
      <c r="A1512" s="11"/>
      <c r="B1512" s="11"/>
      <c r="C1512" s="42"/>
      <c r="D1512" s="3"/>
      <c r="E1512" s="3"/>
      <c r="F1512" s="3"/>
      <c r="G1512" s="3"/>
      <c r="H1512" s="3"/>
      <c r="I1512" s="3"/>
      <c r="J1512" s="3"/>
      <c r="K1512" s="14"/>
      <c r="L1512" s="3"/>
    </row>
    <row r="1513" spans="1:12" ht="16.5" customHeight="1" x14ac:dyDescent="0.3">
      <c r="A1513" s="11"/>
      <c r="B1513" s="11"/>
      <c r="C1513" s="42"/>
      <c r="D1513" s="3"/>
      <c r="E1513" s="3"/>
      <c r="F1513" s="3"/>
      <c r="G1513" s="3"/>
      <c r="H1513" s="3"/>
      <c r="I1513" s="3"/>
      <c r="J1513" s="3"/>
      <c r="K1513" s="14"/>
      <c r="L1513" s="3"/>
    </row>
    <row r="1514" spans="1:12" ht="16.5" customHeight="1" x14ac:dyDescent="0.3">
      <c r="A1514" s="11"/>
      <c r="B1514" s="11"/>
      <c r="C1514" s="42"/>
      <c r="D1514" s="3"/>
      <c r="E1514" s="3"/>
      <c r="F1514" s="3"/>
      <c r="G1514" s="3"/>
      <c r="H1514" s="3"/>
      <c r="I1514" s="3"/>
      <c r="J1514" s="3"/>
      <c r="K1514" s="14"/>
      <c r="L1514" s="3"/>
    </row>
    <row r="1515" spans="1:12" ht="16.5" customHeight="1" x14ac:dyDescent="0.3">
      <c r="A1515" s="11"/>
      <c r="B1515" s="11"/>
      <c r="C1515" s="42"/>
      <c r="D1515" s="3"/>
      <c r="E1515" s="3"/>
      <c r="F1515" s="3"/>
      <c r="G1515" s="3"/>
      <c r="H1515" s="3"/>
      <c r="I1515" s="3"/>
      <c r="J1515" s="3"/>
      <c r="K1515" s="14"/>
      <c r="L1515" s="3"/>
    </row>
    <row r="1516" spans="1:12" ht="16.5" customHeight="1" x14ac:dyDescent="0.3">
      <c r="A1516" s="11"/>
      <c r="B1516" s="11"/>
      <c r="C1516" s="42"/>
      <c r="D1516" s="3"/>
      <c r="E1516" s="3"/>
      <c r="F1516" s="3"/>
      <c r="G1516" s="3"/>
      <c r="H1516" s="3"/>
      <c r="I1516" s="3"/>
      <c r="J1516" s="3"/>
      <c r="K1516" s="14"/>
      <c r="L1516" s="3"/>
    </row>
    <row r="1517" spans="1:12" ht="16.5" customHeight="1" x14ac:dyDescent="0.3">
      <c r="A1517" s="11"/>
      <c r="B1517" s="11"/>
      <c r="C1517" s="42"/>
      <c r="D1517" s="3"/>
      <c r="E1517" s="3"/>
      <c r="F1517" s="3"/>
      <c r="G1517" s="3"/>
      <c r="H1517" s="3"/>
      <c r="I1517" s="3"/>
      <c r="J1517" s="3"/>
      <c r="K1517" s="14"/>
      <c r="L1517" s="3"/>
    </row>
    <row r="1518" spans="1:12" ht="16.5" customHeight="1" x14ac:dyDescent="0.3">
      <c r="A1518" s="11"/>
      <c r="B1518" s="11"/>
      <c r="C1518" s="42"/>
      <c r="D1518" s="3"/>
      <c r="E1518" s="3"/>
      <c r="F1518" s="3"/>
      <c r="G1518" s="3"/>
      <c r="H1518" s="3"/>
      <c r="I1518" s="3"/>
      <c r="J1518" s="3"/>
      <c r="K1518" s="14"/>
      <c r="L1518" s="3"/>
    </row>
    <row r="1519" spans="1:12" ht="16.5" customHeight="1" x14ac:dyDescent="0.3">
      <c r="A1519" s="11"/>
      <c r="B1519" s="11"/>
      <c r="C1519" s="42"/>
      <c r="D1519" s="3"/>
      <c r="E1519" s="3"/>
      <c r="F1519" s="3"/>
      <c r="G1519" s="3"/>
      <c r="H1519" s="3"/>
      <c r="I1519" s="3"/>
      <c r="J1519" s="3"/>
      <c r="K1519" s="14"/>
      <c r="L1519" s="3"/>
    </row>
    <row r="1520" spans="1:12" ht="16.5" customHeight="1" x14ac:dyDescent="0.3">
      <c r="A1520" s="11"/>
      <c r="B1520" s="11"/>
      <c r="C1520" s="42"/>
      <c r="D1520" s="3"/>
      <c r="E1520" s="3"/>
      <c r="F1520" s="3"/>
      <c r="G1520" s="3"/>
      <c r="H1520" s="3"/>
      <c r="I1520" s="3"/>
      <c r="J1520" s="3"/>
      <c r="K1520" s="14"/>
      <c r="L1520" s="3"/>
    </row>
    <row r="1521" spans="1:12" ht="16.5" customHeight="1" x14ac:dyDescent="0.3">
      <c r="A1521" s="11"/>
      <c r="B1521" s="11"/>
      <c r="C1521" s="42"/>
      <c r="D1521" s="3"/>
      <c r="E1521" s="3"/>
      <c r="F1521" s="3"/>
      <c r="G1521" s="3"/>
      <c r="H1521" s="3"/>
      <c r="I1521" s="3"/>
      <c r="J1521" s="3"/>
      <c r="K1521" s="14"/>
      <c r="L1521" s="3"/>
    </row>
    <row r="1522" spans="1:12" ht="16.5" customHeight="1" x14ac:dyDescent="0.3">
      <c r="A1522" s="11"/>
      <c r="B1522" s="11"/>
      <c r="C1522" s="42"/>
      <c r="D1522" s="3"/>
      <c r="E1522" s="3"/>
      <c r="F1522" s="3"/>
      <c r="G1522" s="3"/>
      <c r="H1522" s="3"/>
      <c r="I1522" s="3"/>
      <c r="J1522" s="3"/>
      <c r="K1522" s="14"/>
      <c r="L1522" s="3"/>
    </row>
    <row r="1523" spans="1:12" ht="16.5" customHeight="1" x14ac:dyDescent="0.3">
      <c r="A1523" s="11"/>
      <c r="B1523" s="11"/>
      <c r="C1523" s="42"/>
      <c r="D1523" s="3"/>
      <c r="E1523" s="3"/>
      <c r="F1523" s="3"/>
      <c r="G1523" s="3"/>
      <c r="H1523" s="3"/>
      <c r="I1523" s="3"/>
      <c r="J1523" s="3"/>
      <c r="K1523" s="14"/>
      <c r="L1523" s="3"/>
    </row>
    <row r="1524" spans="1:12" ht="16.5" customHeight="1" x14ac:dyDescent="0.3">
      <c r="A1524" s="11"/>
      <c r="B1524" s="11"/>
      <c r="C1524" s="42"/>
      <c r="D1524" s="3"/>
      <c r="E1524" s="3"/>
      <c r="F1524" s="3"/>
      <c r="G1524" s="3"/>
      <c r="H1524" s="3"/>
      <c r="I1524" s="3"/>
      <c r="J1524" s="3"/>
      <c r="K1524" s="14"/>
      <c r="L1524" s="3"/>
    </row>
    <row r="1525" spans="1:12" ht="16.5" customHeight="1" x14ac:dyDescent="0.3">
      <c r="A1525" s="11"/>
      <c r="B1525" s="11"/>
      <c r="C1525" s="42"/>
      <c r="D1525" s="3"/>
      <c r="E1525" s="3"/>
      <c r="F1525" s="3"/>
      <c r="G1525" s="3"/>
      <c r="H1525" s="3"/>
      <c r="I1525" s="3"/>
      <c r="J1525" s="3"/>
      <c r="K1525" s="14"/>
      <c r="L1525" s="3"/>
    </row>
    <row r="1526" spans="1:12" ht="16.5" customHeight="1" x14ac:dyDescent="0.3">
      <c r="A1526" s="11"/>
      <c r="B1526" s="11"/>
      <c r="C1526" s="42"/>
      <c r="D1526" s="3"/>
      <c r="E1526" s="3"/>
      <c r="F1526" s="3"/>
      <c r="G1526" s="3"/>
      <c r="H1526" s="3"/>
      <c r="I1526" s="3"/>
      <c r="J1526" s="3"/>
      <c r="K1526" s="14"/>
      <c r="L1526" s="3"/>
    </row>
    <row r="1527" spans="1:12" ht="16.5" customHeight="1" x14ac:dyDescent="0.3">
      <c r="A1527" s="11"/>
      <c r="B1527" s="11"/>
      <c r="C1527" s="42"/>
      <c r="D1527" s="3"/>
      <c r="E1527" s="3"/>
      <c r="F1527" s="3"/>
      <c r="G1527" s="3"/>
      <c r="H1527" s="3"/>
      <c r="I1527" s="3"/>
      <c r="J1527" s="3"/>
      <c r="K1527" s="14"/>
      <c r="L1527" s="3"/>
    </row>
    <row r="1528" spans="1:12" ht="16.5" customHeight="1" x14ac:dyDescent="0.3">
      <c r="A1528" s="11"/>
      <c r="B1528" s="11"/>
      <c r="C1528" s="42"/>
      <c r="D1528" s="3"/>
      <c r="E1528" s="3"/>
      <c r="F1528" s="3"/>
      <c r="G1528" s="3"/>
      <c r="H1528" s="3"/>
      <c r="I1528" s="3"/>
      <c r="J1528" s="3"/>
      <c r="K1528" s="14"/>
      <c r="L1528" s="3"/>
    </row>
    <row r="1529" spans="1:12" ht="16.5" customHeight="1" x14ac:dyDescent="0.3">
      <c r="A1529" s="11"/>
      <c r="B1529" s="11"/>
      <c r="C1529" s="42"/>
      <c r="D1529" s="3"/>
      <c r="E1529" s="3"/>
      <c r="F1529" s="3"/>
      <c r="G1529" s="3"/>
      <c r="H1529" s="3"/>
      <c r="I1529" s="3"/>
      <c r="J1529" s="3"/>
      <c r="K1529" s="14"/>
      <c r="L1529" s="3"/>
    </row>
    <row r="1530" spans="1:12" ht="16.5" customHeight="1" x14ac:dyDescent="0.3">
      <c r="A1530" s="11"/>
      <c r="B1530" s="11"/>
      <c r="C1530" s="42"/>
      <c r="D1530" s="3"/>
      <c r="E1530" s="3"/>
      <c r="F1530" s="3"/>
      <c r="G1530" s="3"/>
      <c r="H1530" s="3"/>
      <c r="I1530" s="3"/>
      <c r="J1530" s="3"/>
      <c r="K1530" s="14"/>
      <c r="L1530" s="3"/>
    </row>
    <row r="1531" spans="1:12" ht="16.5" customHeight="1" x14ac:dyDescent="0.3">
      <c r="A1531" s="11"/>
      <c r="B1531" s="11"/>
      <c r="C1531" s="42"/>
      <c r="D1531" s="3"/>
      <c r="E1531" s="3"/>
      <c r="F1531" s="3"/>
      <c r="G1531" s="3"/>
      <c r="H1531" s="3"/>
      <c r="I1531" s="3"/>
      <c r="J1531" s="3"/>
      <c r="K1531" s="14"/>
      <c r="L1531" s="3"/>
    </row>
    <row r="1532" spans="1:12" ht="16.5" customHeight="1" x14ac:dyDescent="0.3">
      <c r="A1532" s="11"/>
      <c r="B1532" s="11"/>
      <c r="C1532" s="42"/>
      <c r="D1532" s="3"/>
      <c r="E1532" s="3"/>
      <c r="F1532" s="3"/>
      <c r="G1532" s="3"/>
      <c r="H1532" s="3"/>
      <c r="I1532" s="3"/>
      <c r="J1532" s="3"/>
      <c r="K1532" s="14"/>
      <c r="L1532" s="3"/>
    </row>
    <row r="1533" spans="1:12" ht="16.5" customHeight="1" x14ac:dyDescent="0.3">
      <c r="A1533" s="11"/>
      <c r="B1533" s="11"/>
      <c r="C1533" s="42"/>
      <c r="D1533" s="3"/>
      <c r="E1533" s="3"/>
      <c r="F1533" s="3"/>
      <c r="G1533" s="3"/>
      <c r="H1533" s="3"/>
      <c r="I1533" s="3"/>
      <c r="J1533" s="3"/>
      <c r="K1533" s="14"/>
      <c r="L1533" s="3"/>
    </row>
    <row r="1534" spans="1:12" ht="16.5" customHeight="1" x14ac:dyDescent="0.3">
      <c r="A1534" s="11"/>
      <c r="B1534" s="11"/>
      <c r="C1534" s="42"/>
      <c r="D1534" s="3"/>
      <c r="E1534" s="3"/>
      <c r="F1534" s="3"/>
      <c r="G1534" s="3"/>
      <c r="H1534" s="3"/>
      <c r="I1534" s="3"/>
      <c r="J1534" s="3"/>
      <c r="K1534" s="14"/>
      <c r="L1534" s="3"/>
    </row>
    <row r="1535" spans="1:12" ht="16.5" customHeight="1" x14ac:dyDescent="0.3">
      <c r="A1535" s="11"/>
      <c r="B1535" s="11"/>
      <c r="C1535" s="42"/>
      <c r="D1535" s="3"/>
      <c r="E1535" s="3"/>
      <c r="F1535" s="3"/>
      <c r="G1535" s="3"/>
      <c r="H1535" s="3"/>
      <c r="I1535" s="3"/>
      <c r="J1535" s="3"/>
      <c r="K1535" s="14"/>
      <c r="L1535" s="3"/>
    </row>
    <row r="1536" spans="1:12" ht="16.5" customHeight="1" x14ac:dyDescent="0.3">
      <c r="A1536" s="11"/>
      <c r="B1536" s="11"/>
      <c r="C1536" s="42"/>
      <c r="D1536" s="3"/>
      <c r="E1536" s="3"/>
      <c r="F1536" s="3"/>
      <c r="G1536" s="3"/>
      <c r="H1536" s="3"/>
      <c r="I1536" s="3"/>
      <c r="J1536" s="3"/>
      <c r="K1536" s="14"/>
      <c r="L1536" s="3"/>
    </row>
    <row r="1537" spans="1:12" ht="16.5" customHeight="1" x14ac:dyDescent="0.3">
      <c r="A1537" s="11"/>
      <c r="B1537" s="11"/>
      <c r="C1537" s="42"/>
      <c r="D1537" s="3"/>
      <c r="E1537" s="3"/>
      <c r="F1537" s="3"/>
      <c r="G1537" s="3"/>
      <c r="H1537" s="3"/>
      <c r="I1537" s="3"/>
      <c r="J1537" s="3"/>
      <c r="K1537" s="14"/>
      <c r="L1537" s="3"/>
    </row>
    <row r="1538" spans="1:12" ht="16.5" customHeight="1" x14ac:dyDescent="0.3">
      <c r="A1538" s="11"/>
      <c r="B1538" s="11"/>
      <c r="C1538" s="42"/>
      <c r="D1538" s="3"/>
      <c r="E1538" s="3"/>
      <c r="F1538" s="3"/>
      <c r="G1538" s="3"/>
      <c r="H1538" s="3"/>
      <c r="I1538" s="3"/>
      <c r="J1538" s="3"/>
      <c r="K1538" s="14"/>
      <c r="L1538" s="3"/>
    </row>
    <row r="1539" spans="1:12" ht="16.5" customHeight="1" x14ac:dyDescent="0.3">
      <c r="A1539" s="11"/>
      <c r="B1539" s="11"/>
      <c r="C1539" s="42"/>
      <c r="D1539" s="3"/>
      <c r="E1539" s="3"/>
      <c r="F1539" s="3"/>
      <c r="G1539" s="3"/>
      <c r="H1539" s="3"/>
      <c r="I1539" s="3"/>
      <c r="J1539" s="3"/>
      <c r="K1539" s="14"/>
      <c r="L1539" s="3"/>
    </row>
    <row r="1540" spans="1:12" ht="16.5" customHeight="1" x14ac:dyDescent="0.3">
      <c r="A1540" s="11"/>
      <c r="B1540" s="11"/>
      <c r="C1540" s="42"/>
      <c r="D1540" s="3"/>
      <c r="E1540" s="3"/>
      <c r="F1540" s="3"/>
      <c r="G1540" s="3"/>
      <c r="H1540" s="3"/>
      <c r="I1540" s="3"/>
      <c r="J1540" s="3"/>
      <c r="K1540" s="14"/>
      <c r="L1540" s="3"/>
    </row>
    <row r="1541" spans="1:12" ht="16.5" customHeight="1" x14ac:dyDescent="0.3">
      <c r="A1541" s="11"/>
      <c r="B1541" s="11"/>
      <c r="C1541" s="42"/>
      <c r="D1541" s="3"/>
      <c r="E1541" s="3"/>
      <c r="F1541" s="3"/>
      <c r="G1541" s="3"/>
      <c r="H1541" s="3"/>
      <c r="I1541" s="3"/>
      <c r="J1541" s="3"/>
      <c r="K1541" s="14"/>
      <c r="L1541" s="3"/>
    </row>
    <row r="1542" spans="1:12" ht="16.5" customHeight="1" x14ac:dyDescent="0.3">
      <c r="A1542" s="11"/>
      <c r="B1542" s="11"/>
      <c r="C1542" s="42"/>
      <c r="D1542" s="3"/>
      <c r="E1542" s="3"/>
      <c r="F1542" s="3"/>
      <c r="G1542" s="3"/>
      <c r="H1542" s="3"/>
      <c r="I1542" s="3"/>
      <c r="J1542" s="3"/>
      <c r="K1542" s="14"/>
      <c r="L1542" s="3"/>
    </row>
    <row r="1543" spans="1:12" ht="16.5" customHeight="1" x14ac:dyDescent="0.3">
      <c r="A1543" s="11"/>
      <c r="B1543" s="11"/>
      <c r="C1543" s="42"/>
      <c r="D1543" s="3"/>
      <c r="E1543" s="3"/>
      <c r="F1543" s="3"/>
      <c r="G1543" s="3"/>
      <c r="H1543" s="3"/>
      <c r="I1543" s="3"/>
      <c r="J1543" s="3"/>
      <c r="K1543" s="14"/>
      <c r="L1543" s="3"/>
    </row>
    <row r="1544" spans="1:12" ht="16.5" customHeight="1" x14ac:dyDescent="0.3">
      <c r="A1544" s="11"/>
      <c r="B1544" s="11"/>
      <c r="C1544" s="42"/>
      <c r="D1544" s="3"/>
      <c r="E1544" s="3"/>
      <c r="F1544" s="3"/>
      <c r="G1544" s="3"/>
      <c r="H1544" s="3"/>
      <c r="I1544" s="3"/>
      <c r="J1544" s="3"/>
      <c r="K1544" s="14"/>
      <c r="L1544" s="3"/>
    </row>
    <row r="1545" spans="1:12" ht="16.5" customHeight="1" x14ac:dyDescent="0.3">
      <c r="A1545" s="11"/>
      <c r="B1545" s="11"/>
      <c r="C1545" s="42"/>
      <c r="D1545" s="3"/>
      <c r="E1545" s="3"/>
      <c r="F1545" s="3"/>
      <c r="G1545" s="3"/>
      <c r="H1545" s="3"/>
      <c r="I1545" s="3"/>
      <c r="J1545" s="3"/>
      <c r="K1545" s="14"/>
      <c r="L1545" s="3"/>
    </row>
    <row r="1546" spans="1:12" ht="16.5" customHeight="1" x14ac:dyDescent="0.3">
      <c r="A1546" s="11"/>
      <c r="B1546" s="11"/>
      <c r="C1546" s="42"/>
      <c r="D1546" s="3"/>
      <c r="E1546" s="3"/>
      <c r="F1546" s="3"/>
      <c r="G1546" s="3"/>
      <c r="H1546" s="3"/>
      <c r="I1546" s="3"/>
      <c r="J1546" s="3"/>
      <c r="K1546" s="14"/>
      <c r="L1546" s="3"/>
    </row>
    <row r="1547" spans="1:12" ht="16.5" customHeight="1" x14ac:dyDescent="0.3">
      <c r="A1547" s="11"/>
      <c r="B1547" s="11"/>
      <c r="C1547" s="42"/>
      <c r="D1547" s="3"/>
      <c r="E1547" s="3"/>
      <c r="F1547" s="3"/>
      <c r="G1547" s="3"/>
      <c r="H1547" s="3"/>
      <c r="I1547" s="3"/>
      <c r="J1547" s="3"/>
      <c r="K1547" s="14"/>
      <c r="L1547" s="3"/>
    </row>
    <row r="1548" spans="1:12" ht="16.5" customHeight="1" x14ac:dyDescent="0.3">
      <c r="A1548" s="11"/>
      <c r="B1548" s="11"/>
      <c r="C1548" s="42"/>
      <c r="D1548" s="3"/>
      <c r="E1548" s="3"/>
      <c r="F1548" s="3"/>
      <c r="G1548" s="3"/>
      <c r="H1548" s="3"/>
      <c r="I1548" s="3"/>
      <c r="J1548" s="3"/>
      <c r="K1548" s="14"/>
      <c r="L1548" s="3"/>
    </row>
    <row r="1549" spans="1:12" ht="16.5" customHeight="1" x14ac:dyDescent="0.3">
      <c r="A1549" s="11"/>
      <c r="B1549" s="11"/>
      <c r="C1549" s="42"/>
      <c r="D1549" s="3"/>
      <c r="E1549" s="3"/>
      <c r="F1549" s="3"/>
      <c r="G1549" s="3"/>
      <c r="H1549" s="3"/>
      <c r="I1549" s="3"/>
      <c r="J1549" s="3"/>
      <c r="K1549" s="14"/>
      <c r="L1549" s="3"/>
    </row>
    <row r="1550" spans="1:12" ht="16.5" customHeight="1" x14ac:dyDescent="0.3">
      <c r="A1550" s="11"/>
      <c r="B1550" s="11"/>
      <c r="C1550" s="42"/>
      <c r="D1550" s="3"/>
      <c r="E1550" s="3"/>
      <c r="F1550" s="3"/>
      <c r="G1550" s="3"/>
      <c r="H1550" s="3"/>
      <c r="I1550" s="3"/>
      <c r="J1550" s="3"/>
      <c r="K1550" s="14"/>
      <c r="L1550" s="3"/>
    </row>
    <row r="1551" spans="1:12" ht="16.5" customHeight="1" x14ac:dyDescent="0.3">
      <c r="A1551" s="11"/>
      <c r="B1551" s="11"/>
      <c r="C1551" s="42"/>
      <c r="D1551" s="3"/>
      <c r="E1551" s="3"/>
      <c r="F1551" s="3"/>
      <c r="G1551" s="3"/>
      <c r="H1551" s="3"/>
      <c r="I1551" s="3"/>
      <c r="J1551" s="3"/>
      <c r="K1551" s="14"/>
      <c r="L1551" s="3"/>
    </row>
    <row r="1552" spans="1:12" ht="16.5" customHeight="1" x14ac:dyDescent="0.3">
      <c r="A1552" s="11"/>
      <c r="B1552" s="11"/>
      <c r="C1552" s="42"/>
      <c r="D1552" s="3"/>
      <c r="E1552" s="3"/>
      <c r="F1552" s="3"/>
      <c r="G1552" s="3"/>
      <c r="H1552" s="3"/>
      <c r="I1552" s="3"/>
      <c r="J1552" s="3"/>
      <c r="K1552" s="14"/>
      <c r="L1552" s="3"/>
    </row>
    <row r="1553" spans="1:12" ht="16.5" customHeight="1" x14ac:dyDescent="0.3">
      <c r="A1553" s="11"/>
      <c r="B1553" s="11"/>
      <c r="C1553" s="42"/>
      <c r="D1553" s="3"/>
      <c r="E1553" s="3"/>
      <c r="F1553" s="3"/>
      <c r="G1553" s="3"/>
      <c r="H1553" s="3"/>
      <c r="I1553" s="3"/>
      <c r="J1553" s="3"/>
      <c r="K1553" s="14"/>
      <c r="L1553" s="3"/>
    </row>
    <row r="1554" spans="1:12" ht="16.5" customHeight="1" x14ac:dyDescent="0.3">
      <c r="A1554" s="11"/>
      <c r="B1554" s="11"/>
      <c r="C1554" s="42"/>
      <c r="D1554" s="3"/>
      <c r="E1554" s="3"/>
      <c r="F1554" s="3"/>
      <c r="G1554" s="3"/>
      <c r="H1554" s="3"/>
      <c r="I1554" s="3"/>
      <c r="J1554" s="3"/>
      <c r="K1554" s="14"/>
      <c r="L1554" s="3"/>
    </row>
    <row r="1555" spans="1:12" ht="16.5" customHeight="1" x14ac:dyDescent="0.3">
      <c r="A1555" s="11"/>
      <c r="B1555" s="11"/>
      <c r="C1555" s="42"/>
      <c r="D1555" s="3"/>
      <c r="E1555" s="3"/>
      <c r="F1555" s="3"/>
      <c r="G1555" s="3"/>
      <c r="H1555" s="3"/>
      <c r="I1555" s="3"/>
      <c r="J1555" s="3"/>
      <c r="K1555" s="14"/>
      <c r="L1555" s="3"/>
    </row>
    <row r="1556" spans="1:12" ht="16.5" customHeight="1" x14ac:dyDescent="0.3">
      <c r="A1556" s="11"/>
      <c r="B1556" s="11"/>
      <c r="C1556" s="42"/>
      <c r="D1556" s="3"/>
      <c r="E1556" s="3"/>
      <c r="F1556" s="3"/>
      <c r="G1556" s="3"/>
      <c r="H1556" s="3"/>
      <c r="I1556" s="3"/>
      <c r="J1556" s="3"/>
      <c r="K1556" s="14"/>
      <c r="L1556" s="3"/>
    </row>
    <row r="1557" spans="1:12" ht="16.5" customHeight="1" x14ac:dyDescent="0.3">
      <c r="A1557" s="11"/>
      <c r="B1557" s="11"/>
      <c r="C1557" s="42"/>
      <c r="D1557" s="3"/>
      <c r="E1557" s="3"/>
      <c r="F1557" s="3"/>
      <c r="G1557" s="3"/>
      <c r="H1557" s="3"/>
      <c r="I1557" s="3"/>
      <c r="J1557" s="3"/>
      <c r="K1557" s="14"/>
      <c r="L1557" s="3"/>
    </row>
    <row r="1558" spans="1:12" ht="16.5" customHeight="1" x14ac:dyDescent="0.3">
      <c r="A1558" s="11"/>
      <c r="B1558" s="11"/>
      <c r="C1558" s="42"/>
      <c r="D1558" s="3"/>
      <c r="E1558" s="3"/>
      <c r="F1558" s="3"/>
      <c r="G1558" s="3"/>
      <c r="H1558" s="3"/>
      <c r="I1558" s="3"/>
      <c r="J1558" s="3"/>
      <c r="K1558" s="14"/>
      <c r="L1558" s="3"/>
    </row>
    <row r="1559" spans="1:12" ht="16.5" customHeight="1" x14ac:dyDescent="0.3">
      <c r="A1559" s="11"/>
      <c r="B1559" s="11"/>
      <c r="C1559" s="42"/>
      <c r="D1559" s="3"/>
      <c r="E1559" s="3"/>
      <c r="F1559" s="3"/>
      <c r="G1559" s="3"/>
      <c r="H1559" s="3"/>
      <c r="I1559" s="3"/>
      <c r="J1559" s="3"/>
      <c r="K1559" s="14"/>
      <c r="L1559" s="3"/>
    </row>
    <row r="1560" spans="1:12" ht="16.5" customHeight="1" x14ac:dyDescent="0.3">
      <c r="A1560" s="11"/>
      <c r="B1560" s="11"/>
      <c r="C1560" s="42"/>
      <c r="D1560" s="3"/>
      <c r="E1560" s="3"/>
      <c r="F1560" s="3"/>
      <c r="G1560" s="3"/>
      <c r="H1560" s="3"/>
      <c r="I1560" s="3"/>
      <c r="J1560" s="3"/>
      <c r="K1560" s="14"/>
      <c r="L1560" s="3"/>
    </row>
    <row r="1561" spans="1:12" ht="16.5" customHeight="1" x14ac:dyDescent="0.3">
      <c r="A1561" s="11"/>
      <c r="B1561" s="11"/>
      <c r="C1561" s="42"/>
      <c r="D1561" s="3"/>
      <c r="E1561" s="3"/>
      <c r="F1561" s="3"/>
      <c r="G1561" s="3"/>
      <c r="H1561" s="3"/>
      <c r="I1561" s="3"/>
      <c r="J1561" s="3"/>
      <c r="K1561" s="14"/>
      <c r="L1561" s="3"/>
    </row>
    <row r="1562" spans="1:12" ht="16.5" customHeight="1" x14ac:dyDescent="0.3">
      <c r="A1562" s="11"/>
      <c r="B1562" s="11"/>
      <c r="C1562" s="42"/>
      <c r="D1562" s="3"/>
      <c r="E1562" s="3"/>
      <c r="F1562" s="3"/>
      <c r="G1562" s="3"/>
      <c r="H1562" s="3"/>
      <c r="I1562" s="3"/>
      <c r="J1562" s="3"/>
      <c r="K1562" s="14"/>
      <c r="L1562" s="3"/>
    </row>
    <row r="1563" spans="1:12" ht="16.5" customHeight="1" x14ac:dyDescent="0.3">
      <c r="A1563" s="11"/>
      <c r="B1563" s="11"/>
      <c r="C1563" s="42"/>
      <c r="D1563" s="3"/>
      <c r="E1563" s="3"/>
      <c r="F1563" s="3"/>
      <c r="G1563" s="3"/>
      <c r="H1563" s="3"/>
      <c r="I1563" s="3"/>
      <c r="J1563" s="3"/>
      <c r="K1563" s="14"/>
      <c r="L1563" s="3"/>
    </row>
    <row r="1564" spans="1:12" ht="16.5" customHeight="1" x14ac:dyDescent="0.3">
      <c r="A1564" s="11"/>
      <c r="B1564" s="11"/>
      <c r="C1564" s="42"/>
      <c r="D1564" s="3"/>
      <c r="E1564" s="3"/>
      <c r="F1564" s="3"/>
      <c r="G1564" s="3"/>
      <c r="H1564" s="3"/>
      <c r="I1564" s="3"/>
      <c r="J1564" s="3"/>
      <c r="K1564" s="14"/>
      <c r="L1564" s="3"/>
    </row>
    <row r="1565" spans="1:12" ht="16.5" customHeight="1" x14ac:dyDescent="0.3">
      <c r="A1565" s="11"/>
      <c r="B1565" s="11"/>
      <c r="C1565" s="42"/>
      <c r="D1565" s="3"/>
      <c r="E1565" s="3"/>
      <c r="F1565" s="3"/>
      <c r="G1565" s="3"/>
      <c r="H1565" s="3"/>
      <c r="I1565" s="3"/>
      <c r="J1565" s="3"/>
      <c r="K1565" s="14"/>
      <c r="L1565" s="3"/>
    </row>
    <row r="1566" spans="1:12" ht="16.5" customHeight="1" x14ac:dyDescent="0.3">
      <c r="A1566" s="11"/>
      <c r="B1566" s="11"/>
      <c r="C1566" s="42"/>
      <c r="D1566" s="3"/>
      <c r="E1566" s="3"/>
      <c r="F1566" s="3"/>
      <c r="G1566" s="3"/>
      <c r="H1566" s="3"/>
      <c r="I1566" s="3"/>
      <c r="J1566" s="3"/>
      <c r="K1566" s="14"/>
      <c r="L1566" s="3"/>
    </row>
    <row r="1567" spans="1:12" ht="16.5" customHeight="1" x14ac:dyDescent="0.3">
      <c r="A1567" s="11"/>
      <c r="B1567" s="11"/>
      <c r="C1567" s="42"/>
      <c r="D1567" s="3"/>
      <c r="E1567" s="3"/>
      <c r="F1567" s="3"/>
      <c r="G1567" s="3"/>
      <c r="H1567" s="3"/>
      <c r="I1567" s="3"/>
      <c r="J1567" s="3"/>
      <c r="K1567" s="14"/>
      <c r="L1567" s="3"/>
    </row>
    <row r="1568" spans="1:12" ht="16.5" customHeight="1" x14ac:dyDescent="0.3">
      <c r="A1568" s="11"/>
      <c r="B1568" s="11"/>
      <c r="C1568" s="42"/>
      <c r="D1568" s="3"/>
      <c r="E1568" s="3"/>
      <c r="F1568" s="3"/>
      <c r="G1568" s="3"/>
      <c r="H1568" s="3"/>
      <c r="I1568" s="3"/>
      <c r="J1568" s="3"/>
      <c r="K1568" s="14"/>
      <c r="L1568" s="3"/>
    </row>
    <row r="1569" spans="1:12" ht="16.5" customHeight="1" x14ac:dyDescent="0.3">
      <c r="A1569" s="11"/>
      <c r="B1569" s="11"/>
      <c r="C1569" s="42"/>
      <c r="D1569" s="3"/>
      <c r="E1569" s="3"/>
      <c r="F1569" s="3"/>
      <c r="G1569" s="3"/>
      <c r="H1569" s="3"/>
      <c r="I1569" s="3"/>
      <c r="J1569" s="3"/>
      <c r="K1569" s="14"/>
      <c r="L1569" s="3"/>
    </row>
    <row r="1570" spans="1:12" ht="16.5" customHeight="1" x14ac:dyDescent="0.3">
      <c r="A1570" s="11"/>
      <c r="B1570" s="11"/>
      <c r="C1570" s="42"/>
      <c r="D1570" s="3"/>
      <c r="E1570" s="3"/>
      <c r="F1570" s="3"/>
      <c r="G1570" s="3"/>
      <c r="H1570" s="3"/>
      <c r="I1570" s="3"/>
      <c r="J1570" s="3"/>
      <c r="K1570" s="14"/>
      <c r="L1570" s="3"/>
    </row>
    <row r="1571" spans="1:12" ht="16.5" customHeight="1" x14ac:dyDescent="0.3">
      <c r="A1571" s="11"/>
      <c r="B1571" s="11"/>
      <c r="C1571" s="42"/>
      <c r="D1571" s="3"/>
      <c r="E1571" s="3"/>
      <c r="F1571" s="3"/>
      <c r="G1571" s="3"/>
      <c r="H1571" s="3"/>
      <c r="I1571" s="3"/>
      <c r="J1571" s="3"/>
      <c r="K1571" s="14"/>
      <c r="L1571" s="3"/>
    </row>
    <row r="1572" spans="1:12" ht="16.5" customHeight="1" x14ac:dyDescent="0.3">
      <c r="A1572" s="11"/>
      <c r="B1572" s="11"/>
      <c r="C1572" s="42"/>
      <c r="D1572" s="3"/>
      <c r="E1572" s="3"/>
      <c r="F1572" s="3"/>
      <c r="G1572" s="3"/>
      <c r="H1572" s="3"/>
      <c r="I1572" s="3"/>
      <c r="J1572" s="3"/>
      <c r="K1572" s="14"/>
      <c r="L1572" s="3"/>
    </row>
    <row r="1573" spans="1:12" ht="16.5" customHeight="1" x14ac:dyDescent="0.3">
      <c r="A1573" s="11"/>
      <c r="B1573" s="11"/>
      <c r="C1573" s="42"/>
      <c r="D1573" s="3"/>
      <c r="E1573" s="3"/>
      <c r="F1573" s="3"/>
      <c r="G1573" s="3"/>
      <c r="H1573" s="3"/>
      <c r="I1573" s="3"/>
      <c r="J1573" s="3"/>
      <c r="K1573" s="14"/>
      <c r="L1573" s="3"/>
    </row>
    <row r="1574" spans="1:12" ht="16.5" customHeight="1" x14ac:dyDescent="0.3">
      <c r="A1574" s="11"/>
      <c r="B1574" s="11"/>
      <c r="C1574" s="42"/>
      <c r="D1574" s="3"/>
      <c r="E1574" s="3"/>
      <c r="F1574" s="3"/>
      <c r="G1574" s="3"/>
      <c r="H1574" s="3"/>
      <c r="I1574" s="3"/>
      <c r="J1574" s="3"/>
      <c r="K1574" s="14"/>
      <c r="L1574" s="3"/>
    </row>
    <row r="1575" spans="1:12" ht="16.5" customHeight="1" x14ac:dyDescent="0.3">
      <c r="A1575" s="11"/>
      <c r="B1575" s="11"/>
      <c r="C1575" s="42"/>
      <c r="D1575" s="3"/>
      <c r="E1575" s="3"/>
      <c r="F1575" s="3"/>
      <c r="G1575" s="3"/>
      <c r="H1575" s="3"/>
      <c r="I1575" s="3"/>
      <c r="J1575" s="3"/>
      <c r="K1575" s="14"/>
      <c r="L1575" s="3"/>
    </row>
    <row r="1576" spans="1:12" ht="16.5" customHeight="1" x14ac:dyDescent="0.3">
      <c r="A1576" s="11"/>
      <c r="B1576" s="11"/>
      <c r="C1576" s="42"/>
      <c r="D1576" s="3"/>
      <c r="E1576" s="3"/>
      <c r="F1576" s="3"/>
      <c r="G1576" s="3"/>
      <c r="H1576" s="3"/>
      <c r="I1576" s="3"/>
      <c r="J1576" s="3"/>
      <c r="K1576" s="14"/>
      <c r="L1576" s="3"/>
    </row>
    <row r="1577" spans="1:12" ht="16.5" customHeight="1" x14ac:dyDescent="0.3">
      <c r="A1577" s="11"/>
      <c r="B1577" s="11"/>
      <c r="C1577" s="42"/>
      <c r="D1577" s="3"/>
      <c r="E1577" s="3"/>
      <c r="F1577" s="3"/>
      <c r="G1577" s="3"/>
      <c r="H1577" s="3"/>
      <c r="I1577" s="3"/>
      <c r="J1577" s="3"/>
      <c r="K1577" s="14"/>
      <c r="L1577" s="3"/>
    </row>
    <row r="1578" spans="1:12" ht="16.5" customHeight="1" x14ac:dyDescent="0.3">
      <c r="A1578" s="11"/>
      <c r="B1578" s="11"/>
      <c r="C1578" s="42"/>
      <c r="D1578" s="3"/>
      <c r="E1578" s="3"/>
      <c r="F1578" s="3"/>
      <c r="G1578" s="3"/>
      <c r="H1578" s="3"/>
      <c r="I1578" s="3"/>
      <c r="J1578" s="3"/>
      <c r="K1578" s="14"/>
      <c r="L1578" s="3"/>
    </row>
    <row r="1579" spans="1:12" ht="16.5" customHeight="1" x14ac:dyDescent="0.3">
      <c r="A1579" s="11"/>
      <c r="B1579" s="11"/>
      <c r="C1579" s="42"/>
      <c r="D1579" s="3"/>
      <c r="E1579" s="3"/>
      <c r="F1579" s="3"/>
      <c r="G1579" s="3"/>
      <c r="H1579" s="3"/>
      <c r="I1579" s="3"/>
      <c r="J1579" s="3"/>
      <c r="K1579" s="14"/>
      <c r="L1579" s="3"/>
    </row>
    <row r="1580" spans="1:12" ht="16.5" customHeight="1" x14ac:dyDescent="0.3">
      <c r="A1580" s="11"/>
      <c r="B1580" s="11"/>
      <c r="C1580" s="42"/>
      <c r="D1580" s="3"/>
      <c r="E1580" s="3"/>
      <c r="F1580" s="3"/>
      <c r="G1580" s="3"/>
      <c r="H1580" s="3"/>
      <c r="I1580" s="3"/>
      <c r="J1580" s="3"/>
      <c r="K1580" s="14"/>
      <c r="L1580" s="3"/>
    </row>
    <row r="1581" spans="1:12" ht="16.5" customHeight="1" x14ac:dyDescent="0.3">
      <c r="A1581" s="11"/>
      <c r="B1581" s="11"/>
      <c r="C1581" s="42"/>
      <c r="D1581" s="3"/>
      <c r="E1581" s="3"/>
      <c r="F1581" s="3"/>
      <c r="G1581" s="3"/>
      <c r="H1581" s="3"/>
      <c r="I1581" s="3"/>
      <c r="J1581" s="3"/>
      <c r="K1581" s="14"/>
      <c r="L1581" s="3"/>
    </row>
    <row r="1582" spans="1:12" ht="16.5" customHeight="1" x14ac:dyDescent="0.3">
      <c r="A1582" s="11"/>
      <c r="B1582" s="11"/>
      <c r="C1582" s="42"/>
      <c r="D1582" s="3"/>
      <c r="E1582" s="3"/>
      <c r="F1582" s="3"/>
      <c r="G1582" s="3"/>
      <c r="H1582" s="3"/>
      <c r="I1582" s="3"/>
      <c r="J1582" s="3"/>
      <c r="K1582" s="14"/>
      <c r="L1582" s="3"/>
    </row>
    <row r="1583" spans="1:12" ht="16.5" customHeight="1" x14ac:dyDescent="0.3">
      <c r="A1583" s="11"/>
      <c r="B1583" s="11"/>
      <c r="C1583" s="42"/>
      <c r="D1583" s="3"/>
      <c r="E1583" s="3"/>
      <c r="F1583" s="3"/>
      <c r="G1583" s="3"/>
      <c r="H1583" s="3"/>
      <c r="I1583" s="3"/>
      <c r="J1583" s="3"/>
      <c r="K1583" s="14"/>
      <c r="L1583" s="3"/>
    </row>
    <row r="1584" spans="1:12" ht="16.5" customHeight="1" x14ac:dyDescent="0.3">
      <c r="A1584" s="11"/>
      <c r="B1584" s="11"/>
      <c r="C1584" s="42"/>
      <c r="D1584" s="3"/>
      <c r="E1584" s="3"/>
      <c r="F1584" s="3"/>
      <c r="G1584" s="3"/>
      <c r="H1584" s="3"/>
      <c r="I1584" s="3"/>
      <c r="J1584" s="3"/>
      <c r="K1584" s="14"/>
      <c r="L1584" s="3"/>
    </row>
    <row r="1585" spans="1:12" ht="16.5" customHeight="1" x14ac:dyDescent="0.3">
      <c r="A1585" s="11"/>
      <c r="B1585" s="11"/>
      <c r="C1585" s="42"/>
      <c r="D1585" s="3"/>
      <c r="E1585" s="3"/>
      <c r="F1585" s="3"/>
      <c r="G1585" s="3"/>
      <c r="H1585" s="3"/>
      <c r="I1585" s="3"/>
      <c r="J1585" s="3"/>
      <c r="K1585" s="14"/>
      <c r="L1585" s="3"/>
    </row>
    <row r="1586" spans="1:12" ht="16.5" customHeight="1" x14ac:dyDescent="0.3">
      <c r="A1586" s="11"/>
      <c r="B1586" s="11"/>
      <c r="C1586" s="42"/>
      <c r="D1586" s="3"/>
      <c r="E1586" s="3"/>
      <c r="F1586" s="3"/>
      <c r="G1586" s="3"/>
      <c r="H1586" s="3"/>
      <c r="I1586" s="3"/>
      <c r="J1586" s="3"/>
      <c r="K1586" s="14"/>
      <c r="L1586" s="3"/>
    </row>
    <row r="1587" spans="1:12" ht="16.5" customHeight="1" x14ac:dyDescent="0.3">
      <c r="A1587" s="11"/>
      <c r="B1587" s="11"/>
      <c r="C1587" s="42"/>
      <c r="D1587" s="3"/>
      <c r="E1587" s="3"/>
      <c r="F1587" s="3"/>
      <c r="G1587" s="3"/>
      <c r="H1587" s="3"/>
      <c r="I1587" s="3"/>
      <c r="J1587" s="3"/>
      <c r="K1587" s="14"/>
      <c r="L1587" s="3"/>
    </row>
    <row r="1588" spans="1:12" ht="16.5" customHeight="1" x14ac:dyDescent="0.3">
      <c r="A1588" s="11"/>
      <c r="B1588" s="11"/>
      <c r="C1588" s="42"/>
      <c r="D1588" s="3"/>
      <c r="E1588" s="3"/>
      <c r="F1588" s="3"/>
      <c r="G1588" s="3"/>
      <c r="H1588" s="3"/>
      <c r="I1588" s="3"/>
      <c r="J1588" s="3"/>
      <c r="K1588" s="14"/>
      <c r="L1588" s="3"/>
    </row>
    <row r="1589" spans="1:12" ht="16.5" customHeight="1" x14ac:dyDescent="0.3">
      <c r="A1589" s="11"/>
      <c r="B1589" s="11"/>
      <c r="C1589" s="42"/>
      <c r="D1589" s="3"/>
      <c r="E1589" s="3"/>
      <c r="F1589" s="3"/>
      <c r="G1589" s="3"/>
      <c r="H1589" s="3"/>
      <c r="I1589" s="3"/>
      <c r="J1589" s="3"/>
      <c r="K1589" s="14"/>
      <c r="L1589" s="3"/>
    </row>
    <row r="1590" spans="1:12" ht="16.5" customHeight="1" x14ac:dyDescent="0.3">
      <c r="A1590" s="11"/>
      <c r="B1590" s="11"/>
      <c r="C1590" s="42"/>
      <c r="D1590" s="3"/>
      <c r="E1590" s="3"/>
      <c r="F1590" s="3"/>
      <c r="G1590" s="3"/>
      <c r="H1590" s="3"/>
      <c r="I1590" s="3"/>
      <c r="J1590" s="3"/>
      <c r="K1590" s="14"/>
      <c r="L1590" s="3"/>
    </row>
    <row r="1591" spans="1:12" ht="16.5" customHeight="1" x14ac:dyDescent="0.3">
      <c r="A1591" s="11"/>
      <c r="B1591" s="11"/>
      <c r="C1591" s="42"/>
      <c r="D1591" s="3"/>
      <c r="E1591" s="3"/>
      <c r="F1591" s="3"/>
      <c r="G1591" s="3"/>
      <c r="H1591" s="3"/>
      <c r="I1591" s="3"/>
      <c r="J1591" s="3"/>
      <c r="K1591" s="14"/>
      <c r="L1591" s="3"/>
    </row>
    <row r="1592" spans="1:12" ht="16.5" customHeight="1" x14ac:dyDescent="0.3">
      <c r="A1592" s="11"/>
      <c r="B1592" s="11"/>
      <c r="C1592" s="42"/>
      <c r="D1592" s="3"/>
      <c r="E1592" s="3"/>
      <c r="F1592" s="3"/>
      <c r="G1592" s="3"/>
      <c r="H1592" s="3"/>
      <c r="I1592" s="3"/>
      <c r="J1592" s="3"/>
      <c r="K1592" s="14"/>
      <c r="L1592" s="3"/>
    </row>
    <row r="1593" spans="1:12" ht="16.5" customHeight="1" x14ac:dyDescent="0.3">
      <c r="A1593" s="11"/>
      <c r="B1593" s="11"/>
      <c r="C1593" s="42"/>
      <c r="D1593" s="3"/>
      <c r="E1593" s="3"/>
      <c r="F1593" s="3"/>
      <c r="G1593" s="3"/>
      <c r="H1593" s="3"/>
      <c r="I1593" s="3"/>
      <c r="J1593" s="3"/>
      <c r="K1593" s="14"/>
      <c r="L1593" s="3"/>
    </row>
    <row r="1594" spans="1:12" ht="16.5" customHeight="1" x14ac:dyDescent="0.3">
      <c r="A1594" s="11"/>
      <c r="B1594" s="11"/>
      <c r="C1594" s="42"/>
      <c r="D1594" s="3"/>
      <c r="E1594" s="3"/>
      <c r="F1594" s="3"/>
      <c r="G1594" s="3"/>
      <c r="H1594" s="3"/>
      <c r="I1594" s="3"/>
      <c r="J1594" s="3"/>
      <c r="K1594" s="14"/>
      <c r="L1594" s="3"/>
    </row>
    <row r="1595" spans="1:12" ht="16.5" customHeight="1" x14ac:dyDescent="0.3">
      <c r="A1595" s="11"/>
      <c r="B1595" s="11"/>
      <c r="C1595" s="42"/>
      <c r="D1595" s="3"/>
      <c r="E1595" s="3"/>
      <c r="F1595" s="3"/>
      <c r="G1595" s="3"/>
      <c r="H1595" s="3"/>
      <c r="I1595" s="3"/>
      <c r="J1595" s="3"/>
      <c r="K1595" s="14"/>
      <c r="L1595" s="3"/>
    </row>
    <row r="1596" spans="1:12" ht="16.5" customHeight="1" x14ac:dyDescent="0.3">
      <c r="A1596" s="11"/>
      <c r="B1596" s="11"/>
      <c r="C1596" s="42"/>
      <c r="D1596" s="3"/>
      <c r="E1596" s="3"/>
      <c r="F1596" s="3"/>
      <c r="G1596" s="3"/>
      <c r="H1596" s="3"/>
      <c r="I1596" s="3"/>
      <c r="J1596" s="3"/>
      <c r="K1596" s="14"/>
      <c r="L1596" s="3"/>
    </row>
    <row r="1597" spans="1:12" ht="16.5" customHeight="1" x14ac:dyDescent="0.3">
      <c r="A1597" s="11"/>
      <c r="B1597" s="11"/>
      <c r="C1597" s="42"/>
      <c r="D1597" s="3"/>
      <c r="E1597" s="3"/>
      <c r="F1597" s="3"/>
      <c r="G1597" s="3"/>
      <c r="H1597" s="3"/>
      <c r="I1597" s="3"/>
      <c r="J1597" s="3"/>
      <c r="K1597" s="14"/>
      <c r="L1597" s="3"/>
    </row>
    <row r="1598" spans="1:12" ht="16.5" customHeight="1" x14ac:dyDescent="0.3">
      <c r="A1598" s="11"/>
      <c r="B1598" s="11"/>
      <c r="C1598" s="42"/>
      <c r="D1598" s="3"/>
      <c r="E1598" s="3"/>
      <c r="F1598" s="3"/>
      <c r="G1598" s="3"/>
      <c r="H1598" s="3"/>
      <c r="I1598" s="3"/>
      <c r="J1598" s="3"/>
      <c r="K1598" s="14"/>
      <c r="L1598" s="3"/>
    </row>
    <row r="1599" spans="1:12" ht="16.5" customHeight="1" x14ac:dyDescent="0.3">
      <c r="A1599" s="11"/>
      <c r="B1599" s="11"/>
      <c r="C1599" s="42"/>
      <c r="D1599" s="3"/>
      <c r="E1599" s="3"/>
      <c r="F1599" s="3"/>
      <c r="G1599" s="3"/>
      <c r="H1599" s="3"/>
      <c r="I1599" s="3"/>
      <c r="J1599" s="3"/>
      <c r="K1599" s="14"/>
      <c r="L1599" s="3"/>
    </row>
    <row r="1600" spans="1:12" ht="16.5" customHeight="1" x14ac:dyDescent="0.3">
      <c r="A1600" s="11"/>
      <c r="B1600" s="11"/>
      <c r="C1600" s="42"/>
      <c r="D1600" s="3"/>
      <c r="E1600" s="3"/>
      <c r="F1600" s="3"/>
      <c r="G1600" s="3"/>
      <c r="H1600" s="3"/>
      <c r="I1600" s="3"/>
      <c r="J1600" s="3"/>
      <c r="K1600" s="14"/>
      <c r="L1600" s="3"/>
    </row>
    <row r="1601" spans="1:12" ht="16.5" customHeight="1" x14ac:dyDescent="0.3">
      <c r="A1601" s="11"/>
      <c r="B1601" s="11"/>
      <c r="C1601" s="42"/>
      <c r="D1601" s="3"/>
      <c r="E1601" s="3"/>
      <c r="F1601" s="3"/>
      <c r="G1601" s="3"/>
      <c r="H1601" s="3"/>
      <c r="I1601" s="3"/>
      <c r="J1601" s="3"/>
      <c r="K1601" s="14"/>
      <c r="L1601" s="3"/>
    </row>
    <row r="1602" spans="1:12" ht="16.5" customHeight="1" x14ac:dyDescent="0.3">
      <c r="A1602" s="11"/>
      <c r="B1602" s="11"/>
      <c r="C1602" s="42"/>
      <c r="D1602" s="3"/>
      <c r="E1602" s="3"/>
      <c r="F1602" s="3"/>
      <c r="G1602" s="3"/>
      <c r="H1602" s="3"/>
      <c r="I1602" s="3"/>
      <c r="J1602" s="3"/>
      <c r="K1602" s="14"/>
      <c r="L1602" s="3"/>
    </row>
    <row r="1603" spans="1:12" ht="16.5" customHeight="1" x14ac:dyDescent="0.3">
      <c r="A1603" s="11"/>
      <c r="B1603" s="11"/>
      <c r="C1603" s="42"/>
      <c r="D1603" s="3"/>
      <c r="E1603" s="3"/>
      <c r="F1603" s="3"/>
      <c r="G1603" s="3"/>
      <c r="H1603" s="3"/>
      <c r="I1603" s="3"/>
      <c r="J1603" s="3"/>
      <c r="K1603" s="14"/>
      <c r="L1603" s="3"/>
    </row>
    <row r="1604" spans="1:12" ht="16.5" customHeight="1" x14ac:dyDescent="0.3">
      <c r="A1604" s="11"/>
      <c r="B1604" s="11"/>
      <c r="C1604" s="42"/>
      <c r="D1604" s="3"/>
      <c r="E1604" s="3"/>
      <c r="F1604" s="3"/>
      <c r="G1604" s="3"/>
      <c r="H1604" s="3"/>
      <c r="I1604" s="3"/>
      <c r="J1604" s="3"/>
      <c r="K1604" s="14"/>
      <c r="L1604" s="3"/>
    </row>
    <row r="1605" spans="1:12" ht="16.5" customHeight="1" x14ac:dyDescent="0.3">
      <c r="A1605" s="11"/>
      <c r="B1605" s="11"/>
      <c r="C1605" s="42"/>
      <c r="D1605" s="3"/>
      <c r="E1605" s="3"/>
      <c r="F1605" s="3"/>
      <c r="G1605" s="3"/>
      <c r="H1605" s="3"/>
      <c r="I1605" s="3"/>
      <c r="J1605" s="3"/>
      <c r="K1605" s="14"/>
      <c r="L1605" s="3"/>
    </row>
    <row r="1606" spans="1:12" ht="16.5" customHeight="1" x14ac:dyDescent="0.3">
      <c r="A1606" s="11"/>
      <c r="B1606" s="11"/>
      <c r="C1606" s="42"/>
      <c r="D1606" s="3"/>
      <c r="E1606" s="3"/>
      <c r="F1606" s="3"/>
      <c r="G1606" s="3"/>
      <c r="H1606" s="3"/>
      <c r="I1606" s="3"/>
      <c r="J1606" s="3"/>
      <c r="K1606" s="14"/>
      <c r="L1606" s="3"/>
    </row>
    <row r="1607" spans="1:12" ht="16.5" customHeight="1" x14ac:dyDescent="0.3">
      <c r="A1607" s="11"/>
      <c r="B1607" s="11"/>
      <c r="C1607" s="42"/>
      <c r="D1607" s="3"/>
      <c r="E1607" s="3"/>
      <c r="F1607" s="3"/>
      <c r="G1607" s="3"/>
      <c r="H1607" s="3"/>
      <c r="I1607" s="3"/>
      <c r="J1607" s="3"/>
      <c r="K1607" s="14"/>
      <c r="L1607" s="3"/>
    </row>
    <row r="1608" spans="1:12" ht="16.5" customHeight="1" x14ac:dyDescent="0.3">
      <c r="A1608" s="11"/>
      <c r="B1608" s="11"/>
      <c r="C1608" s="42"/>
      <c r="D1608" s="3"/>
      <c r="E1608" s="3"/>
      <c r="F1608" s="3"/>
      <c r="G1608" s="3"/>
      <c r="H1608" s="3"/>
      <c r="I1608" s="3"/>
      <c r="J1608" s="3"/>
      <c r="K1608" s="14"/>
      <c r="L1608" s="3"/>
    </row>
    <row r="1609" spans="1:12" ht="16.5" customHeight="1" x14ac:dyDescent="0.3">
      <c r="A1609" s="11"/>
      <c r="B1609" s="11"/>
      <c r="C1609" s="42"/>
      <c r="D1609" s="3"/>
      <c r="E1609" s="3"/>
      <c r="F1609" s="3"/>
      <c r="G1609" s="3"/>
      <c r="H1609" s="3"/>
      <c r="I1609" s="3"/>
      <c r="J1609" s="3"/>
      <c r="K1609" s="14"/>
      <c r="L1609" s="3"/>
    </row>
    <row r="1610" spans="1:12" ht="16.5" customHeight="1" x14ac:dyDescent="0.3">
      <c r="A1610" s="11"/>
      <c r="B1610" s="11"/>
      <c r="C1610" s="42"/>
      <c r="D1610" s="3"/>
      <c r="E1610" s="3"/>
      <c r="F1610" s="3"/>
      <c r="G1610" s="3"/>
      <c r="H1610" s="3"/>
      <c r="I1610" s="3"/>
      <c r="J1610" s="3"/>
      <c r="K1610" s="14"/>
      <c r="L1610" s="3"/>
    </row>
    <row r="1611" spans="1:12" ht="16.5" customHeight="1" x14ac:dyDescent="0.3">
      <c r="A1611" s="11"/>
      <c r="B1611" s="11"/>
      <c r="C1611" s="42"/>
      <c r="D1611" s="3"/>
      <c r="E1611" s="3"/>
      <c r="F1611" s="3"/>
      <c r="G1611" s="3"/>
      <c r="H1611" s="3"/>
      <c r="I1611" s="3"/>
      <c r="J1611" s="3"/>
      <c r="K1611" s="14"/>
      <c r="L1611" s="3"/>
    </row>
    <row r="1612" spans="1:12" ht="16.5" customHeight="1" x14ac:dyDescent="0.3">
      <c r="A1612" s="11"/>
      <c r="B1612" s="11"/>
      <c r="C1612" s="42"/>
      <c r="D1612" s="3"/>
      <c r="E1612" s="3"/>
      <c r="F1612" s="3"/>
      <c r="G1612" s="3"/>
      <c r="H1612" s="3"/>
      <c r="I1612" s="3"/>
      <c r="J1612" s="3"/>
      <c r="K1612" s="14"/>
      <c r="L1612" s="3"/>
    </row>
    <row r="1613" spans="1:12" ht="16.5" customHeight="1" x14ac:dyDescent="0.3">
      <c r="A1613" s="11"/>
      <c r="B1613" s="11"/>
      <c r="C1613" s="42"/>
      <c r="D1613" s="3"/>
      <c r="E1613" s="3"/>
      <c r="F1613" s="3"/>
      <c r="G1613" s="3"/>
      <c r="H1613" s="3"/>
      <c r="I1613" s="3"/>
      <c r="J1613" s="3"/>
      <c r="K1613" s="14"/>
      <c r="L1613" s="3"/>
    </row>
    <row r="1614" spans="1:12" ht="16.5" customHeight="1" x14ac:dyDescent="0.3">
      <c r="A1614" s="11"/>
      <c r="B1614" s="11"/>
      <c r="C1614" s="42"/>
      <c r="D1614" s="3"/>
      <c r="E1614" s="3"/>
      <c r="F1614" s="3"/>
      <c r="G1614" s="3"/>
      <c r="H1614" s="3"/>
      <c r="I1614" s="3"/>
      <c r="J1614" s="3"/>
      <c r="K1614" s="14"/>
      <c r="L1614" s="3"/>
    </row>
    <row r="1615" spans="1:12" ht="16.5" customHeight="1" x14ac:dyDescent="0.3">
      <c r="A1615" s="11"/>
      <c r="B1615" s="11"/>
      <c r="C1615" s="42"/>
      <c r="D1615" s="3"/>
      <c r="E1615" s="3"/>
      <c r="F1615" s="3"/>
      <c r="G1615" s="3"/>
      <c r="H1615" s="3"/>
      <c r="I1615" s="3"/>
      <c r="J1615" s="3"/>
      <c r="K1615" s="14"/>
      <c r="L1615" s="3"/>
    </row>
    <row r="1616" spans="1:12" ht="16.5" customHeight="1" x14ac:dyDescent="0.3">
      <c r="A1616" s="11"/>
      <c r="B1616" s="11"/>
      <c r="C1616" s="42"/>
      <c r="D1616" s="3"/>
      <c r="E1616" s="3"/>
      <c r="F1616" s="3"/>
      <c r="G1616" s="3"/>
      <c r="H1616" s="3"/>
      <c r="I1616" s="3"/>
      <c r="J1616" s="3"/>
      <c r="K1616" s="14"/>
      <c r="L1616" s="3"/>
    </row>
    <row r="1617" spans="1:12" ht="16.5" customHeight="1" x14ac:dyDescent="0.3">
      <c r="A1617" s="11"/>
      <c r="B1617" s="11"/>
      <c r="C1617" s="42"/>
      <c r="D1617" s="3"/>
      <c r="E1617" s="3"/>
      <c r="F1617" s="3"/>
      <c r="G1617" s="3"/>
      <c r="H1617" s="3"/>
      <c r="I1617" s="3"/>
      <c r="J1617" s="3"/>
      <c r="K1617" s="14"/>
      <c r="L1617" s="3"/>
    </row>
    <row r="1618" spans="1:12" ht="16.5" customHeight="1" x14ac:dyDescent="0.3">
      <c r="A1618" s="11"/>
      <c r="B1618" s="11"/>
      <c r="C1618" s="42"/>
      <c r="D1618" s="3"/>
      <c r="E1618" s="3"/>
      <c r="F1618" s="3"/>
      <c r="G1618" s="3"/>
      <c r="H1618" s="3"/>
      <c r="I1618" s="3"/>
      <c r="J1618" s="3"/>
      <c r="K1618" s="14"/>
      <c r="L1618" s="3"/>
    </row>
    <row r="1619" spans="1:12" ht="16.5" customHeight="1" x14ac:dyDescent="0.3">
      <c r="A1619" s="11"/>
      <c r="B1619" s="11"/>
      <c r="C1619" s="42"/>
      <c r="D1619" s="3"/>
      <c r="E1619" s="3"/>
      <c r="F1619" s="3"/>
      <c r="G1619" s="3"/>
      <c r="H1619" s="3"/>
      <c r="I1619" s="3"/>
      <c r="J1619" s="3"/>
      <c r="K1619" s="14"/>
      <c r="L1619" s="3"/>
    </row>
    <row r="1620" spans="1:12" ht="16.5" customHeight="1" x14ac:dyDescent="0.3">
      <c r="A1620" s="11"/>
      <c r="B1620" s="11"/>
      <c r="C1620" s="42"/>
      <c r="D1620" s="3"/>
      <c r="E1620" s="3"/>
      <c r="F1620" s="3"/>
      <c r="G1620" s="3"/>
      <c r="H1620" s="3"/>
      <c r="I1620" s="3"/>
      <c r="J1620" s="3"/>
      <c r="K1620" s="14"/>
      <c r="L1620" s="3"/>
    </row>
    <row r="1621" spans="1:12" ht="16.5" customHeight="1" x14ac:dyDescent="0.3">
      <c r="A1621" s="11"/>
      <c r="B1621" s="11"/>
      <c r="C1621" s="42"/>
      <c r="D1621" s="3"/>
      <c r="E1621" s="3"/>
      <c r="F1621" s="3"/>
      <c r="G1621" s="3"/>
      <c r="H1621" s="3"/>
      <c r="I1621" s="3"/>
      <c r="J1621" s="3"/>
      <c r="K1621" s="14"/>
      <c r="L1621" s="3"/>
    </row>
    <row r="1622" spans="1:12" ht="16.5" customHeight="1" x14ac:dyDescent="0.3">
      <c r="A1622" s="11"/>
      <c r="B1622" s="11"/>
      <c r="C1622" s="42"/>
      <c r="D1622" s="3"/>
      <c r="E1622" s="3"/>
      <c r="F1622" s="3"/>
      <c r="G1622" s="3"/>
      <c r="H1622" s="3"/>
      <c r="I1622" s="3"/>
      <c r="J1622" s="3"/>
      <c r="K1622" s="14"/>
      <c r="L1622" s="3"/>
    </row>
    <row r="1623" spans="1:12" ht="16.5" customHeight="1" x14ac:dyDescent="0.3">
      <c r="A1623" s="11"/>
      <c r="B1623" s="11"/>
      <c r="C1623" s="42"/>
      <c r="D1623" s="3"/>
      <c r="E1623" s="3"/>
      <c r="F1623" s="3"/>
      <c r="G1623" s="3"/>
      <c r="H1623" s="3"/>
      <c r="I1623" s="3"/>
      <c r="J1623" s="3"/>
      <c r="K1623" s="14"/>
      <c r="L1623" s="3"/>
    </row>
    <row r="1624" spans="1:12" ht="16.5" customHeight="1" x14ac:dyDescent="0.3">
      <c r="A1624" s="11"/>
      <c r="B1624" s="11"/>
      <c r="C1624" s="42"/>
      <c r="D1624" s="3"/>
      <c r="E1624" s="3"/>
      <c r="F1624" s="3"/>
      <c r="G1624" s="3"/>
      <c r="H1624" s="3"/>
      <c r="I1624" s="3"/>
      <c r="J1624" s="3"/>
      <c r="K1624" s="14"/>
      <c r="L1624" s="3"/>
    </row>
    <row r="1625" spans="1:12" ht="16.5" customHeight="1" x14ac:dyDescent="0.3">
      <c r="A1625" s="11"/>
      <c r="B1625" s="11"/>
      <c r="C1625" s="42"/>
      <c r="D1625" s="3"/>
      <c r="E1625" s="3"/>
      <c r="F1625" s="3"/>
      <c r="G1625" s="3"/>
      <c r="H1625" s="3"/>
      <c r="I1625" s="3"/>
      <c r="J1625" s="3"/>
      <c r="K1625" s="14"/>
      <c r="L1625" s="3"/>
    </row>
    <row r="1626" spans="1:12" ht="16.5" customHeight="1" x14ac:dyDescent="0.3">
      <c r="A1626" s="11"/>
      <c r="B1626" s="11"/>
      <c r="C1626" s="42"/>
      <c r="D1626" s="3"/>
      <c r="E1626" s="3"/>
      <c r="F1626" s="3"/>
      <c r="G1626" s="3"/>
      <c r="H1626" s="3"/>
      <c r="I1626" s="3"/>
      <c r="J1626" s="3"/>
      <c r="K1626" s="14"/>
      <c r="L1626" s="3"/>
    </row>
    <row r="1627" spans="1:12" ht="16.5" customHeight="1" x14ac:dyDescent="0.3">
      <c r="A1627" s="11"/>
      <c r="B1627" s="11"/>
      <c r="C1627" s="42"/>
      <c r="D1627" s="3"/>
      <c r="E1627" s="3"/>
      <c r="F1627" s="3"/>
      <c r="G1627" s="3"/>
      <c r="H1627" s="3"/>
      <c r="I1627" s="3"/>
      <c r="J1627" s="3"/>
      <c r="K1627" s="14"/>
      <c r="L1627" s="3"/>
    </row>
    <row r="1628" spans="1:12" ht="16.5" customHeight="1" x14ac:dyDescent="0.3">
      <c r="A1628" s="11"/>
      <c r="B1628" s="11"/>
      <c r="C1628" s="42"/>
      <c r="D1628" s="3"/>
      <c r="E1628" s="3"/>
      <c r="F1628" s="3"/>
      <c r="G1628" s="3"/>
      <c r="H1628" s="3"/>
      <c r="I1628" s="3"/>
      <c r="J1628" s="3"/>
      <c r="K1628" s="14"/>
      <c r="L1628" s="3"/>
    </row>
    <row r="1629" spans="1:12" ht="16.5" customHeight="1" x14ac:dyDescent="0.3">
      <c r="A1629" s="11"/>
      <c r="B1629" s="11"/>
      <c r="C1629" s="42"/>
      <c r="D1629" s="3"/>
      <c r="E1629" s="3"/>
      <c r="F1629" s="3"/>
      <c r="G1629" s="3"/>
      <c r="H1629" s="3"/>
      <c r="I1629" s="3"/>
      <c r="J1629" s="3"/>
      <c r="K1629" s="14"/>
      <c r="L1629" s="3"/>
    </row>
    <row r="1630" spans="1:12" ht="16.5" customHeight="1" x14ac:dyDescent="0.3">
      <c r="A1630" s="11"/>
      <c r="B1630" s="11"/>
      <c r="C1630" s="42"/>
      <c r="D1630" s="3"/>
      <c r="E1630" s="3"/>
      <c r="F1630" s="3"/>
      <c r="G1630" s="3"/>
      <c r="H1630" s="3"/>
      <c r="I1630" s="3"/>
      <c r="J1630" s="3"/>
      <c r="K1630" s="14"/>
      <c r="L1630" s="3"/>
    </row>
    <row r="1631" spans="1:12" ht="16.5" customHeight="1" x14ac:dyDescent="0.3">
      <c r="A1631" s="11"/>
      <c r="B1631" s="11"/>
      <c r="C1631" s="42"/>
      <c r="D1631" s="3"/>
      <c r="E1631" s="3"/>
      <c r="F1631" s="3"/>
      <c r="G1631" s="3"/>
      <c r="H1631" s="3"/>
      <c r="I1631" s="3"/>
      <c r="J1631" s="3"/>
      <c r="K1631" s="14"/>
      <c r="L1631" s="3"/>
    </row>
    <row r="1632" spans="1:12" ht="16.5" customHeight="1" x14ac:dyDescent="0.3">
      <c r="A1632" s="11"/>
      <c r="B1632" s="11"/>
      <c r="C1632" s="42"/>
      <c r="D1632" s="3"/>
      <c r="E1632" s="3"/>
      <c r="F1632" s="3"/>
      <c r="G1632" s="3"/>
      <c r="H1632" s="3"/>
      <c r="I1632" s="3"/>
      <c r="J1632" s="3"/>
      <c r="K1632" s="14"/>
      <c r="L1632" s="3"/>
    </row>
    <row r="1633" spans="1:12" ht="16.5" customHeight="1" x14ac:dyDescent="0.3">
      <c r="A1633" s="11"/>
      <c r="B1633" s="11"/>
      <c r="C1633" s="42"/>
      <c r="D1633" s="3"/>
      <c r="E1633" s="3"/>
      <c r="F1633" s="3"/>
      <c r="G1633" s="3"/>
      <c r="H1633" s="3"/>
      <c r="I1633" s="3"/>
      <c r="J1633" s="3"/>
      <c r="K1633" s="14"/>
      <c r="L1633" s="3"/>
    </row>
    <row r="1634" spans="1:12" ht="16.5" customHeight="1" x14ac:dyDescent="0.3">
      <c r="A1634" s="11"/>
      <c r="B1634" s="11"/>
      <c r="C1634" s="42"/>
      <c r="D1634" s="3"/>
      <c r="E1634" s="3"/>
      <c r="F1634" s="3"/>
      <c r="G1634" s="3"/>
      <c r="H1634" s="3"/>
      <c r="I1634" s="3"/>
      <c r="J1634" s="3"/>
      <c r="K1634" s="14"/>
      <c r="L1634" s="3"/>
    </row>
    <row r="1635" spans="1:12" ht="16.5" customHeight="1" x14ac:dyDescent="0.3">
      <c r="A1635" s="11"/>
      <c r="B1635" s="11"/>
      <c r="C1635" s="42"/>
      <c r="D1635" s="3"/>
      <c r="E1635" s="3"/>
      <c r="F1635" s="3"/>
      <c r="G1635" s="3"/>
      <c r="H1635" s="3"/>
      <c r="I1635" s="3"/>
      <c r="J1635" s="3"/>
      <c r="K1635" s="14"/>
      <c r="L1635" s="3"/>
    </row>
    <row r="1636" spans="1:12" ht="16.5" customHeight="1" x14ac:dyDescent="0.3">
      <c r="A1636" s="11"/>
      <c r="B1636" s="11"/>
      <c r="C1636" s="42"/>
      <c r="D1636" s="3"/>
      <c r="E1636" s="3"/>
      <c r="F1636" s="3"/>
      <c r="G1636" s="3"/>
      <c r="H1636" s="3"/>
      <c r="I1636" s="3"/>
      <c r="J1636" s="3"/>
      <c r="K1636" s="14"/>
      <c r="L1636" s="3"/>
    </row>
    <row r="1637" spans="1:12" ht="16.5" customHeight="1" x14ac:dyDescent="0.3">
      <c r="A1637" s="11"/>
      <c r="B1637" s="11"/>
      <c r="C1637" s="42"/>
      <c r="D1637" s="3"/>
      <c r="E1637" s="3"/>
      <c r="F1637" s="3"/>
      <c r="G1637" s="3"/>
      <c r="H1637" s="3"/>
      <c r="I1637" s="3"/>
      <c r="J1637" s="3"/>
      <c r="K1637" s="14"/>
      <c r="L1637" s="3"/>
    </row>
    <row r="1638" spans="1:12" ht="16.5" customHeight="1" x14ac:dyDescent="0.3">
      <c r="A1638" s="11"/>
      <c r="B1638" s="11"/>
      <c r="C1638" s="42"/>
      <c r="D1638" s="3"/>
      <c r="E1638" s="3"/>
      <c r="F1638" s="3"/>
      <c r="G1638" s="3"/>
      <c r="H1638" s="3"/>
      <c r="I1638" s="3"/>
      <c r="J1638" s="3"/>
      <c r="K1638" s="14"/>
      <c r="L1638" s="3"/>
    </row>
    <row r="1639" spans="1:12" ht="16.5" customHeight="1" x14ac:dyDescent="0.3">
      <c r="A1639" s="11"/>
      <c r="B1639" s="11"/>
      <c r="C1639" s="42"/>
      <c r="D1639" s="3"/>
      <c r="E1639" s="3"/>
      <c r="F1639" s="3"/>
      <c r="G1639" s="3"/>
      <c r="H1639" s="3"/>
      <c r="I1639" s="3"/>
      <c r="J1639" s="3"/>
      <c r="K1639" s="14"/>
      <c r="L1639" s="3"/>
    </row>
    <row r="1640" spans="1:12" ht="16.5" customHeight="1" x14ac:dyDescent="0.3">
      <c r="A1640" s="11"/>
      <c r="B1640" s="11"/>
      <c r="C1640" s="42"/>
      <c r="D1640" s="3"/>
      <c r="E1640" s="3"/>
      <c r="F1640" s="3"/>
      <c r="G1640" s="3"/>
      <c r="H1640" s="3"/>
      <c r="I1640" s="3"/>
      <c r="J1640" s="3"/>
      <c r="K1640" s="14"/>
      <c r="L1640" s="3"/>
    </row>
    <row r="1641" spans="1:12" ht="16.5" customHeight="1" x14ac:dyDescent="0.3">
      <c r="A1641" s="11"/>
      <c r="B1641" s="11"/>
      <c r="C1641" s="42"/>
      <c r="D1641" s="3"/>
      <c r="E1641" s="3"/>
      <c r="F1641" s="3"/>
      <c r="G1641" s="3"/>
      <c r="H1641" s="3"/>
      <c r="I1641" s="3"/>
      <c r="J1641" s="3"/>
      <c r="K1641" s="14"/>
      <c r="L1641" s="3"/>
    </row>
    <row r="1642" spans="1:12" ht="16.5" customHeight="1" x14ac:dyDescent="0.3">
      <c r="A1642" s="11"/>
      <c r="B1642" s="11"/>
      <c r="C1642" s="42"/>
      <c r="D1642" s="3"/>
      <c r="E1642" s="3"/>
      <c r="F1642" s="3"/>
      <c r="G1642" s="3"/>
      <c r="H1642" s="3"/>
      <c r="I1642" s="3"/>
      <c r="J1642" s="3"/>
      <c r="K1642" s="14"/>
      <c r="L1642" s="3"/>
    </row>
    <row r="1643" spans="1:12" ht="16.5" customHeight="1" x14ac:dyDescent="0.3">
      <c r="A1643" s="11"/>
      <c r="B1643" s="11"/>
      <c r="C1643" s="42"/>
      <c r="D1643" s="3"/>
      <c r="E1643" s="3"/>
      <c r="F1643" s="3"/>
      <c r="G1643" s="3"/>
      <c r="H1643" s="3"/>
      <c r="I1643" s="3"/>
      <c r="J1643" s="3"/>
      <c r="K1643" s="14"/>
      <c r="L1643" s="3"/>
    </row>
    <row r="1644" spans="1:12" ht="16.5" customHeight="1" x14ac:dyDescent="0.3">
      <c r="A1644" s="11"/>
      <c r="B1644" s="11"/>
      <c r="C1644" s="42"/>
      <c r="D1644" s="3"/>
      <c r="E1644" s="3"/>
      <c r="F1644" s="3"/>
      <c r="G1644" s="3"/>
      <c r="H1644" s="3"/>
      <c r="I1644" s="3"/>
      <c r="J1644" s="3"/>
      <c r="K1644" s="14"/>
      <c r="L1644" s="3"/>
    </row>
    <row r="1645" spans="1:12" ht="16.5" customHeight="1" x14ac:dyDescent="0.3">
      <c r="A1645" s="11"/>
      <c r="B1645" s="11"/>
      <c r="C1645" s="42"/>
      <c r="D1645" s="3"/>
      <c r="E1645" s="3"/>
      <c r="F1645" s="3"/>
      <c r="G1645" s="3"/>
      <c r="H1645" s="3"/>
      <c r="I1645" s="3"/>
      <c r="J1645" s="3"/>
      <c r="K1645" s="14"/>
      <c r="L1645" s="3"/>
    </row>
    <row r="1646" spans="1:12" ht="16.5" customHeight="1" x14ac:dyDescent="0.3">
      <c r="A1646" s="11"/>
      <c r="B1646" s="11"/>
      <c r="C1646" s="42"/>
      <c r="D1646" s="3"/>
      <c r="E1646" s="3"/>
      <c r="F1646" s="3"/>
      <c r="G1646" s="3"/>
      <c r="H1646" s="3"/>
      <c r="I1646" s="3"/>
      <c r="J1646" s="3"/>
      <c r="K1646" s="14"/>
      <c r="L1646" s="3"/>
    </row>
    <row r="1647" spans="1:12" ht="16.5" customHeight="1" x14ac:dyDescent="0.3">
      <c r="A1647" s="11"/>
      <c r="B1647" s="11"/>
      <c r="C1647" s="42"/>
      <c r="D1647" s="3"/>
      <c r="E1647" s="3"/>
      <c r="F1647" s="3"/>
      <c r="G1647" s="3"/>
      <c r="H1647" s="3"/>
      <c r="I1647" s="3"/>
      <c r="J1647" s="3"/>
      <c r="K1647" s="14"/>
      <c r="L1647" s="3"/>
    </row>
    <row r="1648" spans="1:12" ht="16.5" customHeight="1" x14ac:dyDescent="0.3">
      <c r="A1648" s="11"/>
      <c r="B1648" s="11"/>
      <c r="C1648" s="42"/>
      <c r="D1648" s="3"/>
      <c r="E1648" s="3"/>
      <c r="F1648" s="3"/>
      <c r="G1648" s="3"/>
      <c r="H1648" s="3"/>
      <c r="I1648" s="3"/>
      <c r="J1648" s="3"/>
      <c r="K1648" s="14"/>
      <c r="L1648" s="3"/>
    </row>
    <row r="1649" spans="1:12" ht="16.5" customHeight="1" x14ac:dyDescent="0.3">
      <c r="A1649" s="11"/>
      <c r="B1649" s="11"/>
      <c r="C1649" s="42"/>
      <c r="D1649" s="3"/>
      <c r="E1649" s="3"/>
      <c r="F1649" s="3"/>
      <c r="G1649" s="3"/>
      <c r="H1649" s="3"/>
      <c r="I1649" s="3"/>
      <c r="J1649" s="3"/>
      <c r="K1649" s="14"/>
      <c r="L1649" s="3"/>
    </row>
    <row r="1650" spans="1:12" ht="16.5" customHeight="1" x14ac:dyDescent="0.3">
      <c r="A1650" s="11"/>
      <c r="B1650" s="11"/>
      <c r="C1650" s="42"/>
      <c r="D1650" s="3"/>
      <c r="E1650" s="3"/>
      <c r="F1650" s="3"/>
      <c r="G1650" s="3"/>
      <c r="H1650" s="3"/>
      <c r="I1650" s="3"/>
      <c r="J1650" s="3"/>
      <c r="K1650" s="14"/>
      <c r="L1650" s="3"/>
    </row>
    <row r="1651" spans="1:12" ht="16.5" customHeight="1" x14ac:dyDescent="0.3">
      <c r="A1651" s="11"/>
      <c r="B1651" s="11"/>
      <c r="C1651" s="42"/>
      <c r="D1651" s="3"/>
      <c r="E1651" s="3"/>
      <c r="F1651" s="3"/>
      <c r="G1651" s="3"/>
      <c r="H1651" s="3"/>
      <c r="I1651" s="3"/>
      <c r="J1651" s="3"/>
      <c r="K1651" s="14"/>
      <c r="L1651" s="3"/>
    </row>
    <row r="1652" spans="1:12" ht="16.5" customHeight="1" x14ac:dyDescent="0.3">
      <c r="A1652" s="11"/>
      <c r="B1652" s="11"/>
      <c r="C1652" s="42"/>
      <c r="D1652" s="3"/>
      <c r="E1652" s="3"/>
      <c r="F1652" s="3"/>
      <c r="G1652" s="3"/>
      <c r="H1652" s="3"/>
      <c r="I1652" s="3"/>
      <c r="J1652" s="3"/>
      <c r="K1652" s="14"/>
      <c r="L1652" s="3"/>
    </row>
    <row r="1653" spans="1:12" ht="16.5" customHeight="1" x14ac:dyDescent="0.3">
      <c r="A1653" s="11"/>
      <c r="B1653" s="11"/>
      <c r="C1653" s="42"/>
      <c r="D1653" s="3"/>
      <c r="E1653" s="3"/>
      <c r="F1653" s="3"/>
      <c r="G1653" s="3"/>
      <c r="H1653" s="3"/>
      <c r="I1653" s="3"/>
      <c r="J1653" s="3"/>
      <c r="K1653" s="14"/>
      <c r="L1653" s="3"/>
    </row>
    <row r="1654" spans="1:12" ht="16.5" customHeight="1" x14ac:dyDescent="0.3">
      <c r="A1654" s="11"/>
      <c r="B1654" s="11"/>
      <c r="C1654" s="42"/>
      <c r="D1654" s="3"/>
      <c r="E1654" s="3"/>
      <c r="F1654" s="3"/>
      <c r="G1654" s="3"/>
      <c r="H1654" s="3"/>
      <c r="I1654" s="3"/>
      <c r="J1654" s="3"/>
      <c r="K1654" s="14"/>
      <c r="L1654" s="3"/>
    </row>
    <row r="1655" spans="1:12" ht="16.5" customHeight="1" x14ac:dyDescent="0.3">
      <c r="A1655" s="11"/>
      <c r="B1655" s="11"/>
      <c r="C1655" s="42"/>
      <c r="D1655" s="3"/>
      <c r="E1655" s="3"/>
      <c r="F1655" s="3"/>
      <c r="G1655" s="3"/>
      <c r="H1655" s="3"/>
      <c r="I1655" s="3"/>
      <c r="J1655" s="3"/>
      <c r="K1655" s="14"/>
      <c r="L1655" s="3"/>
    </row>
    <row r="1656" spans="1:12" ht="16.5" customHeight="1" x14ac:dyDescent="0.3">
      <c r="A1656" s="11"/>
      <c r="B1656" s="11"/>
      <c r="C1656" s="42"/>
      <c r="D1656" s="3"/>
      <c r="E1656" s="3"/>
      <c r="F1656" s="3"/>
      <c r="G1656" s="3"/>
      <c r="H1656" s="3"/>
      <c r="I1656" s="3"/>
      <c r="J1656" s="3"/>
      <c r="K1656" s="14"/>
      <c r="L1656" s="3"/>
    </row>
    <row r="1657" spans="1:12" ht="16.5" customHeight="1" x14ac:dyDescent="0.3">
      <c r="A1657" s="11"/>
      <c r="B1657" s="11"/>
      <c r="C1657" s="42"/>
      <c r="D1657" s="3"/>
      <c r="E1657" s="3"/>
      <c r="F1657" s="3"/>
      <c r="G1657" s="3"/>
      <c r="H1657" s="3"/>
      <c r="I1657" s="3"/>
      <c r="J1657" s="3"/>
      <c r="K1657" s="14"/>
      <c r="L1657" s="3"/>
    </row>
    <row r="1658" spans="1:12" ht="16.5" customHeight="1" x14ac:dyDescent="0.3">
      <c r="A1658" s="11"/>
      <c r="B1658" s="11"/>
      <c r="C1658" s="42"/>
      <c r="D1658" s="3"/>
      <c r="E1658" s="3"/>
      <c r="F1658" s="3"/>
      <c r="G1658" s="3"/>
      <c r="H1658" s="3"/>
      <c r="I1658" s="3"/>
      <c r="J1658" s="3"/>
      <c r="K1658" s="14"/>
      <c r="L1658" s="3"/>
    </row>
    <row r="1659" spans="1:12" ht="16.5" customHeight="1" x14ac:dyDescent="0.3">
      <c r="A1659" s="11"/>
      <c r="B1659" s="11"/>
      <c r="C1659" s="42"/>
      <c r="D1659" s="3"/>
      <c r="E1659" s="3"/>
      <c r="F1659" s="3"/>
      <c r="G1659" s="3"/>
      <c r="H1659" s="3"/>
      <c r="I1659" s="3"/>
      <c r="J1659" s="3"/>
      <c r="K1659" s="14"/>
      <c r="L1659" s="3"/>
    </row>
    <row r="1660" spans="1:12" ht="16.5" customHeight="1" x14ac:dyDescent="0.3">
      <c r="A1660" s="11"/>
      <c r="B1660" s="11"/>
      <c r="C1660" s="42"/>
      <c r="D1660" s="3"/>
      <c r="E1660" s="3"/>
      <c r="F1660" s="3"/>
      <c r="G1660" s="3"/>
      <c r="H1660" s="3"/>
      <c r="I1660" s="3"/>
      <c r="J1660" s="3"/>
      <c r="K1660" s="14"/>
      <c r="L1660" s="3"/>
    </row>
    <row r="1661" spans="1:12" ht="16.5" customHeight="1" x14ac:dyDescent="0.3">
      <c r="A1661" s="11"/>
      <c r="B1661" s="11"/>
      <c r="C1661" s="42"/>
      <c r="D1661" s="3"/>
      <c r="E1661" s="3"/>
      <c r="F1661" s="3"/>
      <c r="G1661" s="3"/>
      <c r="H1661" s="3"/>
      <c r="I1661" s="3"/>
      <c r="J1661" s="3"/>
      <c r="K1661" s="14"/>
      <c r="L1661" s="3"/>
    </row>
    <row r="1662" spans="1:12" ht="16.5" customHeight="1" x14ac:dyDescent="0.3">
      <c r="A1662" s="11"/>
      <c r="B1662" s="11"/>
      <c r="C1662" s="42"/>
      <c r="D1662" s="3"/>
      <c r="E1662" s="3"/>
      <c r="F1662" s="3"/>
      <c r="G1662" s="3"/>
      <c r="H1662" s="3"/>
      <c r="I1662" s="3"/>
      <c r="J1662" s="3"/>
      <c r="K1662" s="14"/>
      <c r="L1662" s="3"/>
    </row>
    <row r="1663" spans="1:12" ht="16.5" customHeight="1" x14ac:dyDescent="0.3">
      <c r="A1663" s="11"/>
      <c r="B1663" s="11"/>
      <c r="C1663" s="42"/>
      <c r="D1663" s="3"/>
      <c r="E1663" s="3"/>
      <c r="F1663" s="3"/>
      <c r="G1663" s="3"/>
      <c r="H1663" s="3"/>
      <c r="I1663" s="3"/>
      <c r="J1663" s="3"/>
      <c r="K1663" s="14"/>
      <c r="L1663" s="3"/>
    </row>
    <row r="1664" spans="1:12" ht="16.5" customHeight="1" x14ac:dyDescent="0.3">
      <c r="A1664" s="11"/>
      <c r="B1664" s="11"/>
      <c r="C1664" s="42"/>
      <c r="D1664" s="3"/>
      <c r="E1664" s="3"/>
      <c r="F1664" s="3"/>
      <c r="G1664" s="3"/>
      <c r="H1664" s="3"/>
      <c r="I1664" s="3"/>
      <c r="J1664" s="3"/>
      <c r="K1664" s="14"/>
      <c r="L1664" s="3"/>
    </row>
    <row r="1665" spans="1:12" ht="16.5" customHeight="1" x14ac:dyDescent="0.3">
      <c r="A1665" s="11"/>
      <c r="B1665" s="11"/>
      <c r="C1665" s="42"/>
      <c r="D1665" s="3"/>
      <c r="E1665" s="3"/>
      <c r="F1665" s="3"/>
      <c r="G1665" s="3"/>
      <c r="H1665" s="3"/>
      <c r="I1665" s="3"/>
      <c r="J1665" s="3"/>
      <c r="K1665" s="14"/>
      <c r="L1665" s="3"/>
    </row>
    <row r="1666" spans="1:12" ht="16.5" customHeight="1" x14ac:dyDescent="0.3">
      <c r="A1666" s="11"/>
      <c r="B1666" s="11"/>
      <c r="C1666" s="42"/>
      <c r="D1666" s="3"/>
      <c r="E1666" s="3"/>
      <c r="F1666" s="3"/>
      <c r="G1666" s="3"/>
      <c r="H1666" s="3"/>
      <c r="I1666" s="3"/>
      <c r="J1666" s="3"/>
      <c r="K1666" s="14"/>
      <c r="L1666" s="3"/>
    </row>
    <row r="1667" spans="1:12" ht="16.5" customHeight="1" x14ac:dyDescent="0.3">
      <c r="A1667" s="11"/>
      <c r="B1667" s="11"/>
      <c r="C1667" s="42"/>
      <c r="D1667" s="3"/>
      <c r="E1667" s="3"/>
      <c r="F1667" s="3"/>
      <c r="G1667" s="3"/>
      <c r="H1667" s="3"/>
      <c r="I1667" s="3"/>
      <c r="J1667" s="3"/>
      <c r="K1667" s="14"/>
      <c r="L1667" s="3"/>
    </row>
    <row r="1668" spans="1:12" ht="16.5" customHeight="1" x14ac:dyDescent="0.3">
      <c r="A1668" s="11"/>
      <c r="B1668" s="11"/>
      <c r="C1668" s="42"/>
      <c r="D1668" s="3"/>
      <c r="E1668" s="3"/>
      <c r="F1668" s="3"/>
      <c r="G1668" s="3"/>
      <c r="H1668" s="3"/>
      <c r="I1668" s="3"/>
      <c r="J1668" s="3"/>
      <c r="K1668" s="14"/>
      <c r="L1668" s="3"/>
    </row>
    <row r="1669" spans="1:12" ht="16.5" customHeight="1" x14ac:dyDescent="0.3">
      <c r="A1669" s="11"/>
      <c r="B1669" s="11"/>
      <c r="C1669" s="42"/>
      <c r="D1669" s="3"/>
      <c r="E1669" s="3"/>
      <c r="F1669" s="3"/>
      <c r="G1669" s="3"/>
      <c r="H1669" s="3"/>
      <c r="I1669" s="3"/>
      <c r="J1669" s="3"/>
      <c r="K1669" s="14"/>
      <c r="L1669" s="3"/>
    </row>
    <row r="1670" spans="1:12" ht="16.5" customHeight="1" x14ac:dyDescent="0.3">
      <c r="A1670" s="11"/>
      <c r="B1670" s="11"/>
      <c r="C1670" s="42"/>
      <c r="D1670" s="3"/>
      <c r="E1670" s="3"/>
      <c r="F1670" s="3"/>
      <c r="G1670" s="3"/>
      <c r="H1670" s="3"/>
      <c r="I1670" s="3"/>
      <c r="J1670" s="3"/>
      <c r="K1670" s="14"/>
      <c r="L1670" s="3"/>
    </row>
    <row r="1671" spans="1:12" ht="16.5" customHeight="1" x14ac:dyDescent="0.3">
      <c r="A1671" s="11"/>
      <c r="B1671" s="11"/>
      <c r="C1671" s="42"/>
      <c r="D1671" s="3"/>
      <c r="E1671" s="3"/>
      <c r="F1671" s="3"/>
      <c r="G1671" s="3"/>
      <c r="H1671" s="3"/>
      <c r="I1671" s="3"/>
      <c r="J1671" s="3"/>
      <c r="K1671" s="14"/>
      <c r="L1671" s="3"/>
    </row>
    <row r="1672" spans="1:12" ht="16.5" customHeight="1" x14ac:dyDescent="0.3">
      <c r="A1672" s="11"/>
      <c r="B1672" s="11"/>
      <c r="C1672" s="42"/>
      <c r="D1672" s="3"/>
      <c r="E1672" s="3"/>
      <c r="F1672" s="3"/>
      <c r="G1672" s="3"/>
      <c r="H1672" s="3"/>
      <c r="I1672" s="3"/>
      <c r="J1672" s="3"/>
      <c r="K1672" s="14"/>
      <c r="L1672" s="3"/>
    </row>
    <row r="1673" spans="1:12" ht="16.5" customHeight="1" x14ac:dyDescent="0.3">
      <c r="A1673" s="11"/>
      <c r="B1673" s="11"/>
      <c r="C1673" s="42"/>
      <c r="D1673" s="3"/>
      <c r="E1673" s="3"/>
      <c r="F1673" s="3"/>
      <c r="G1673" s="3"/>
      <c r="H1673" s="3"/>
      <c r="I1673" s="3"/>
      <c r="J1673" s="3"/>
      <c r="K1673" s="14"/>
      <c r="L1673" s="3"/>
    </row>
    <row r="1674" spans="1:12" ht="16.5" customHeight="1" x14ac:dyDescent="0.3">
      <c r="A1674" s="11"/>
      <c r="B1674" s="11"/>
      <c r="C1674" s="42"/>
      <c r="D1674" s="3"/>
      <c r="E1674" s="3"/>
      <c r="F1674" s="3"/>
      <c r="G1674" s="3"/>
      <c r="H1674" s="3"/>
      <c r="I1674" s="3"/>
      <c r="J1674" s="3"/>
      <c r="K1674" s="14"/>
      <c r="L1674" s="3"/>
    </row>
    <row r="1675" spans="1:12" ht="16.5" customHeight="1" x14ac:dyDescent="0.3">
      <c r="A1675" s="11"/>
      <c r="B1675" s="11"/>
      <c r="C1675" s="42"/>
      <c r="D1675" s="3"/>
      <c r="E1675" s="3"/>
      <c r="F1675" s="3"/>
      <c r="G1675" s="3"/>
      <c r="H1675" s="3"/>
      <c r="I1675" s="3"/>
      <c r="J1675" s="3"/>
      <c r="K1675" s="14"/>
      <c r="L1675" s="3"/>
    </row>
    <row r="1676" spans="1:12" ht="16.5" customHeight="1" x14ac:dyDescent="0.3">
      <c r="A1676" s="11"/>
      <c r="B1676" s="11"/>
      <c r="C1676" s="42"/>
      <c r="D1676" s="3"/>
      <c r="E1676" s="3"/>
      <c r="F1676" s="3"/>
      <c r="G1676" s="3"/>
      <c r="H1676" s="3"/>
      <c r="I1676" s="3"/>
      <c r="J1676" s="3"/>
      <c r="K1676" s="14"/>
      <c r="L1676" s="3"/>
    </row>
    <row r="1677" spans="1:12" ht="16.5" customHeight="1" x14ac:dyDescent="0.3">
      <c r="A1677" s="11"/>
      <c r="B1677" s="11"/>
      <c r="C1677" s="42"/>
      <c r="D1677" s="3"/>
      <c r="E1677" s="3"/>
      <c r="F1677" s="3"/>
      <c r="G1677" s="3"/>
      <c r="H1677" s="3"/>
      <c r="I1677" s="3"/>
      <c r="J1677" s="3"/>
      <c r="K1677" s="14"/>
      <c r="L1677" s="3"/>
    </row>
    <row r="1678" spans="1:12" ht="16.5" customHeight="1" x14ac:dyDescent="0.3">
      <c r="A1678" s="11"/>
      <c r="B1678" s="11"/>
      <c r="C1678" s="42"/>
      <c r="D1678" s="3"/>
      <c r="E1678" s="3"/>
      <c r="F1678" s="3"/>
      <c r="G1678" s="3"/>
      <c r="H1678" s="3"/>
      <c r="I1678" s="3"/>
      <c r="J1678" s="3"/>
      <c r="K1678" s="14"/>
      <c r="L1678" s="3"/>
    </row>
    <row r="1679" spans="1:12" ht="16.5" customHeight="1" x14ac:dyDescent="0.3">
      <c r="A1679" s="11"/>
      <c r="B1679" s="11"/>
      <c r="C1679" s="42"/>
      <c r="D1679" s="3"/>
      <c r="E1679" s="3"/>
      <c r="F1679" s="3"/>
      <c r="G1679" s="3"/>
      <c r="H1679" s="3"/>
      <c r="I1679" s="3"/>
      <c r="J1679" s="3"/>
      <c r="K1679" s="14"/>
      <c r="L1679" s="3"/>
    </row>
    <row r="1680" spans="1:12" ht="16.5" customHeight="1" x14ac:dyDescent="0.3">
      <c r="A1680" s="11"/>
      <c r="B1680" s="11"/>
      <c r="C1680" s="42"/>
      <c r="D1680" s="3"/>
      <c r="E1680" s="3"/>
      <c r="F1680" s="3"/>
      <c r="G1680" s="3"/>
      <c r="H1680" s="3"/>
      <c r="I1680" s="3"/>
      <c r="J1680" s="3"/>
      <c r="K1680" s="14"/>
      <c r="L1680" s="3"/>
    </row>
    <row r="1681" spans="1:12" ht="16.5" customHeight="1" x14ac:dyDescent="0.3">
      <c r="A1681" s="11"/>
      <c r="B1681" s="11"/>
      <c r="C1681" s="42"/>
      <c r="D1681" s="3"/>
      <c r="E1681" s="3"/>
      <c r="F1681" s="3"/>
      <c r="G1681" s="3"/>
      <c r="H1681" s="3"/>
      <c r="I1681" s="3"/>
      <c r="J1681" s="3"/>
      <c r="K1681" s="14"/>
      <c r="L1681" s="3"/>
    </row>
    <row r="1682" spans="1:12" ht="16.5" customHeight="1" x14ac:dyDescent="0.3">
      <c r="A1682" s="11"/>
      <c r="B1682" s="11"/>
      <c r="C1682" s="42"/>
      <c r="D1682" s="3"/>
      <c r="E1682" s="3"/>
      <c r="F1682" s="3"/>
      <c r="G1682" s="3"/>
      <c r="H1682" s="3"/>
      <c r="I1682" s="3"/>
      <c r="J1682" s="3"/>
      <c r="K1682" s="14"/>
      <c r="L1682" s="3"/>
    </row>
    <row r="1683" spans="1:12" ht="16.5" customHeight="1" x14ac:dyDescent="0.3">
      <c r="A1683" s="11"/>
      <c r="B1683" s="11"/>
      <c r="C1683" s="42"/>
      <c r="D1683" s="3"/>
      <c r="E1683" s="3"/>
      <c r="F1683" s="3"/>
      <c r="G1683" s="3"/>
      <c r="H1683" s="3"/>
      <c r="I1683" s="3"/>
      <c r="J1683" s="3"/>
      <c r="K1683" s="14"/>
      <c r="L1683" s="3"/>
    </row>
    <row r="1684" spans="1:12" ht="16.5" customHeight="1" x14ac:dyDescent="0.3">
      <c r="A1684" s="11"/>
      <c r="B1684" s="11"/>
      <c r="C1684" s="42"/>
      <c r="D1684" s="3"/>
      <c r="E1684" s="3"/>
      <c r="F1684" s="3"/>
      <c r="G1684" s="3"/>
      <c r="H1684" s="3"/>
      <c r="I1684" s="3"/>
      <c r="J1684" s="3"/>
      <c r="K1684" s="14"/>
      <c r="L1684" s="3"/>
    </row>
    <row r="1685" spans="1:12" ht="16.5" customHeight="1" x14ac:dyDescent="0.3">
      <c r="A1685" s="11"/>
      <c r="B1685" s="11"/>
      <c r="C1685" s="42"/>
      <c r="D1685" s="3"/>
      <c r="E1685" s="3"/>
      <c r="F1685" s="3"/>
      <c r="G1685" s="3"/>
      <c r="H1685" s="3"/>
      <c r="I1685" s="3"/>
      <c r="J1685" s="3"/>
      <c r="K1685" s="14"/>
      <c r="L1685" s="3"/>
    </row>
    <row r="1686" spans="1:12" ht="16.5" customHeight="1" x14ac:dyDescent="0.3">
      <c r="A1686" s="11"/>
      <c r="B1686" s="11"/>
      <c r="C1686" s="42"/>
      <c r="D1686" s="3"/>
      <c r="E1686" s="3"/>
      <c r="F1686" s="3"/>
      <c r="G1686" s="3"/>
      <c r="H1686" s="3"/>
      <c r="I1686" s="3"/>
      <c r="J1686" s="3"/>
      <c r="K1686" s="14"/>
      <c r="L1686" s="3"/>
    </row>
    <row r="1687" spans="1:12" ht="16.5" customHeight="1" x14ac:dyDescent="0.3">
      <c r="A1687" s="11"/>
      <c r="B1687" s="11"/>
      <c r="C1687" s="42"/>
      <c r="D1687" s="3"/>
      <c r="E1687" s="3"/>
      <c r="F1687" s="3"/>
      <c r="G1687" s="3"/>
      <c r="H1687" s="3"/>
      <c r="I1687" s="3"/>
      <c r="J1687" s="3"/>
      <c r="K1687" s="14"/>
      <c r="L1687" s="3"/>
    </row>
    <row r="1688" spans="1:12" ht="16.5" customHeight="1" x14ac:dyDescent="0.3">
      <c r="A1688" s="11"/>
      <c r="B1688" s="11"/>
      <c r="C1688" s="42"/>
      <c r="D1688" s="3"/>
      <c r="E1688" s="3"/>
      <c r="F1688" s="3"/>
      <c r="G1688" s="3"/>
      <c r="H1688" s="3"/>
      <c r="I1688" s="3"/>
      <c r="J1688" s="3"/>
      <c r="K1688" s="14"/>
      <c r="L1688" s="3"/>
    </row>
    <row r="1689" spans="1:12" ht="16.5" customHeight="1" x14ac:dyDescent="0.3">
      <c r="A1689" s="11"/>
      <c r="B1689" s="11"/>
      <c r="C1689" s="42"/>
      <c r="D1689" s="3"/>
      <c r="E1689" s="3"/>
      <c r="F1689" s="3"/>
      <c r="G1689" s="3"/>
      <c r="H1689" s="3"/>
      <c r="I1689" s="3"/>
      <c r="J1689" s="3"/>
      <c r="K1689" s="14"/>
      <c r="L1689" s="3"/>
    </row>
    <row r="1690" spans="1:12" ht="16.5" customHeight="1" x14ac:dyDescent="0.3">
      <c r="A1690" s="11"/>
      <c r="B1690" s="11"/>
      <c r="C1690" s="42"/>
      <c r="D1690" s="3"/>
      <c r="E1690" s="3"/>
      <c r="F1690" s="3"/>
      <c r="G1690" s="3"/>
      <c r="H1690" s="3"/>
      <c r="I1690" s="3"/>
      <c r="J1690" s="3"/>
      <c r="K1690" s="14"/>
      <c r="L1690" s="3"/>
    </row>
    <row r="1691" spans="1:12" ht="16.5" customHeight="1" x14ac:dyDescent="0.3">
      <c r="A1691" s="11"/>
      <c r="B1691" s="11"/>
      <c r="C1691" s="42"/>
      <c r="D1691" s="3"/>
      <c r="E1691" s="3"/>
      <c r="F1691" s="3"/>
      <c r="G1691" s="3"/>
      <c r="H1691" s="3"/>
      <c r="I1691" s="3"/>
      <c r="J1691" s="3"/>
      <c r="K1691" s="14"/>
      <c r="L1691" s="3"/>
    </row>
    <row r="1692" spans="1:12" ht="16.5" customHeight="1" x14ac:dyDescent="0.3">
      <c r="A1692" s="11"/>
      <c r="B1692" s="11"/>
      <c r="C1692" s="42"/>
      <c r="D1692" s="3"/>
      <c r="E1692" s="3"/>
      <c r="F1692" s="3"/>
      <c r="G1692" s="3"/>
      <c r="H1692" s="3"/>
      <c r="I1692" s="3"/>
      <c r="J1692" s="3"/>
      <c r="K1692" s="14"/>
      <c r="L1692" s="3"/>
    </row>
    <row r="1693" spans="1:12" ht="16.5" customHeight="1" x14ac:dyDescent="0.3">
      <c r="A1693" s="11"/>
      <c r="B1693" s="11"/>
      <c r="C1693" s="42"/>
      <c r="D1693" s="3"/>
      <c r="E1693" s="3"/>
      <c r="F1693" s="3"/>
      <c r="G1693" s="3"/>
      <c r="H1693" s="3"/>
      <c r="I1693" s="3"/>
      <c r="J1693" s="3"/>
      <c r="K1693" s="14"/>
      <c r="L1693" s="3"/>
    </row>
    <row r="1694" spans="1:12" ht="16.5" customHeight="1" x14ac:dyDescent="0.3">
      <c r="A1694" s="11"/>
      <c r="B1694" s="11"/>
      <c r="C1694" s="42"/>
      <c r="D1694" s="3"/>
      <c r="E1694" s="3"/>
      <c r="F1694" s="3"/>
      <c r="G1694" s="3"/>
      <c r="H1694" s="3"/>
      <c r="I1694" s="3"/>
      <c r="J1694" s="3"/>
      <c r="K1694" s="14"/>
      <c r="L1694" s="3"/>
    </row>
    <row r="1695" spans="1:12" ht="16.5" customHeight="1" x14ac:dyDescent="0.3">
      <c r="A1695" s="11"/>
      <c r="B1695" s="11"/>
      <c r="C1695" s="42"/>
      <c r="D1695" s="3"/>
      <c r="E1695" s="3"/>
      <c r="F1695" s="3"/>
      <c r="G1695" s="3"/>
      <c r="H1695" s="3"/>
      <c r="I1695" s="3"/>
      <c r="J1695" s="3"/>
      <c r="K1695" s="14"/>
      <c r="L1695" s="3"/>
    </row>
    <row r="1696" spans="1:12" ht="16.5" customHeight="1" x14ac:dyDescent="0.3">
      <c r="A1696" s="11"/>
      <c r="B1696" s="11"/>
      <c r="C1696" s="42"/>
      <c r="D1696" s="3"/>
      <c r="E1696" s="3"/>
      <c r="F1696" s="3"/>
      <c r="G1696" s="3"/>
      <c r="H1696" s="3"/>
      <c r="I1696" s="3"/>
      <c r="J1696" s="3"/>
      <c r="K1696" s="14"/>
      <c r="L1696" s="3"/>
    </row>
    <row r="1697" spans="1:12" ht="16.5" customHeight="1" x14ac:dyDescent="0.3">
      <c r="A1697" s="11"/>
      <c r="B1697" s="11"/>
      <c r="C1697" s="42"/>
      <c r="D1697" s="3"/>
      <c r="E1697" s="3"/>
      <c r="F1697" s="3"/>
      <c r="G1697" s="3"/>
      <c r="H1697" s="3"/>
      <c r="I1697" s="3"/>
      <c r="J1697" s="3"/>
      <c r="K1697" s="14"/>
      <c r="L1697" s="3"/>
    </row>
    <row r="1698" spans="1:12" ht="16.5" customHeight="1" x14ac:dyDescent="0.3">
      <c r="A1698" s="11"/>
      <c r="B1698" s="11"/>
      <c r="C1698" s="42"/>
      <c r="D1698" s="3"/>
      <c r="E1698" s="3"/>
      <c r="F1698" s="3"/>
      <c r="G1698" s="3"/>
      <c r="H1698" s="3"/>
      <c r="I1698" s="3"/>
      <c r="J1698" s="3"/>
      <c r="K1698" s="14"/>
      <c r="L1698" s="3"/>
    </row>
    <row r="1699" spans="1:12" ht="16.5" customHeight="1" x14ac:dyDescent="0.3">
      <c r="A1699" s="11"/>
      <c r="B1699" s="11"/>
      <c r="C1699" s="42"/>
      <c r="D1699" s="3"/>
      <c r="E1699" s="3"/>
      <c r="F1699" s="3"/>
      <c r="G1699" s="3"/>
      <c r="H1699" s="3"/>
      <c r="I1699" s="3"/>
      <c r="J1699" s="3"/>
      <c r="K1699" s="14"/>
      <c r="L1699" s="3"/>
    </row>
    <row r="1700" spans="1:12" ht="16.5" customHeight="1" x14ac:dyDescent="0.3">
      <c r="A1700" s="11"/>
      <c r="B1700" s="11"/>
      <c r="C1700" s="42"/>
      <c r="D1700" s="3"/>
      <c r="E1700" s="3"/>
      <c r="F1700" s="3"/>
      <c r="G1700" s="3"/>
      <c r="H1700" s="3"/>
      <c r="I1700" s="3"/>
      <c r="J1700" s="3"/>
      <c r="K1700" s="14"/>
      <c r="L1700" s="3"/>
    </row>
    <row r="1701" spans="1:12" ht="16.5" customHeight="1" x14ac:dyDescent="0.3">
      <c r="A1701" s="11"/>
      <c r="B1701" s="11"/>
      <c r="C1701" s="42"/>
      <c r="D1701" s="3"/>
      <c r="E1701" s="3"/>
      <c r="F1701" s="3"/>
      <c r="G1701" s="3"/>
      <c r="H1701" s="3"/>
      <c r="I1701" s="3"/>
      <c r="J1701" s="3"/>
      <c r="K1701" s="14"/>
      <c r="L1701" s="3"/>
    </row>
    <row r="1702" spans="1:12" ht="16.5" customHeight="1" x14ac:dyDescent="0.3">
      <c r="A1702" s="11"/>
      <c r="B1702" s="11"/>
      <c r="C1702" s="42"/>
      <c r="D1702" s="3"/>
      <c r="E1702" s="3"/>
      <c r="F1702" s="3"/>
      <c r="G1702" s="3"/>
      <c r="H1702" s="3"/>
      <c r="I1702" s="3"/>
      <c r="J1702" s="3"/>
      <c r="K1702" s="14"/>
      <c r="L1702" s="3"/>
    </row>
    <row r="1703" spans="1:12" ht="16.5" customHeight="1" x14ac:dyDescent="0.3">
      <c r="A1703" s="11"/>
      <c r="B1703" s="11"/>
      <c r="C1703" s="42"/>
      <c r="D1703" s="3"/>
      <c r="E1703" s="3"/>
      <c r="F1703" s="3"/>
      <c r="G1703" s="3"/>
      <c r="H1703" s="3"/>
      <c r="I1703" s="3"/>
      <c r="J1703" s="3"/>
      <c r="K1703" s="14"/>
      <c r="L1703" s="3"/>
    </row>
    <row r="1704" spans="1:12" ht="16.5" customHeight="1" x14ac:dyDescent="0.3">
      <c r="A1704" s="11"/>
      <c r="B1704" s="11"/>
      <c r="C1704" s="42"/>
      <c r="D1704" s="3"/>
      <c r="E1704" s="3"/>
      <c r="F1704" s="3"/>
      <c r="G1704" s="3"/>
      <c r="H1704" s="3"/>
      <c r="I1704" s="3"/>
      <c r="J1704" s="3"/>
      <c r="K1704" s="14"/>
      <c r="L1704" s="3"/>
    </row>
    <row r="1705" spans="1:12" ht="16.5" customHeight="1" x14ac:dyDescent="0.3">
      <c r="A1705" s="11"/>
      <c r="B1705" s="11"/>
      <c r="C1705" s="42"/>
      <c r="D1705" s="3"/>
      <c r="E1705" s="3"/>
      <c r="F1705" s="3"/>
      <c r="G1705" s="3"/>
      <c r="H1705" s="3"/>
      <c r="I1705" s="3"/>
      <c r="J1705" s="3"/>
      <c r="K1705" s="14"/>
      <c r="L1705" s="3"/>
    </row>
    <row r="1706" spans="1:12" ht="16.5" customHeight="1" x14ac:dyDescent="0.3">
      <c r="A1706" s="11"/>
      <c r="B1706" s="11"/>
      <c r="C1706" s="42"/>
      <c r="D1706" s="3"/>
      <c r="E1706" s="3"/>
      <c r="F1706" s="3"/>
      <c r="G1706" s="3"/>
      <c r="H1706" s="3"/>
      <c r="I1706" s="3"/>
      <c r="J1706" s="3"/>
      <c r="K1706" s="14"/>
      <c r="L1706" s="3"/>
    </row>
    <row r="1707" spans="1:12" ht="16.5" customHeight="1" x14ac:dyDescent="0.3">
      <c r="A1707" s="11"/>
      <c r="B1707" s="11"/>
      <c r="C1707" s="42"/>
      <c r="D1707" s="3"/>
      <c r="E1707" s="3"/>
      <c r="F1707" s="3"/>
      <c r="G1707" s="3"/>
      <c r="H1707" s="3"/>
      <c r="I1707" s="3"/>
      <c r="J1707" s="3"/>
      <c r="K1707" s="14"/>
      <c r="L1707" s="3"/>
    </row>
    <row r="1708" spans="1:12" ht="16.5" customHeight="1" x14ac:dyDescent="0.3">
      <c r="A1708" s="11"/>
      <c r="B1708" s="11"/>
      <c r="C1708" s="42"/>
      <c r="D1708" s="3"/>
      <c r="E1708" s="3"/>
      <c r="F1708" s="3"/>
      <c r="G1708" s="3"/>
      <c r="H1708" s="3"/>
      <c r="I1708" s="3"/>
      <c r="J1708" s="3"/>
      <c r="K1708" s="14"/>
      <c r="L1708" s="3"/>
    </row>
    <row r="1709" spans="1:12" ht="16.5" customHeight="1" x14ac:dyDescent="0.3">
      <c r="A1709" s="11"/>
      <c r="B1709" s="11"/>
      <c r="C1709" s="42"/>
      <c r="D1709" s="3"/>
      <c r="E1709" s="3"/>
      <c r="F1709" s="3"/>
      <c r="G1709" s="3"/>
      <c r="H1709" s="3"/>
      <c r="I1709" s="3"/>
      <c r="J1709" s="3"/>
      <c r="K1709" s="14"/>
      <c r="L1709" s="3"/>
    </row>
    <row r="1710" spans="1:12" ht="16.5" customHeight="1" x14ac:dyDescent="0.3">
      <c r="A1710" s="11"/>
      <c r="B1710" s="11"/>
      <c r="C1710" s="42"/>
      <c r="D1710" s="3"/>
      <c r="E1710" s="3"/>
      <c r="F1710" s="3"/>
      <c r="G1710" s="3"/>
      <c r="H1710" s="3"/>
      <c r="I1710" s="3"/>
      <c r="J1710" s="3"/>
      <c r="K1710" s="14"/>
      <c r="L1710" s="3"/>
    </row>
    <row r="1711" spans="1:12" ht="16.5" customHeight="1" x14ac:dyDescent="0.3">
      <c r="A1711" s="11"/>
      <c r="B1711" s="11"/>
      <c r="C1711" s="42"/>
      <c r="D1711" s="3"/>
      <c r="E1711" s="3"/>
      <c r="F1711" s="3"/>
      <c r="G1711" s="3"/>
      <c r="H1711" s="3"/>
      <c r="I1711" s="3"/>
      <c r="J1711" s="3"/>
      <c r="K1711" s="14"/>
      <c r="L1711" s="3"/>
    </row>
    <row r="1712" spans="1:12" ht="16.5" customHeight="1" x14ac:dyDescent="0.3">
      <c r="A1712" s="11"/>
      <c r="B1712" s="11"/>
      <c r="C1712" s="42"/>
      <c r="D1712" s="3"/>
      <c r="E1712" s="3"/>
      <c r="F1712" s="3"/>
      <c r="G1712" s="3"/>
      <c r="H1712" s="3"/>
      <c r="I1712" s="3"/>
      <c r="J1712" s="3"/>
      <c r="K1712" s="14"/>
      <c r="L1712" s="3"/>
    </row>
    <row r="1713" spans="1:12" ht="16.5" customHeight="1" x14ac:dyDescent="0.3">
      <c r="A1713" s="11"/>
      <c r="B1713" s="11"/>
      <c r="C1713" s="42"/>
      <c r="D1713" s="3"/>
      <c r="E1713" s="3"/>
      <c r="F1713" s="3"/>
      <c r="G1713" s="3"/>
      <c r="H1713" s="3"/>
      <c r="I1713" s="3"/>
      <c r="J1713" s="3"/>
      <c r="K1713" s="14"/>
      <c r="L1713" s="3"/>
    </row>
    <row r="1714" spans="1:12" ht="16.5" customHeight="1" x14ac:dyDescent="0.3">
      <c r="A1714" s="11"/>
      <c r="B1714" s="11"/>
      <c r="C1714" s="42"/>
      <c r="D1714" s="3"/>
      <c r="E1714" s="3"/>
      <c r="F1714" s="3"/>
      <c r="G1714" s="3"/>
      <c r="H1714" s="3"/>
      <c r="I1714" s="3"/>
      <c r="J1714" s="3"/>
      <c r="K1714" s="14"/>
      <c r="L1714" s="3"/>
    </row>
    <row r="1715" spans="1:12" ht="16.5" customHeight="1" x14ac:dyDescent="0.3">
      <c r="A1715" s="11"/>
      <c r="B1715" s="11"/>
      <c r="C1715" s="42"/>
      <c r="D1715" s="3"/>
      <c r="E1715" s="3"/>
      <c r="F1715" s="3"/>
      <c r="G1715" s="3"/>
      <c r="H1715" s="3"/>
      <c r="I1715" s="3"/>
      <c r="J1715" s="3"/>
      <c r="K1715" s="14"/>
      <c r="L1715" s="3"/>
    </row>
    <row r="1716" spans="1:12" ht="16.5" customHeight="1" x14ac:dyDescent="0.3">
      <c r="A1716" s="11"/>
      <c r="B1716" s="11"/>
      <c r="C1716" s="42"/>
      <c r="D1716" s="3"/>
      <c r="E1716" s="3"/>
      <c r="F1716" s="3"/>
      <c r="G1716" s="3"/>
      <c r="H1716" s="3"/>
      <c r="I1716" s="3"/>
      <c r="J1716" s="3"/>
      <c r="K1716" s="14"/>
      <c r="L1716" s="3"/>
    </row>
    <row r="1717" spans="1:12" ht="16.5" customHeight="1" x14ac:dyDescent="0.3">
      <c r="A1717" s="11"/>
      <c r="B1717" s="11"/>
      <c r="C1717" s="42"/>
      <c r="D1717" s="3"/>
      <c r="E1717" s="3"/>
      <c r="F1717" s="3"/>
      <c r="G1717" s="3"/>
      <c r="H1717" s="3"/>
      <c r="I1717" s="3"/>
      <c r="J1717" s="3"/>
      <c r="K1717" s="14"/>
      <c r="L1717" s="3"/>
    </row>
    <row r="1718" spans="1:12" ht="16.5" customHeight="1" x14ac:dyDescent="0.3">
      <c r="A1718" s="11"/>
      <c r="B1718" s="11"/>
      <c r="C1718" s="42"/>
      <c r="D1718" s="3"/>
      <c r="E1718" s="3"/>
      <c r="F1718" s="3"/>
      <c r="G1718" s="3"/>
      <c r="H1718" s="3"/>
      <c r="I1718" s="3"/>
      <c r="J1718" s="3"/>
      <c r="K1718" s="14"/>
      <c r="L1718" s="3"/>
    </row>
    <row r="1719" spans="1:12" ht="16.5" customHeight="1" x14ac:dyDescent="0.3">
      <c r="A1719" s="11"/>
      <c r="B1719" s="11"/>
      <c r="C1719" s="42"/>
      <c r="D1719" s="3"/>
      <c r="E1719" s="3"/>
      <c r="F1719" s="3"/>
      <c r="G1719" s="3"/>
      <c r="H1719" s="3"/>
      <c r="I1719" s="3"/>
      <c r="J1719" s="3"/>
      <c r="K1719" s="14"/>
      <c r="L1719" s="3"/>
    </row>
    <row r="1720" spans="1:12" ht="16.5" customHeight="1" x14ac:dyDescent="0.3">
      <c r="A1720" s="11"/>
      <c r="B1720" s="11"/>
      <c r="C1720" s="42"/>
      <c r="D1720" s="3"/>
      <c r="E1720" s="3"/>
      <c r="F1720" s="3"/>
      <c r="G1720" s="3"/>
      <c r="H1720" s="3"/>
      <c r="I1720" s="3"/>
      <c r="J1720" s="3"/>
      <c r="K1720" s="14"/>
      <c r="L1720" s="3"/>
    </row>
    <row r="1721" spans="1:12" ht="16.5" customHeight="1" x14ac:dyDescent="0.3">
      <c r="A1721" s="11"/>
      <c r="B1721" s="11"/>
      <c r="C1721" s="42"/>
      <c r="D1721" s="3"/>
      <c r="E1721" s="3"/>
      <c r="F1721" s="3"/>
      <c r="G1721" s="3"/>
      <c r="H1721" s="3"/>
      <c r="I1721" s="3"/>
      <c r="J1721" s="3"/>
      <c r="K1721" s="14"/>
      <c r="L1721" s="3"/>
    </row>
    <row r="1722" spans="1:12" ht="16.5" customHeight="1" x14ac:dyDescent="0.3">
      <c r="A1722" s="11"/>
      <c r="B1722" s="11"/>
      <c r="C1722" s="42"/>
      <c r="D1722" s="3"/>
      <c r="E1722" s="3"/>
      <c r="F1722" s="3"/>
      <c r="G1722" s="3"/>
      <c r="H1722" s="3"/>
      <c r="I1722" s="3"/>
      <c r="J1722" s="3"/>
      <c r="K1722" s="14"/>
      <c r="L1722" s="3"/>
    </row>
    <row r="1723" spans="1:12" ht="16.5" customHeight="1" x14ac:dyDescent="0.3">
      <c r="A1723" s="11"/>
      <c r="B1723" s="11"/>
      <c r="C1723" s="42"/>
      <c r="D1723" s="3"/>
      <c r="E1723" s="3"/>
      <c r="F1723" s="3"/>
      <c r="G1723" s="3"/>
      <c r="H1723" s="3"/>
      <c r="I1723" s="3"/>
      <c r="J1723" s="3"/>
      <c r="K1723" s="14"/>
      <c r="L1723" s="3"/>
    </row>
    <row r="1724" spans="1:12" ht="16.5" customHeight="1" x14ac:dyDescent="0.3">
      <c r="A1724" s="11"/>
      <c r="B1724" s="11"/>
      <c r="C1724" s="42"/>
      <c r="D1724" s="3"/>
      <c r="E1724" s="3"/>
      <c r="F1724" s="3"/>
      <c r="G1724" s="3"/>
      <c r="H1724" s="3"/>
      <c r="I1724" s="3"/>
      <c r="J1724" s="3"/>
      <c r="K1724" s="14"/>
      <c r="L1724" s="3"/>
    </row>
    <row r="1725" spans="1:12" ht="16.5" customHeight="1" x14ac:dyDescent="0.3">
      <c r="A1725" s="11"/>
      <c r="B1725" s="11"/>
      <c r="C1725" s="42"/>
      <c r="D1725" s="3"/>
      <c r="E1725" s="3"/>
      <c r="F1725" s="3"/>
      <c r="G1725" s="3"/>
      <c r="H1725" s="3"/>
      <c r="I1725" s="3"/>
      <c r="J1725" s="3"/>
      <c r="K1725" s="14"/>
      <c r="L1725" s="3"/>
    </row>
    <row r="1726" spans="1:12" ht="16.5" customHeight="1" x14ac:dyDescent="0.3">
      <c r="A1726" s="11"/>
      <c r="B1726" s="11"/>
      <c r="C1726" s="42"/>
      <c r="D1726" s="3"/>
      <c r="E1726" s="3"/>
      <c r="F1726" s="3"/>
      <c r="G1726" s="3"/>
      <c r="H1726" s="3"/>
      <c r="I1726" s="3"/>
      <c r="J1726" s="3"/>
      <c r="K1726" s="14"/>
      <c r="L1726" s="3"/>
    </row>
    <row r="1727" spans="1:12" ht="16.5" customHeight="1" x14ac:dyDescent="0.3">
      <c r="A1727" s="11"/>
      <c r="B1727" s="11"/>
      <c r="C1727" s="42"/>
      <c r="D1727" s="3"/>
      <c r="E1727" s="3"/>
      <c r="F1727" s="3"/>
      <c r="G1727" s="3"/>
      <c r="H1727" s="3"/>
      <c r="I1727" s="3"/>
      <c r="J1727" s="3"/>
      <c r="K1727" s="14"/>
      <c r="L1727" s="3"/>
    </row>
    <row r="1728" spans="1:12" ht="16.5" customHeight="1" x14ac:dyDescent="0.3">
      <c r="A1728" s="11"/>
      <c r="B1728" s="11"/>
      <c r="C1728" s="42"/>
      <c r="D1728" s="3"/>
      <c r="E1728" s="3"/>
      <c r="F1728" s="3"/>
      <c r="G1728" s="3"/>
      <c r="H1728" s="3"/>
      <c r="I1728" s="3"/>
      <c r="J1728" s="3"/>
      <c r="K1728" s="14"/>
      <c r="L1728" s="3"/>
    </row>
    <row r="1729" spans="1:12" ht="16.5" customHeight="1" x14ac:dyDescent="0.3">
      <c r="A1729" s="11"/>
      <c r="B1729" s="11"/>
      <c r="C1729" s="42"/>
      <c r="D1729" s="3"/>
      <c r="E1729" s="3"/>
      <c r="F1729" s="3"/>
      <c r="G1729" s="3"/>
      <c r="H1729" s="3"/>
      <c r="I1729" s="3"/>
      <c r="J1729" s="3"/>
      <c r="K1729" s="14"/>
      <c r="L1729" s="3"/>
    </row>
    <row r="1730" spans="1:12" ht="16.5" customHeight="1" x14ac:dyDescent="0.3">
      <c r="A1730" s="11"/>
      <c r="B1730" s="11"/>
      <c r="C1730" s="42"/>
      <c r="D1730" s="3"/>
      <c r="E1730" s="3"/>
      <c r="F1730" s="3"/>
      <c r="G1730" s="3"/>
      <c r="H1730" s="3"/>
      <c r="I1730" s="3"/>
      <c r="J1730" s="3"/>
      <c r="K1730" s="14"/>
      <c r="L1730" s="3"/>
    </row>
    <row r="1731" spans="1:12" ht="16.5" customHeight="1" x14ac:dyDescent="0.3">
      <c r="A1731" s="11"/>
      <c r="B1731" s="11"/>
      <c r="C1731" s="42"/>
      <c r="D1731" s="3"/>
      <c r="E1731" s="3"/>
      <c r="F1731" s="3"/>
      <c r="G1731" s="3"/>
      <c r="H1731" s="3"/>
      <c r="I1731" s="3"/>
      <c r="J1731" s="3"/>
      <c r="K1731" s="14"/>
      <c r="L1731" s="3"/>
    </row>
    <row r="1732" spans="1:12" ht="16.5" customHeight="1" x14ac:dyDescent="0.3">
      <c r="A1732" s="11"/>
      <c r="B1732" s="11"/>
      <c r="C1732" s="42"/>
      <c r="D1732" s="3"/>
      <c r="E1732" s="3"/>
      <c r="F1732" s="3"/>
      <c r="G1732" s="3"/>
      <c r="H1732" s="3"/>
      <c r="I1732" s="3"/>
      <c r="J1732" s="3"/>
      <c r="K1732" s="14"/>
      <c r="L1732" s="3"/>
    </row>
    <row r="1733" spans="1:12" ht="16.5" customHeight="1" x14ac:dyDescent="0.3">
      <c r="A1733" s="11"/>
      <c r="B1733" s="11"/>
      <c r="C1733" s="42"/>
      <c r="D1733" s="3"/>
      <c r="E1733" s="3"/>
      <c r="F1733" s="3"/>
      <c r="G1733" s="3"/>
      <c r="H1733" s="3"/>
      <c r="I1733" s="3"/>
      <c r="J1733" s="3"/>
      <c r="K1733" s="14"/>
      <c r="L1733" s="3"/>
    </row>
    <row r="1734" spans="1:12" ht="16.5" customHeight="1" x14ac:dyDescent="0.3">
      <c r="A1734" s="11"/>
      <c r="B1734" s="11"/>
      <c r="C1734" s="42"/>
      <c r="D1734" s="3"/>
      <c r="E1734" s="3"/>
      <c r="F1734" s="3"/>
      <c r="G1734" s="3"/>
      <c r="H1734" s="3"/>
      <c r="I1734" s="3"/>
      <c r="J1734" s="3"/>
      <c r="K1734" s="14"/>
      <c r="L1734" s="3"/>
    </row>
    <row r="1735" spans="1:12" ht="16.5" customHeight="1" x14ac:dyDescent="0.3">
      <c r="A1735" s="11"/>
      <c r="B1735" s="11"/>
      <c r="C1735" s="42"/>
      <c r="D1735" s="3"/>
      <c r="E1735" s="3"/>
      <c r="F1735" s="3"/>
      <c r="G1735" s="3"/>
      <c r="H1735" s="3"/>
      <c r="I1735" s="3"/>
      <c r="J1735" s="3"/>
      <c r="K1735" s="14"/>
      <c r="L1735" s="3"/>
    </row>
    <row r="1736" spans="1:12" ht="16.5" customHeight="1" x14ac:dyDescent="0.3">
      <c r="A1736" s="11"/>
      <c r="B1736" s="11"/>
      <c r="C1736" s="42"/>
      <c r="D1736" s="3"/>
      <c r="E1736" s="3"/>
      <c r="F1736" s="3"/>
      <c r="G1736" s="3"/>
      <c r="H1736" s="3"/>
      <c r="I1736" s="3"/>
      <c r="J1736" s="3"/>
      <c r="K1736" s="14"/>
      <c r="L1736" s="3"/>
    </row>
    <row r="1737" spans="1:12" ht="16.5" customHeight="1" x14ac:dyDescent="0.3">
      <c r="A1737" s="11"/>
      <c r="B1737" s="11"/>
      <c r="C1737" s="42"/>
      <c r="D1737" s="3"/>
      <c r="E1737" s="3"/>
      <c r="F1737" s="3"/>
      <c r="G1737" s="3"/>
      <c r="H1737" s="3"/>
      <c r="I1737" s="3"/>
      <c r="J1737" s="3"/>
      <c r="K1737" s="14"/>
      <c r="L1737" s="3"/>
    </row>
    <row r="1738" spans="1:12" ht="16.5" customHeight="1" x14ac:dyDescent="0.3">
      <c r="A1738" s="11"/>
      <c r="B1738" s="11"/>
      <c r="C1738" s="42"/>
      <c r="D1738" s="3"/>
      <c r="E1738" s="3"/>
      <c r="F1738" s="3"/>
      <c r="G1738" s="3"/>
      <c r="H1738" s="3"/>
      <c r="I1738" s="3"/>
      <c r="J1738" s="3"/>
      <c r="K1738" s="14"/>
      <c r="L1738" s="3"/>
    </row>
    <row r="1739" spans="1:12" ht="16.5" customHeight="1" x14ac:dyDescent="0.3">
      <c r="A1739" s="11"/>
      <c r="B1739" s="11"/>
      <c r="C1739" s="42"/>
      <c r="D1739" s="3"/>
      <c r="E1739" s="3"/>
      <c r="F1739" s="3"/>
      <c r="G1739" s="3"/>
      <c r="H1739" s="3"/>
      <c r="I1739" s="3"/>
      <c r="J1739" s="3"/>
      <c r="K1739" s="14"/>
      <c r="L1739" s="3"/>
    </row>
    <row r="1740" spans="1:12" ht="16.5" customHeight="1" x14ac:dyDescent="0.3">
      <c r="A1740" s="11"/>
      <c r="B1740" s="11"/>
      <c r="C1740" s="42"/>
      <c r="D1740" s="3"/>
      <c r="E1740" s="3"/>
      <c r="F1740" s="3"/>
      <c r="G1740" s="3"/>
      <c r="H1740" s="3"/>
      <c r="I1740" s="3"/>
      <c r="J1740" s="3"/>
      <c r="K1740" s="14"/>
      <c r="L1740" s="3"/>
    </row>
    <row r="1741" spans="1:12" ht="16.5" customHeight="1" x14ac:dyDescent="0.3">
      <c r="A1741" s="11"/>
      <c r="B1741" s="11"/>
      <c r="C1741" s="42"/>
      <c r="D1741" s="3"/>
      <c r="E1741" s="3"/>
      <c r="F1741" s="3"/>
      <c r="G1741" s="3"/>
      <c r="H1741" s="3"/>
      <c r="I1741" s="3"/>
      <c r="J1741" s="3"/>
      <c r="K1741" s="14"/>
      <c r="L1741" s="3"/>
    </row>
    <row r="1742" spans="1:12" ht="16.5" customHeight="1" x14ac:dyDescent="0.3">
      <c r="A1742" s="11"/>
      <c r="B1742" s="11"/>
      <c r="C1742" s="42"/>
      <c r="D1742" s="3"/>
      <c r="E1742" s="3"/>
      <c r="F1742" s="3"/>
      <c r="G1742" s="3"/>
      <c r="H1742" s="3"/>
      <c r="I1742" s="3"/>
      <c r="J1742" s="3"/>
      <c r="K1742" s="14"/>
      <c r="L1742" s="3"/>
    </row>
    <row r="1743" spans="1:12" ht="16.5" customHeight="1" x14ac:dyDescent="0.3">
      <c r="A1743" s="11"/>
      <c r="B1743" s="11"/>
      <c r="C1743" s="42"/>
      <c r="D1743" s="3"/>
      <c r="E1743" s="3"/>
      <c r="F1743" s="3"/>
      <c r="G1743" s="3"/>
      <c r="H1743" s="3"/>
      <c r="I1743" s="3"/>
      <c r="J1743" s="3"/>
      <c r="K1743" s="14"/>
      <c r="L1743" s="3"/>
    </row>
    <row r="1744" spans="1:12" ht="16.5" customHeight="1" x14ac:dyDescent="0.3">
      <c r="A1744" s="11"/>
      <c r="B1744" s="11"/>
      <c r="C1744" s="42"/>
      <c r="D1744" s="3"/>
      <c r="E1744" s="3"/>
      <c r="F1744" s="3"/>
      <c r="G1744" s="3"/>
      <c r="H1744" s="3"/>
      <c r="I1744" s="3"/>
      <c r="J1744" s="3"/>
      <c r="K1744" s="14"/>
      <c r="L1744" s="3"/>
    </row>
    <row r="1745" spans="1:12" ht="16.5" customHeight="1" x14ac:dyDescent="0.3">
      <c r="A1745" s="11"/>
      <c r="B1745" s="11"/>
      <c r="C1745" s="42"/>
      <c r="D1745" s="3"/>
      <c r="E1745" s="3"/>
      <c r="F1745" s="3"/>
      <c r="G1745" s="3"/>
      <c r="H1745" s="3"/>
      <c r="I1745" s="3"/>
      <c r="J1745" s="3"/>
      <c r="K1745" s="14"/>
      <c r="L1745" s="3"/>
    </row>
    <row r="1746" spans="1:12" ht="16.5" customHeight="1" x14ac:dyDescent="0.3">
      <c r="A1746" s="11"/>
      <c r="B1746" s="11"/>
      <c r="C1746" s="42"/>
      <c r="D1746" s="3"/>
      <c r="E1746" s="3"/>
      <c r="F1746" s="3"/>
      <c r="G1746" s="3"/>
      <c r="H1746" s="3"/>
      <c r="I1746" s="3"/>
      <c r="J1746" s="3"/>
      <c r="K1746" s="14"/>
      <c r="L1746" s="3"/>
    </row>
    <row r="1747" spans="1:12" ht="16.5" customHeight="1" x14ac:dyDescent="0.3">
      <c r="A1747" s="11"/>
      <c r="B1747" s="11"/>
      <c r="C1747" s="42"/>
      <c r="D1747" s="3"/>
      <c r="E1747" s="3"/>
      <c r="F1747" s="3"/>
      <c r="G1747" s="3"/>
      <c r="H1747" s="3"/>
      <c r="I1747" s="3"/>
      <c r="J1747" s="3"/>
      <c r="K1747" s="14"/>
      <c r="L1747" s="3"/>
    </row>
    <row r="1748" spans="1:12" ht="16.5" customHeight="1" x14ac:dyDescent="0.3">
      <c r="A1748" s="11"/>
      <c r="B1748" s="11"/>
      <c r="C1748" s="42"/>
      <c r="D1748" s="3"/>
      <c r="E1748" s="3"/>
      <c r="F1748" s="3"/>
      <c r="G1748" s="3"/>
      <c r="H1748" s="3"/>
      <c r="I1748" s="3"/>
      <c r="J1748" s="3"/>
      <c r="K1748" s="14"/>
      <c r="L1748" s="3"/>
    </row>
    <row r="1749" spans="1:12" ht="16.5" customHeight="1" x14ac:dyDescent="0.3">
      <c r="A1749" s="11"/>
      <c r="B1749" s="11"/>
      <c r="C1749" s="42"/>
      <c r="D1749" s="3"/>
      <c r="E1749" s="3"/>
      <c r="F1749" s="3"/>
      <c r="G1749" s="3"/>
      <c r="H1749" s="3"/>
      <c r="I1749" s="3"/>
      <c r="J1749" s="3"/>
      <c r="K1749" s="14"/>
      <c r="L1749" s="3"/>
    </row>
    <row r="1750" spans="1:12" ht="16.5" customHeight="1" x14ac:dyDescent="0.3">
      <c r="A1750" s="11"/>
      <c r="B1750" s="11"/>
      <c r="C1750" s="42"/>
      <c r="D1750" s="3"/>
      <c r="E1750" s="3"/>
      <c r="F1750" s="3"/>
      <c r="G1750" s="3"/>
      <c r="H1750" s="3"/>
      <c r="I1750" s="3"/>
      <c r="J1750" s="3"/>
      <c r="K1750" s="14"/>
      <c r="L1750" s="3"/>
    </row>
    <row r="1751" spans="1:12" ht="16.5" customHeight="1" x14ac:dyDescent="0.3">
      <c r="A1751" s="11"/>
      <c r="B1751" s="11"/>
      <c r="C1751" s="42"/>
      <c r="D1751" s="3"/>
      <c r="E1751" s="3"/>
      <c r="F1751" s="3"/>
      <c r="G1751" s="3"/>
      <c r="H1751" s="3"/>
      <c r="I1751" s="3"/>
      <c r="J1751" s="3"/>
      <c r="K1751" s="14"/>
      <c r="L1751" s="3"/>
    </row>
    <row r="1752" spans="1:12" ht="16.5" customHeight="1" x14ac:dyDescent="0.3">
      <c r="A1752" s="11"/>
      <c r="B1752" s="11"/>
      <c r="C1752" s="42"/>
      <c r="D1752" s="3"/>
      <c r="E1752" s="3"/>
      <c r="F1752" s="3"/>
      <c r="G1752" s="3"/>
      <c r="H1752" s="3"/>
      <c r="I1752" s="3"/>
      <c r="J1752" s="3"/>
      <c r="K1752" s="14"/>
      <c r="L1752" s="3"/>
    </row>
    <row r="1753" spans="1:12" ht="16.5" customHeight="1" x14ac:dyDescent="0.3">
      <c r="A1753" s="11"/>
      <c r="B1753" s="11"/>
      <c r="C1753" s="42"/>
      <c r="D1753" s="3"/>
      <c r="E1753" s="3"/>
      <c r="F1753" s="3"/>
      <c r="G1753" s="3"/>
      <c r="H1753" s="3"/>
      <c r="I1753" s="3"/>
      <c r="J1753" s="3"/>
      <c r="K1753" s="14"/>
      <c r="L1753" s="3"/>
    </row>
    <row r="1754" spans="1:12" ht="16.5" customHeight="1" x14ac:dyDescent="0.3">
      <c r="A1754" s="11"/>
      <c r="B1754" s="11"/>
      <c r="C1754" s="42"/>
      <c r="D1754" s="3"/>
      <c r="E1754" s="3"/>
      <c r="F1754" s="3"/>
      <c r="G1754" s="3"/>
      <c r="H1754" s="3"/>
      <c r="I1754" s="3"/>
      <c r="J1754" s="3"/>
      <c r="K1754" s="14"/>
      <c r="L1754" s="3"/>
    </row>
    <row r="1755" spans="1:12" ht="16.5" customHeight="1" x14ac:dyDescent="0.3">
      <c r="A1755" s="11"/>
      <c r="B1755" s="11"/>
      <c r="C1755" s="42"/>
      <c r="D1755" s="3"/>
      <c r="E1755" s="3"/>
      <c r="F1755" s="3"/>
      <c r="G1755" s="3"/>
      <c r="H1755" s="3"/>
      <c r="I1755" s="3"/>
      <c r="J1755" s="3"/>
      <c r="K1755" s="14"/>
      <c r="L1755" s="3"/>
    </row>
    <row r="1756" spans="1:12" ht="16.5" customHeight="1" x14ac:dyDescent="0.3">
      <c r="A1756" s="11"/>
      <c r="B1756" s="11"/>
      <c r="C1756" s="42"/>
      <c r="D1756" s="3"/>
      <c r="E1756" s="3"/>
      <c r="F1756" s="3"/>
      <c r="G1756" s="3"/>
      <c r="H1756" s="3"/>
      <c r="I1756" s="3"/>
      <c r="J1756" s="3"/>
      <c r="K1756" s="14"/>
      <c r="L1756" s="3"/>
    </row>
    <row r="1757" spans="1:12" ht="16.5" customHeight="1" x14ac:dyDescent="0.3">
      <c r="A1757" s="11"/>
      <c r="B1757" s="11"/>
      <c r="C1757" s="42"/>
      <c r="D1757" s="3"/>
      <c r="E1757" s="3"/>
      <c r="F1757" s="3"/>
      <c r="G1757" s="3"/>
      <c r="H1757" s="3"/>
      <c r="I1757" s="3"/>
      <c r="J1757" s="3"/>
      <c r="K1757" s="14"/>
      <c r="L1757" s="3"/>
    </row>
    <row r="1758" spans="1:12" ht="16.5" customHeight="1" x14ac:dyDescent="0.3">
      <c r="A1758" s="11"/>
      <c r="B1758" s="11"/>
      <c r="C1758" s="42"/>
      <c r="D1758" s="3"/>
      <c r="E1758" s="3"/>
      <c r="F1758" s="3"/>
      <c r="G1758" s="3"/>
      <c r="H1758" s="3"/>
      <c r="I1758" s="3"/>
      <c r="J1758" s="3"/>
      <c r="K1758" s="14"/>
      <c r="L1758" s="3"/>
    </row>
    <row r="1759" spans="1:12" ht="16.5" customHeight="1" x14ac:dyDescent="0.3">
      <c r="A1759" s="11"/>
      <c r="B1759" s="11"/>
      <c r="C1759" s="42"/>
      <c r="D1759" s="3"/>
      <c r="E1759" s="3"/>
      <c r="F1759" s="3"/>
      <c r="G1759" s="3"/>
      <c r="H1759" s="3"/>
      <c r="I1759" s="3"/>
      <c r="J1759" s="3"/>
      <c r="K1759" s="14"/>
      <c r="L1759" s="3"/>
    </row>
    <row r="1760" spans="1:12" ht="16.5" customHeight="1" x14ac:dyDescent="0.3">
      <c r="A1760" s="11"/>
      <c r="B1760" s="11"/>
      <c r="C1760" s="42"/>
      <c r="D1760" s="3"/>
      <c r="E1760" s="3"/>
      <c r="F1760" s="3"/>
      <c r="G1760" s="3"/>
      <c r="H1760" s="3"/>
      <c r="I1760" s="3"/>
      <c r="J1760" s="3"/>
      <c r="K1760" s="14"/>
      <c r="L1760" s="3"/>
    </row>
    <row r="1761" spans="1:12" ht="16.5" customHeight="1" x14ac:dyDescent="0.3">
      <c r="A1761" s="11"/>
      <c r="B1761" s="11"/>
      <c r="C1761" s="42"/>
      <c r="D1761" s="3"/>
      <c r="E1761" s="3"/>
      <c r="F1761" s="3"/>
      <c r="G1761" s="3"/>
      <c r="H1761" s="3"/>
      <c r="I1761" s="3"/>
      <c r="J1761" s="3"/>
      <c r="K1761" s="14"/>
      <c r="L1761" s="3"/>
    </row>
    <row r="1762" spans="1:12" ht="16.5" customHeight="1" x14ac:dyDescent="0.3">
      <c r="A1762" s="11"/>
      <c r="B1762" s="11"/>
      <c r="C1762" s="42"/>
      <c r="D1762" s="3"/>
      <c r="E1762" s="3"/>
      <c r="F1762" s="3"/>
      <c r="G1762" s="3"/>
      <c r="H1762" s="3"/>
      <c r="I1762" s="3"/>
      <c r="J1762" s="3"/>
      <c r="K1762" s="14"/>
      <c r="L1762" s="3"/>
    </row>
    <row r="1763" spans="1:12" ht="16.5" customHeight="1" x14ac:dyDescent="0.3">
      <c r="A1763" s="11"/>
      <c r="B1763" s="11"/>
      <c r="C1763" s="42"/>
      <c r="D1763" s="3"/>
      <c r="E1763" s="3"/>
      <c r="F1763" s="3"/>
      <c r="G1763" s="3"/>
      <c r="H1763" s="3"/>
      <c r="I1763" s="3"/>
      <c r="J1763" s="3"/>
      <c r="K1763" s="14"/>
      <c r="L1763" s="3"/>
    </row>
    <row r="1764" spans="1:12" ht="16.5" customHeight="1" x14ac:dyDescent="0.3">
      <c r="A1764" s="11"/>
      <c r="B1764" s="11"/>
      <c r="C1764" s="42"/>
      <c r="D1764" s="3"/>
      <c r="E1764" s="3"/>
      <c r="F1764" s="3"/>
      <c r="G1764" s="3"/>
      <c r="H1764" s="3"/>
      <c r="I1764" s="3"/>
      <c r="J1764" s="3"/>
      <c r="K1764" s="14"/>
      <c r="L1764" s="3"/>
    </row>
    <row r="1765" spans="1:12" ht="16.5" customHeight="1" x14ac:dyDescent="0.3">
      <c r="A1765" s="11"/>
      <c r="B1765" s="11"/>
      <c r="C1765" s="42"/>
      <c r="D1765" s="3"/>
      <c r="E1765" s="3"/>
      <c r="F1765" s="3"/>
      <c r="G1765" s="3"/>
      <c r="H1765" s="3"/>
      <c r="I1765" s="3"/>
      <c r="J1765" s="3"/>
      <c r="K1765" s="14"/>
      <c r="L1765" s="3"/>
    </row>
    <row r="1766" spans="1:12" ht="16.5" customHeight="1" x14ac:dyDescent="0.3">
      <c r="A1766" s="11"/>
      <c r="B1766" s="11"/>
      <c r="C1766" s="42"/>
      <c r="D1766" s="3"/>
      <c r="E1766" s="3"/>
      <c r="F1766" s="3"/>
      <c r="G1766" s="3"/>
      <c r="H1766" s="3"/>
      <c r="I1766" s="3"/>
      <c r="J1766" s="3"/>
      <c r="K1766" s="14"/>
      <c r="L1766" s="3"/>
    </row>
    <row r="1767" spans="1:12" ht="16.5" customHeight="1" x14ac:dyDescent="0.3">
      <c r="A1767" s="11"/>
      <c r="B1767" s="11"/>
      <c r="C1767" s="42"/>
      <c r="D1767" s="3"/>
      <c r="E1767" s="3"/>
      <c r="F1767" s="3"/>
      <c r="G1767" s="3"/>
      <c r="H1767" s="3"/>
      <c r="I1767" s="3"/>
      <c r="J1767" s="3"/>
      <c r="K1767" s="14"/>
      <c r="L1767" s="3"/>
    </row>
    <row r="1768" spans="1:12" ht="16.5" customHeight="1" x14ac:dyDescent="0.3">
      <c r="A1768" s="11"/>
      <c r="B1768" s="11"/>
      <c r="C1768" s="42"/>
      <c r="D1768" s="3"/>
      <c r="E1768" s="3"/>
      <c r="F1768" s="3"/>
      <c r="G1768" s="3"/>
      <c r="H1768" s="3"/>
      <c r="I1768" s="3"/>
      <c r="J1768" s="3"/>
      <c r="K1768" s="14"/>
      <c r="L1768" s="3"/>
    </row>
    <row r="1769" spans="1:12" ht="16.5" customHeight="1" x14ac:dyDescent="0.3">
      <c r="A1769" s="11"/>
      <c r="B1769" s="11"/>
      <c r="C1769" s="42"/>
      <c r="D1769" s="3"/>
      <c r="E1769" s="3"/>
      <c r="F1769" s="3"/>
      <c r="G1769" s="3"/>
      <c r="H1769" s="3"/>
      <c r="I1769" s="3"/>
      <c r="J1769" s="3"/>
      <c r="K1769" s="14"/>
      <c r="L1769" s="3"/>
    </row>
    <row r="1770" spans="1:12" ht="16.5" customHeight="1" x14ac:dyDescent="0.3">
      <c r="A1770" s="11"/>
      <c r="B1770" s="11"/>
      <c r="C1770" s="42"/>
      <c r="D1770" s="3"/>
      <c r="E1770" s="3"/>
      <c r="F1770" s="3"/>
      <c r="G1770" s="3"/>
      <c r="H1770" s="3"/>
      <c r="I1770" s="3"/>
      <c r="J1770" s="3"/>
      <c r="K1770" s="14"/>
      <c r="L1770" s="3"/>
    </row>
    <row r="1771" spans="1:12" ht="16.5" customHeight="1" x14ac:dyDescent="0.3">
      <c r="A1771" s="11"/>
      <c r="B1771" s="11"/>
      <c r="C1771" s="42"/>
      <c r="D1771" s="3"/>
      <c r="E1771" s="3"/>
      <c r="F1771" s="3"/>
      <c r="G1771" s="3"/>
      <c r="H1771" s="3"/>
      <c r="I1771" s="3"/>
      <c r="J1771" s="3"/>
      <c r="K1771" s="14"/>
      <c r="L1771" s="3"/>
    </row>
    <row r="1772" spans="1:12" ht="16.5" customHeight="1" x14ac:dyDescent="0.3">
      <c r="A1772" s="11"/>
      <c r="B1772" s="11"/>
      <c r="C1772" s="42"/>
      <c r="D1772" s="3"/>
      <c r="E1772" s="3"/>
      <c r="F1772" s="3"/>
      <c r="G1772" s="3"/>
      <c r="H1772" s="3"/>
      <c r="I1772" s="3"/>
      <c r="J1772" s="3"/>
      <c r="K1772" s="14"/>
      <c r="L1772" s="3"/>
    </row>
    <row r="1773" spans="1:12" ht="16.5" customHeight="1" x14ac:dyDescent="0.3">
      <c r="A1773" s="11"/>
      <c r="B1773" s="11"/>
      <c r="C1773" s="42"/>
      <c r="D1773" s="3"/>
      <c r="E1773" s="3"/>
      <c r="F1773" s="3"/>
      <c r="G1773" s="3"/>
      <c r="H1773" s="3"/>
      <c r="I1773" s="3"/>
      <c r="J1773" s="3"/>
      <c r="K1773" s="14"/>
      <c r="L1773" s="3"/>
    </row>
    <row r="1774" spans="1:12" ht="16.5" customHeight="1" x14ac:dyDescent="0.3">
      <c r="A1774" s="11"/>
      <c r="B1774" s="11"/>
      <c r="C1774" s="42"/>
      <c r="D1774" s="3"/>
      <c r="E1774" s="3"/>
      <c r="F1774" s="3"/>
      <c r="G1774" s="3"/>
      <c r="H1774" s="3"/>
      <c r="I1774" s="3"/>
      <c r="J1774" s="3"/>
      <c r="K1774" s="14"/>
      <c r="L1774" s="3"/>
    </row>
    <row r="1775" spans="1:12" ht="16.5" customHeight="1" x14ac:dyDescent="0.3">
      <c r="A1775" s="11"/>
      <c r="B1775" s="11"/>
      <c r="C1775" s="42"/>
      <c r="D1775" s="3"/>
      <c r="E1775" s="3"/>
      <c r="F1775" s="3"/>
      <c r="G1775" s="3"/>
      <c r="H1775" s="3"/>
      <c r="I1775" s="3"/>
      <c r="J1775" s="3"/>
      <c r="K1775" s="14"/>
      <c r="L1775" s="3"/>
    </row>
    <row r="1776" spans="1:12" ht="16.5" customHeight="1" x14ac:dyDescent="0.3">
      <c r="A1776" s="11"/>
      <c r="B1776" s="11"/>
      <c r="C1776" s="42"/>
      <c r="D1776" s="3"/>
      <c r="E1776" s="3"/>
      <c r="F1776" s="3"/>
      <c r="G1776" s="3"/>
      <c r="H1776" s="3"/>
      <c r="I1776" s="3"/>
      <c r="J1776" s="3"/>
      <c r="K1776" s="14"/>
      <c r="L1776" s="3"/>
    </row>
    <row r="1777" spans="1:12" ht="16.5" customHeight="1" x14ac:dyDescent="0.3">
      <c r="A1777" s="11"/>
      <c r="B1777" s="11"/>
      <c r="C1777" s="42"/>
      <c r="D1777" s="3"/>
      <c r="E1777" s="3"/>
      <c r="F1777" s="3"/>
      <c r="G1777" s="3"/>
      <c r="H1777" s="3"/>
      <c r="I1777" s="3"/>
      <c r="J1777" s="3"/>
      <c r="K1777" s="14"/>
      <c r="L1777" s="3"/>
    </row>
    <row r="1778" spans="1:12" ht="16.5" customHeight="1" x14ac:dyDescent="0.3">
      <c r="A1778" s="11"/>
      <c r="B1778" s="11"/>
      <c r="C1778" s="42"/>
      <c r="D1778" s="3"/>
      <c r="E1778" s="3"/>
      <c r="F1778" s="3"/>
      <c r="G1778" s="3"/>
      <c r="H1778" s="3"/>
      <c r="I1778" s="3"/>
      <c r="J1778" s="3"/>
      <c r="K1778" s="14"/>
      <c r="L1778" s="3"/>
    </row>
    <row r="1779" spans="1:12" ht="16.5" customHeight="1" x14ac:dyDescent="0.3">
      <c r="A1779" s="11"/>
      <c r="B1779" s="11"/>
      <c r="C1779" s="42"/>
      <c r="D1779" s="3"/>
      <c r="E1779" s="3"/>
      <c r="F1779" s="3"/>
      <c r="G1779" s="3"/>
      <c r="H1779" s="3"/>
      <c r="I1779" s="3"/>
      <c r="J1779" s="3"/>
      <c r="K1779" s="14"/>
      <c r="L1779" s="3"/>
    </row>
    <row r="1780" spans="1:12" ht="16.5" customHeight="1" x14ac:dyDescent="0.3">
      <c r="A1780" s="11"/>
      <c r="B1780" s="11"/>
      <c r="C1780" s="42"/>
      <c r="D1780" s="3"/>
      <c r="E1780" s="3"/>
      <c r="F1780" s="3"/>
      <c r="G1780" s="3"/>
      <c r="H1780" s="3"/>
      <c r="I1780" s="3"/>
      <c r="J1780" s="3"/>
      <c r="K1780" s="14"/>
      <c r="L1780" s="3"/>
    </row>
    <row r="1781" spans="1:12" ht="16.5" customHeight="1" x14ac:dyDescent="0.3">
      <c r="A1781" s="11"/>
      <c r="B1781" s="11"/>
      <c r="C1781" s="42"/>
      <c r="D1781" s="3"/>
      <c r="E1781" s="3"/>
      <c r="F1781" s="3"/>
      <c r="G1781" s="3"/>
      <c r="H1781" s="3"/>
      <c r="I1781" s="3"/>
      <c r="J1781" s="3"/>
      <c r="K1781" s="14"/>
      <c r="L1781" s="3"/>
    </row>
    <row r="1782" spans="1:12" ht="16.5" customHeight="1" x14ac:dyDescent="0.3">
      <c r="A1782" s="11"/>
      <c r="B1782" s="11"/>
      <c r="C1782" s="42"/>
      <c r="D1782" s="3"/>
      <c r="E1782" s="3"/>
      <c r="F1782" s="3"/>
      <c r="G1782" s="3"/>
      <c r="H1782" s="3"/>
      <c r="I1782" s="3"/>
      <c r="J1782" s="3"/>
      <c r="K1782" s="14"/>
      <c r="L1782" s="3"/>
    </row>
    <row r="1783" spans="1:12" ht="16.5" customHeight="1" x14ac:dyDescent="0.3">
      <c r="A1783" s="11"/>
      <c r="B1783" s="11"/>
      <c r="C1783" s="42"/>
      <c r="D1783" s="3"/>
      <c r="E1783" s="3"/>
      <c r="F1783" s="3"/>
      <c r="G1783" s="3"/>
      <c r="H1783" s="3"/>
      <c r="I1783" s="3"/>
      <c r="J1783" s="3"/>
      <c r="K1783" s="14"/>
      <c r="L1783" s="3"/>
    </row>
    <row r="1784" spans="1:12" ht="16.5" customHeight="1" x14ac:dyDescent="0.3">
      <c r="A1784" s="11"/>
      <c r="B1784" s="11"/>
      <c r="C1784" s="42"/>
      <c r="D1784" s="3"/>
      <c r="E1784" s="3"/>
      <c r="F1784" s="3"/>
      <c r="G1784" s="3"/>
      <c r="H1784" s="3"/>
      <c r="I1784" s="3"/>
      <c r="J1784" s="3"/>
      <c r="K1784" s="14"/>
      <c r="L1784" s="3"/>
    </row>
    <row r="1785" spans="1:12" ht="16.5" customHeight="1" x14ac:dyDescent="0.3">
      <c r="A1785" s="11"/>
      <c r="B1785" s="11"/>
      <c r="C1785" s="42"/>
      <c r="D1785" s="3"/>
      <c r="E1785" s="3"/>
      <c r="F1785" s="3"/>
      <c r="G1785" s="3"/>
      <c r="H1785" s="3"/>
      <c r="I1785" s="3"/>
      <c r="J1785" s="3"/>
      <c r="K1785" s="14"/>
      <c r="L1785" s="3"/>
    </row>
    <row r="1786" spans="1:12" ht="16.5" customHeight="1" x14ac:dyDescent="0.3">
      <c r="A1786" s="11"/>
      <c r="B1786" s="11"/>
      <c r="C1786" s="42"/>
      <c r="D1786" s="3"/>
      <c r="E1786" s="3"/>
      <c r="F1786" s="3"/>
      <c r="G1786" s="3"/>
      <c r="H1786" s="3"/>
      <c r="I1786" s="3"/>
      <c r="J1786" s="3"/>
      <c r="K1786" s="14"/>
      <c r="L1786" s="3"/>
    </row>
    <row r="1787" spans="1:12" ht="16.5" customHeight="1" x14ac:dyDescent="0.3">
      <c r="A1787" s="11"/>
      <c r="B1787" s="11"/>
      <c r="C1787" s="42"/>
      <c r="D1787" s="3"/>
      <c r="E1787" s="3"/>
      <c r="F1787" s="3"/>
      <c r="G1787" s="3"/>
      <c r="H1787" s="3"/>
      <c r="I1787" s="3"/>
      <c r="J1787" s="3"/>
      <c r="K1787" s="14"/>
      <c r="L1787" s="3"/>
    </row>
    <row r="1788" spans="1:12" ht="16.5" customHeight="1" x14ac:dyDescent="0.3">
      <c r="A1788" s="11"/>
      <c r="B1788" s="11"/>
      <c r="C1788" s="42"/>
      <c r="D1788" s="3"/>
      <c r="E1788" s="3"/>
      <c r="F1788" s="3"/>
      <c r="G1788" s="3"/>
      <c r="H1788" s="3"/>
      <c r="I1788" s="3"/>
      <c r="J1788" s="3"/>
      <c r="K1788" s="14"/>
      <c r="L1788" s="3"/>
    </row>
    <row r="1789" spans="1:12" ht="16.5" customHeight="1" x14ac:dyDescent="0.3">
      <c r="A1789" s="11"/>
      <c r="B1789" s="11"/>
      <c r="C1789" s="42"/>
      <c r="D1789" s="3"/>
      <c r="E1789" s="3"/>
      <c r="F1789" s="3"/>
      <c r="G1789" s="3"/>
      <c r="H1789" s="3"/>
      <c r="I1789" s="3"/>
      <c r="J1789" s="3"/>
      <c r="K1789" s="14"/>
      <c r="L1789" s="3"/>
    </row>
    <row r="1790" spans="1:12" ht="16.5" customHeight="1" x14ac:dyDescent="0.3">
      <c r="A1790" s="11"/>
      <c r="B1790" s="11"/>
      <c r="C1790" s="42"/>
      <c r="D1790" s="3"/>
      <c r="E1790" s="3"/>
      <c r="F1790" s="3"/>
      <c r="G1790" s="3"/>
      <c r="H1790" s="3"/>
      <c r="I1790" s="3"/>
      <c r="J1790" s="3"/>
      <c r="K1790" s="14"/>
      <c r="L1790" s="3"/>
    </row>
    <row r="1791" spans="1:12" ht="16.5" customHeight="1" x14ac:dyDescent="0.3">
      <c r="A1791" s="11"/>
      <c r="B1791" s="11"/>
      <c r="C1791" s="42"/>
      <c r="D1791" s="3"/>
      <c r="E1791" s="3"/>
      <c r="F1791" s="3"/>
      <c r="G1791" s="3"/>
      <c r="H1791" s="3"/>
      <c r="I1791" s="3"/>
      <c r="J1791" s="3"/>
      <c r="K1791" s="14"/>
      <c r="L1791" s="3"/>
    </row>
    <row r="1792" spans="1:12" ht="16.5" customHeight="1" x14ac:dyDescent="0.3">
      <c r="A1792" s="11"/>
      <c r="B1792" s="11"/>
      <c r="C1792" s="42"/>
      <c r="D1792" s="3"/>
      <c r="E1792" s="3"/>
      <c r="F1792" s="3"/>
      <c r="G1792" s="3"/>
      <c r="H1792" s="3"/>
      <c r="I1792" s="3"/>
      <c r="J1792" s="3"/>
      <c r="K1792" s="14"/>
      <c r="L1792" s="3"/>
    </row>
    <row r="1793" spans="1:12" ht="16.5" customHeight="1" x14ac:dyDescent="0.3">
      <c r="A1793" s="11"/>
      <c r="B1793" s="11"/>
      <c r="C1793" s="42"/>
      <c r="D1793" s="3"/>
      <c r="E1793" s="3"/>
      <c r="F1793" s="3"/>
      <c r="G1793" s="3"/>
      <c r="H1793" s="3"/>
      <c r="I1793" s="3"/>
      <c r="J1793" s="3"/>
      <c r="K1793" s="14"/>
      <c r="L1793" s="3"/>
    </row>
    <row r="1794" spans="1:12" ht="16.5" customHeight="1" x14ac:dyDescent="0.3">
      <c r="A1794" s="11"/>
      <c r="B1794" s="11"/>
      <c r="C1794" s="42"/>
      <c r="D1794" s="3"/>
      <c r="E1794" s="3"/>
      <c r="F1794" s="3"/>
      <c r="G1794" s="3"/>
      <c r="H1794" s="3"/>
      <c r="I1794" s="3"/>
      <c r="J1794" s="3"/>
      <c r="K1794" s="14"/>
      <c r="L1794" s="3"/>
    </row>
    <row r="1795" spans="1:12" ht="16.5" customHeight="1" x14ac:dyDescent="0.3">
      <c r="A1795" s="11"/>
      <c r="B1795" s="11"/>
      <c r="C1795" s="42"/>
      <c r="D1795" s="3"/>
      <c r="E1795" s="3"/>
      <c r="F1795" s="3"/>
      <c r="G1795" s="3"/>
      <c r="H1795" s="3"/>
      <c r="I1795" s="3"/>
      <c r="J1795" s="3"/>
      <c r="K1795" s="14"/>
      <c r="L1795" s="3"/>
    </row>
    <row r="1796" spans="1:12" ht="16.5" customHeight="1" x14ac:dyDescent="0.3">
      <c r="A1796" s="11"/>
      <c r="B1796" s="11"/>
      <c r="C1796" s="42"/>
      <c r="D1796" s="3"/>
      <c r="E1796" s="3"/>
      <c r="F1796" s="3"/>
      <c r="G1796" s="3"/>
      <c r="H1796" s="3"/>
      <c r="I1796" s="3"/>
      <c r="J1796" s="3"/>
      <c r="K1796" s="14"/>
      <c r="L1796" s="3"/>
    </row>
    <row r="1797" spans="1:12" ht="16.5" customHeight="1" x14ac:dyDescent="0.3">
      <c r="A1797" s="11"/>
      <c r="B1797" s="11"/>
      <c r="C1797" s="42"/>
      <c r="D1797" s="3"/>
      <c r="E1797" s="3"/>
      <c r="F1797" s="3"/>
      <c r="G1797" s="3"/>
      <c r="H1797" s="3"/>
      <c r="I1797" s="3"/>
      <c r="J1797" s="3"/>
      <c r="K1797" s="14"/>
      <c r="L1797" s="3"/>
    </row>
    <row r="1798" spans="1:12" ht="16.5" customHeight="1" x14ac:dyDescent="0.3">
      <c r="A1798" s="11"/>
      <c r="B1798" s="11"/>
      <c r="C1798" s="42"/>
      <c r="D1798" s="3"/>
      <c r="E1798" s="3"/>
      <c r="F1798" s="3"/>
      <c r="G1798" s="3"/>
      <c r="H1798" s="3"/>
      <c r="I1798" s="3"/>
      <c r="J1798" s="3"/>
      <c r="K1798" s="14"/>
      <c r="L1798" s="3"/>
    </row>
    <row r="1799" spans="1:12" ht="16.5" customHeight="1" x14ac:dyDescent="0.3">
      <c r="A1799" s="11"/>
      <c r="B1799" s="11"/>
      <c r="C1799" s="42"/>
      <c r="D1799" s="3"/>
      <c r="E1799" s="3"/>
      <c r="F1799" s="3"/>
      <c r="G1799" s="3"/>
      <c r="H1799" s="3"/>
      <c r="I1799" s="3"/>
      <c r="J1799" s="3"/>
      <c r="K1799" s="14"/>
      <c r="L1799" s="3"/>
    </row>
    <row r="1800" spans="1:12" ht="16.5" customHeight="1" x14ac:dyDescent="0.3">
      <c r="A1800" s="11"/>
      <c r="B1800" s="11"/>
      <c r="C1800" s="42"/>
      <c r="D1800" s="3"/>
      <c r="E1800" s="3"/>
      <c r="F1800" s="3"/>
      <c r="G1800" s="3"/>
      <c r="H1800" s="3"/>
      <c r="I1800" s="3"/>
      <c r="J1800" s="3"/>
      <c r="K1800" s="14"/>
      <c r="L1800" s="3"/>
    </row>
    <row r="1801" spans="1:12" ht="16.5" customHeight="1" x14ac:dyDescent="0.3">
      <c r="A1801" s="11"/>
      <c r="B1801" s="11"/>
      <c r="C1801" s="42"/>
      <c r="D1801" s="3"/>
      <c r="E1801" s="3"/>
      <c r="F1801" s="3"/>
      <c r="G1801" s="3"/>
      <c r="H1801" s="3"/>
      <c r="I1801" s="3"/>
      <c r="J1801" s="3"/>
      <c r="K1801" s="14"/>
      <c r="L1801" s="3"/>
    </row>
    <row r="1802" spans="1:12" ht="16.5" customHeight="1" x14ac:dyDescent="0.3">
      <c r="A1802" s="11"/>
      <c r="B1802" s="11"/>
      <c r="C1802" s="42"/>
      <c r="D1802" s="3"/>
      <c r="E1802" s="3"/>
      <c r="F1802" s="3"/>
      <c r="G1802" s="3"/>
      <c r="H1802" s="3"/>
      <c r="I1802" s="3"/>
      <c r="J1802" s="3"/>
      <c r="K1802" s="14"/>
      <c r="L1802" s="3"/>
    </row>
    <row r="1803" spans="1:12" ht="16.5" customHeight="1" x14ac:dyDescent="0.3">
      <c r="A1803" s="11"/>
      <c r="B1803" s="11"/>
      <c r="C1803" s="42"/>
      <c r="D1803" s="3"/>
      <c r="E1803" s="3"/>
      <c r="F1803" s="3"/>
      <c r="G1803" s="3"/>
      <c r="H1803" s="3"/>
      <c r="I1803" s="3"/>
      <c r="J1803" s="3"/>
      <c r="K1803" s="14"/>
      <c r="L1803" s="3"/>
    </row>
    <row r="1804" spans="1:12" ht="16.5" customHeight="1" x14ac:dyDescent="0.3">
      <c r="A1804" s="11"/>
      <c r="B1804" s="11"/>
      <c r="C1804" s="42"/>
      <c r="D1804" s="3"/>
      <c r="E1804" s="3"/>
      <c r="F1804" s="3"/>
      <c r="G1804" s="3"/>
      <c r="H1804" s="3"/>
      <c r="I1804" s="3"/>
      <c r="J1804" s="3"/>
      <c r="K1804" s="14"/>
      <c r="L1804" s="3"/>
    </row>
    <row r="1805" spans="1:12" ht="16.5" customHeight="1" x14ac:dyDescent="0.3">
      <c r="A1805" s="11"/>
      <c r="B1805" s="11"/>
      <c r="C1805" s="42"/>
      <c r="D1805" s="3"/>
      <c r="E1805" s="3"/>
      <c r="F1805" s="3"/>
      <c r="G1805" s="3"/>
      <c r="H1805" s="3"/>
      <c r="I1805" s="3"/>
      <c r="J1805" s="3"/>
      <c r="K1805" s="14"/>
      <c r="L1805" s="3"/>
    </row>
    <row r="1806" spans="1:12" ht="16.5" customHeight="1" x14ac:dyDescent="0.3">
      <c r="A1806" s="11"/>
      <c r="B1806" s="11"/>
      <c r="C1806" s="42"/>
      <c r="D1806" s="3"/>
      <c r="E1806" s="3"/>
      <c r="F1806" s="3"/>
      <c r="G1806" s="3"/>
      <c r="H1806" s="3"/>
      <c r="I1806" s="3"/>
      <c r="J1806" s="3"/>
      <c r="K1806" s="14"/>
      <c r="L1806" s="3"/>
    </row>
    <row r="1807" spans="1:12" ht="16.5" customHeight="1" x14ac:dyDescent="0.3">
      <c r="A1807" s="11"/>
      <c r="B1807" s="11"/>
      <c r="C1807" s="42"/>
      <c r="D1807" s="3"/>
      <c r="E1807" s="3"/>
      <c r="F1807" s="3"/>
      <c r="G1807" s="3"/>
      <c r="H1807" s="3"/>
      <c r="I1807" s="3"/>
      <c r="J1807" s="3"/>
      <c r="K1807" s="14"/>
      <c r="L1807" s="3"/>
    </row>
    <row r="1808" spans="1:12" ht="16.5" customHeight="1" x14ac:dyDescent="0.3">
      <c r="A1808" s="11"/>
      <c r="B1808" s="11"/>
      <c r="C1808" s="42"/>
      <c r="D1808" s="3"/>
      <c r="E1808" s="3"/>
      <c r="F1808" s="3"/>
      <c r="G1808" s="3"/>
      <c r="H1808" s="3"/>
      <c r="I1808" s="3"/>
      <c r="J1808" s="3"/>
      <c r="K1808" s="14"/>
      <c r="L1808" s="3"/>
    </row>
    <row r="1809" spans="1:12" ht="16.5" customHeight="1" x14ac:dyDescent="0.3">
      <c r="A1809" s="11"/>
      <c r="B1809" s="11"/>
      <c r="C1809" s="42"/>
      <c r="D1809" s="3"/>
      <c r="E1809" s="3"/>
      <c r="F1809" s="3"/>
      <c r="G1809" s="3"/>
      <c r="H1809" s="3"/>
      <c r="I1809" s="3"/>
      <c r="J1809" s="3"/>
      <c r="K1809" s="14"/>
      <c r="L1809" s="3"/>
    </row>
    <row r="1810" spans="1:12" ht="16.5" customHeight="1" x14ac:dyDescent="0.3">
      <c r="A1810" s="11"/>
      <c r="B1810" s="11"/>
      <c r="C1810" s="42"/>
      <c r="D1810" s="3"/>
      <c r="E1810" s="3"/>
      <c r="F1810" s="3"/>
      <c r="G1810" s="3"/>
      <c r="H1810" s="3"/>
      <c r="I1810" s="3"/>
      <c r="J1810" s="3"/>
      <c r="K1810" s="14"/>
      <c r="L1810" s="3"/>
    </row>
    <row r="1811" spans="1:12" ht="16.5" customHeight="1" x14ac:dyDescent="0.3">
      <c r="A1811" s="11"/>
      <c r="B1811" s="11"/>
      <c r="C1811" s="42"/>
      <c r="D1811" s="3"/>
      <c r="E1811" s="3"/>
      <c r="F1811" s="3"/>
      <c r="G1811" s="3"/>
      <c r="H1811" s="3"/>
      <c r="I1811" s="3"/>
      <c r="J1811" s="3"/>
      <c r="K1811" s="14"/>
      <c r="L1811" s="3"/>
    </row>
    <row r="1812" spans="1:12" ht="16.5" customHeight="1" x14ac:dyDescent="0.3">
      <c r="A1812" s="11"/>
      <c r="B1812" s="11"/>
      <c r="C1812" s="42"/>
      <c r="D1812" s="3"/>
      <c r="E1812" s="3"/>
      <c r="F1812" s="3"/>
      <c r="G1812" s="3"/>
      <c r="H1812" s="3"/>
      <c r="I1812" s="3"/>
      <c r="J1812" s="3"/>
      <c r="K1812" s="14"/>
      <c r="L1812" s="3"/>
    </row>
    <row r="1813" spans="1:12" ht="16.5" customHeight="1" x14ac:dyDescent="0.3">
      <c r="A1813" s="11"/>
      <c r="B1813" s="11"/>
      <c r="C1813" s="42"/>
      <c r="D1813" s="3"/>
      <c r="E1813" s="3"/>
      <c r="F1813" s="3"/>
      <c r="G1813" s="3"/>
      <c r="H1813" s="3"/>
      <c r="I1813" s="3"/>
      <c r="J1813" s="3"/>
      <c r="K1813" s="14"/>
      <c r="L1813" s="3"/>
    </row>
    <row r="1814" spans="1:12" ht="16.5" customHeight="1" x14ac:dyDescent="0.3">
      <c r="A1814" s="11"/>
      <c r="B1814" s="11"/>
      <c r="C1814" s="42"/>
      <c r="D1814" s="3"/>
      <c r="E1814" s="3"/>
      <c r="F1814" s="3"/>
      <c r="G1814" s="3"/>
      <c r="H1814" s="3"/>
      <c r="I1814" s="3"/>
      <c r="J1814" s="3"/>
      <c r="K1814" s="14"/>
      <c r="L1814" s="3"/>
    </row>
    <row r="1815" spans="1:12" ht="16.5" customHeight="1" x14ac:dyDescent="0.3">
      <c r="A1815" s="11"/>
      <c r="B1815" s="11"/>
      <c r="C1815" s="42"/>
      <c r="D1815" s="3"/>
      <c r="E1815" s="3"/>
      <c r="F1815" s="3"/>
      <c r="G1815" s="3"/>
      <c r="H1815" s="3"/>
      <c r="I1815" s="3"/>
      <c r="J1815" s="3"/>
      <c r="K1815" s="14"/>
      <c r="L1815" s="3"/>
    </row>
    <row r="1816" spans="1:12" ht="16.5" customHeight="1" x14ac:dyDescent="0.3">
      <c r="A1816" s="11"/>
      <c r="B1816" s="11"/>
      <c r="C1816" s="42"/>
      <c r="D1816" s="3"/>
      <c r="E1816" s="3"/>
      <c r="F1816" s="3"/>
      <c r="G1816" s="3"/>
      <c r="H1816" s="3"/>
      <c r="I1816" s="3"/>
      <c r="J1816" s="3"/>
      <c r="K1816" s="14"/>
      <c r="L1816" s="3"/>
    </row>
    <row r="1817" spans="1:12" ht="16.5" customHeight="1" x14ac:dyDescent="0.3">
      <c r="A1817" s="11"/>
      <c r="B1817" s="11"/>
      <c r="C1817" s="42"/>
      <c r="D1817" s="3"/>
      <c r="E1817" s="3"/>
      <c r="F1817" s="3"/>
      <c r="G1817" s="3"/>
      <c r="H1817" s="3"/>
      <c r="I1817" s="3"/>
      <c r="J1817" s="3"/>
      <c r="K1817" s="14"/>
      <c r="L1817" s="3"/>
    </row>
    <row r="1818" spans="1:12" ht="16.5" customHeight="1" x14ac:dyDescent="0.3">
      <c r="A1818" s="11"/>
      <c r="B1818" s="11"/>
      <c r="C1818" s="42"/>
      <c r="D1818" s="3"/>
      <c r="E1818" s="3"/>
      <c r="F1818" s="3"/>
      <c r="G1818" s="3"/>
      <c r="H1818" s="3"/>
      <c r="I1818" s="3"/>
      <c r="J1818" s="3"/>
      <c r="K1818" s="14"/>
      <c r="L1818" s="3"/>
    </row>
    <row r="1819" spans="1:12" ht="16.5" customHeight="1" x14ac:dyDescent="0.3">
      <c r="A1819" s="11"/>
      <c r="B1819" s="11"/>
      <c r="C1819" s="42"/>
      <c r="D1819" s="3"/>
      <c r="E1819" s="3"/>
      <c r="F1819" s="3"/>
      <c r="G1819" s="3"/>
      <c r="H1819" s="3"/>
      <c r="I1819" s="3"/>
      <c r="J1819" s="3"/>
      <c r="K1819" s="14"/>
      <c r="L1819" s="3"/>
    </row>
    <row r="1820" spans="1:12" ht="16.5" customHeight="1" x14ac:dyDescent="0.3">
      <c r="A1820" s="11"/>
      <c r="B1820" s="11"/>
      <c r="C1820" s="42"/>
      <c r="D1820" s="3"/>
      <c r="E1820" s="3"/>
      <c r="F1820" s="3"/>
      <c r="G1820" s="3"/>
      <c r="H1820" s="3"/>
      <c r="I1820" s="3"/>
      <c r="J1820" s="3"/>
      <c r="K1820" s="14"/>
      <c r="L1820" s="3"/>
    </row>
    <row r="1821" spans="1:12" ht="16.5" customHeight="1" x14ac:dyDescent="0.3">
      <c r="A1821" s="11"/>
      <c r="B1821" s="11"/>
      <c r="C1821" s="42"/>
      <c r="D1821" s="3"/>
      <c r="E1821" s="3"/>
      <c r="F1821" s="3"/>
      <c r="G1821" s="3"/>
      <c r="H1821" s="3"/>
      <c r="I1821" s="3"/>
      <c r="J1821" s="3"/>
      <c r="K1821" s="14"/>
      <c r="L1821" s="3"/>
    </row>
    <row r="1822" spans="1:12" ht="16.5" customHeight="1" x14ac:dyDescent="0.3">
      <c r="A1822" s="11"/>
      <c r="B1822" s="11"/>
      <c r="C1822" s="42"/>
      <c r="D1822" s="3"/>
      <c r="E1822" s="3"/>
      <c r="F1822" s="3"/>
      <c r="G1822" s="3"/>
      <c r="H1822" s="3"/>
      <c r="I1822" s="3"/>
      <c r="J1822" s="3"/>
      <c r="K1822" s="14"/>
      <c r="L1822" s="3"/>
    </row>
    <row r="1823" spans="1:12" ht="16.5" customHeight="1" x14ac:dyDescent="0.3">
      <c r="A1823" s="11"/>
      <c r="B1823" s="11"/>
      <c r="C1823" s="42"/>
      <c r="D1823" s="3"/>
      <c r="E1823" s="3"/>
      <c r="F1823" s="3"/>
      <c r="G1823" s="3"/>
      <c r="H1823" s="3"/>
      <c r="I1823" s="3"/>
      <c r="J1823" s="3"/>
      <c r="K1823" s="14"/>
      <c r="L1823" s="3"/>
    </row>
    <row r="1824" spans="1:12" ht="16.5" customHeight="1" x14ac:dyDescent="0.3">
      <c r="A1824" s="11"/>
      <c r="B1824" s="11"/>
      <c r="C1824" s="42"/>
      <c r="D1824" s="3"/>
      <c r="E1824" s="3"/>
      <c r="F1824" s="3"/>
      <c r="G1824" s="3"/>
      <c r="H1824" s="3"/>
      <c r="I1824" s="3"/>
      <c r="J1824" s="3"/>
      <c r="K1824" s="14"/>
      <c r="L1824" s="3"/>
    </row>
    <row r="1825" spans="1:12" ht="16.5" customHeight="1" x14ac:dyDescent="0.3">
      <c r="A1825" s="11"/>
      <c r="B1825" s="11"/>
      <c r="C1825" s="42"/>
      <c r="D1825" s="3"/>
      <c r="E1825" s="3"/>
      <c r="F1825" s="3"/>
      <c r="G1825" s="3"/>
      <c r="H1825" s="3"/>
      <c r="I1825" s="3"/>
      <c r="J1825" s="3"/>
      <c r="K1825" s="14"/>
      <c r="L1825" s="3"/>
    </row>
    <row r="1826" spans="1:12" ht="16.5" customHeight="1" x14ac:dyDescent="0.3">
      <c r="A1826" s="11"/>
      <c r="B1826" s="11"/>
      <c r="C1826" s="42"/>
      <c r="D1826" s="3"/>
      <c r="E1826" s="3"/>
      <c r="F1826" s="3"/>
      <c r="G1826" s="3"/>
      <c r="H1826" s="3"/>
      <c r="I1826" s="3"/>
      <c r="J1826" s="3"/>
      <c r="K1826" s="14"/>
      <c r="L1826" s="3"/>
    </row>
    <row r="1827" spans="1:12" ht="16.5" customHeight="1" x14ac:dyDescent="0.3">
      <c r="A1827" s="11"/>
      <c r="B1827" s="11"/>
      <c r="C1827" s="42"/>
      <c r="D1827" s="3"/>
      <c r="E1827" s="3"/>
      <c r="F1827" s="3"/>
      <c r="G1827" s="3"/>
      <c r="H1827" s="3"/>
      <c r="I1827" s="3"/>
      <c r="J1827" s="3"/>
      <c r="K1827" s="14"/>
      <c r="L1827" s="3"/>
    </row>
    <row r="1828" spans="1:12" ht="16.5" customHeight="1" x14ac:dyDescent="0.3">
      <c r="A1828" s="11"/>
      <c r="B1828" s="11"/>
      <c r="C1828" s="42"/>
      <c r="D1828" s="3"/>
      <c r="E1828" s="3"/>
      <c r="F1828" s="3"/>
      <c r="G1828" s="3"/>
      <c r="H1828" s="3"/>
      <c r="I1828" s="3"/>
      <c r="J1828" s="3"/>
      <c r="K1828" s="14"/>
      <c r="L1828" s="3"/>
    </row>
    <row r="1829" spans="1:12" ht="16.5" customHeight="1" x14ac:dyDescent="0.3">
      <c r="A1829" s="11"/>
      <c r="B1829" s="11"/>
      <c r="C1829" s="42"/>
      <c r="D1829" s="3"/>
      <c r="E1829" s="3"/>
      <c r="F1829" s="3"/>
      <c r="G1829" s="3"/>
      <c r="H1829" s="3"/>
      <c r="I1829" s="3"/>
      <c r="J1829" s="3"/>
      <c r="K1829" s="14"/>
      <c r="L1829" s="3"/>
    </row>
    <row r="1830" spans="1:12" ht="16.5" customHeight="1" x14ac:dyDescent="0.3">
      <c r="A1830" s="11"/>
      <c r="B1830" s="11"/>
      <c r="C1830" s="42"/>
      <c r="D1830" s="3"/>
      <c r="E1830" s="3"/>
      <c r="F1830" s="3"/>
      <c r="G1830" s="3"/>
      <c r="H1830" s="3"/>
      <c r="I1830" s="3"/>
      <c r="J1830" s="3"/>
      <c r="K1830" s="14"/>
      <c r="L1830" s="3"/>
    </row>
    <row r="1831" spans="1:12" ht="16.5" customHeight="1" x14ac:dyDescent="0.3">
      <c r="A1831" s="11"/>
      <c r="B1831" s="11"/>
      <c r="C1831" s="42"/>
      <c r="D1831" s="3"/>
      <c r="E1831" s="3"/>
      <c r="F1831" s="3"/>
      <c r="G1831" s="3"/>
      <c r="H1831" s="3"/>
      <c r="I1831" s="3"/>
      <c r="J1831" s="3"/>
      <c r="K1831" s="14"/>
      <c r="L1831" s="3"/>
    </row>
    <row r="1832" spans="1:12" ht="16.5" customHeight="1" x14ac:dyDescent="0.3">
      <c r="A1832" s="11"/>
      <c r="B1832" s="11"/>
      <c r="C1832" s="42"/>
      <c r="D1832" s="3"/>
      <c r="E1832" s="3"/>
      <c r="F1832" s="3"/>
      <c r="G1832" s="3"/>
      <c r="H1832" s="3"/>
      <c r="I1832" s="3"/>
      <c r="J1832" s="3"/>
      <c r="K1832" s="14"/>
      <c r="L1832" s="3"/>
    </row>
    <row r="1833" spans="1:12" ht="16.5" customHeight="1" x14ac:dyDescent="0.3">
      <c r="A1833" s="11"/>
      <c r="B1833" s="11"/>
      <c r="C1833" s="42"/>
      <c r="D1833" s="3"/>
      <c r="E1833" s="3"/>
      <c r="F1833" s="3"/>
      <c r="G1833" s="3"/>
      <c r="H1833" s="3"/>
      <c r="I1833" s="3"/>
      <c r="J1833" s="3"/>
      <c r="K1833" s="14"/>
      <c r="L1833" s="3"/>
    </row>
    <row r="1834" spans="1:12" ht="16.5" customHeight="1" x14ac:dyDescent="0.3">
      <c r="A1834" s="11"/>
      <c r="B1834" s="11"/>
      <c r="C1834" s="42"/>
      <c r="D1834" s="3"/>
      <c r="E1834" s="3"/>
      <c r="F1834" s="3"/>
      <c r="G1834" s="3"/>
      <c r="H1834" s="3"/>
      <c r="I1834" s="3"/>
      <c r="J1834" s="3"/>
      <c r="K1834" s="14"/>
      <c r="L1834" s="3"/>
    </row>
    <row r="1835" spans="1:12" ht="16.5" customHeight="1" x14ac:dyDescent="0.3">
      <c r="A1835" s="11"/>
      <c r="B1835" s="11"/>
      <c r="C1835" s="42"/>
      <c r="D1835" s="3"/>
      <c r="E1835" s="3"/>
      <c r="F1835" s="3"/>
      <c r="G1835" s="3"/>
      <c r="H1835" s="3"/>
      <c r="I1835" s="3"/>
      <c r="J1835" s="3"/>
      <c r="K1835" s="14"/>
      <c r="L1835" s="3"/>
    </row>
    <row r="1836" spans="1:12" ht="16.5" customHeight="1" x14ac:dyDescent="0.3">
      <c r="A1836" s="11"/>
      <c r="B1836" s="11"/>
      <c r="C1836" s="42"/>
      <c r="D1836" s="3"/>
      <c r="E1836" s="3"/>
      <c r="F1836" s="3"/>
      <c r="G1836" s="3"/>
      <c r="H1836" s="3"/>
      <c r="I1836" s="3"/>
      <c r="J1836" s="3"/>
      <c r="K1836" s="14"/>
      <c r="L1836" s="3"/>
    </row>
    <row r="1837" spans="1:12" ht="16.5" customHeight="1" x14ac:dyDescent="0.3">
      <c r="A1837" s="11"/>
      <c r="B1837" s="11"/>
      <c r="C1837" s="42"/>
      <c r="D1837" s="3"/>
      <c r="E1837" s="3"/>
      <c r="F1837" s="3"/>
      <c r="G1837" s="3"/>
      <c r="H1837" s="3"/>
      <c r="I1837" s="3"/>
      <c r="J1837" s="3"/>
      <c r="K1837" s="14"/>
      <c r="L1837" s="3"/>
    </row>
    <row r="1838" spans="1:12" ht="16.5" customHeight="1" x14ac:dyDescent="0.3">
      <c r="A1838" s="11"/>
      <c r="B1838" s="11"/>
      <c r="C1838" s="42"/>
      <c r="D1838" s="3"/>
      <c r="E1838" s="3"/>
      <c r="F1838" s="3"/>
      <c r="G1838" s="3"/>
      <c r="H1838" s="3"/>
      <c r="I1838" s="3"/>
      <c r="J1838" s="3"/>
      <c r="K1838" s="14"/>
      <c r="L1838" s="3"/>
    </row>
    <row r="1839" spans="1:12" ht="16.5" customHeight="1" x14ac:dyDescent="0.3">
      <c r="A1839" s="11"/>
      <c r="B1839" s="11"/>
      <c r="C1839" s="42"/>
      <c r="D1839" s="3"/>
      <c r="E1839" s="3"/>
      <c r="F1839" s="3"/>
      <c r="G1839" s="3"/>
      <c r="H1839" s="3"/>
      <c r="I1839" s="3"/>
      <c r="J1839" s="3"/>
      <c r="K1839" s="14"/>
      <c r="L1839" s="3"/>
    </row>
    <row r="1840" spans="1:12" ht="16.5" customHeight="1" x14ac:dyDescent="0.3">
      <c r="A1840" s="11"/>
      <c r="B1840" s="11"/>
      <c r="C1840" s="42"/>
      <c r="D1840" s="3"/>
      <c r="E1840" s="3"/>
      <c r="F1840" s="3"/>
      <c r="G1840" s="3"/>
      <c r="H1840" s="3"/>
      <c r="I1840" s="3"/>
      <c r="J1840" s="3"/>
      <c r="K1840" s="14"/>
      <c r="L1840" s="3"/>
    </row>
    <row r="1841" spans="1:12" ht="16.5" customHeight="1" x14ac:dyDescent="0.3">
      <c r="A1841" s="11"/>
      <c r="B1841" s="11"/>
      <c r="C1841" s="42"/>
      <c r="D1841" s="3"/>
      <c r="E1841" s="3"/>
      <c r="F1841" s="3"/>
      <c r="G1841" s="3"/>
      <c r="H1841" s="3"/>
      <c r="I1841" s="3"/>
      <c r="J1841" s="3"/>
      <c r="K1841" s="14"/>
      <c r="L1841" s="3"/>
    </row>
    <row r="1842" spans="1:12" ht="16.5" customHeight="1" x14ac:dyDescent="0.3">
      <c r="A1842" s="11"/>
      <c r="B1842" s="11"/>
      <c r="C1842" s="42"/>
      <c r="D1842" s="3"/>
      <c r="E1842" s="3"/>
      <c r="F1842" s="3"/>
      <c r="G1842" s="3"/>
      <c r="H1842" s="3"/>
      <c r="I1842" s="3"/>
      <c r="J1842" s="3"/>
      <c r="K1842" s="14"/>
      <c r="L1842" s="3"/>
    </row>
    <row r="1843" spans="1:12" ht="16.5" customHeight="1" x14ac:dyDescent="0.3">
      <c r="A1843" s="11"/>
      <c r="B1843" s="11"/>
      <c r="C1843" s="42"/>
      <c r="D1843" s="3"/>
      <c r="E1843" s="3"/>
      <c r="F1843" s="3"/>
      <c r="G1843" s="3"/>
      <c r="H1843" s="3"/>
      <c r="I1843" s="3"/>
      <c r="J1843" s="3"/>
      <c r="K1843" s="14"/>
      <c r="L1843" s="3"/>
    </row>
    <row r="1844" spans="1:12" ht="16.5" customHeight="1" x14ac:dyDescent="0.3">
      <c r="A1844" s="11"/>
      <c r="B1844" s="11"/>
      <c r="C1844" s="42"/>
      <c r="D1844" s="3"/>
      <c r="E1844" s="3"/>
      <c r="F1844" s="3"/>
      <c r="G1844" s="3"/>
      <c r="H1844" s="3"/>
      <c r="I1844" s="3"/>
      <c r="J1844" s="3"/>
      <c r="K1844" s="14"/>
      <c r="L1844" s="3"/>
    </row>
    <row r="1845" spans="1:12" ht="16.5" customHeight="1" x14ac:dyDescent="0.3">
      <c r="A1845" s="11"/>
      <c r="B1845" s="11"/>
      <c r="C1845" s="42"/>
      <c r="D1845" s="3"/>
      <c r="E1845" s="3"/>
      <c r="F1845" s="3"/>
      <c r="G1845" s="3"/>
      <c r="H1845" s="3"/>
      <c r="I1845" s="3"/>
      <c r="J1845" s="3"/>
      <c r="K1845" s="14"/>
      <c r="L1845" s="3"/>
    </row>
    <row r="1846" spans="1:12" ht="16.5" customHeight="1" x14ac:dyDescent="0.3">
      <c r="A1846" s="11"/>
      <c r="B1846" s="11"/>
      <c r="C1846" s="42"/>
      <c r="D1846" s="3"/>
      <c r="E1846" s="3"/>
      <c r="F1846" s="3"/>
      <c r="G1846" s="3"/>
      <c r="H1846" s="3"/>
      <c r="I1846" s="3"/>
      <c r="J1846" s="3"/>
      <c r="K1846" s="14"/>
      <c r="L1846" s="3"/>
    </row>
    <row r="1847" spans="1:12" ht="16.5" customHeight="1" x14ac:dyDescent="0.3">
      <c r="A1847" s="11"/>
      <c r="B1847" s="11"/>
      <c r="C1847" s="42"/>
      <c r="D1847" s="3"/>
      <c r="E1847" s="3"/>
      <c r="F1847" s="3"/>
      <c r="G1847" s="3"/>
      <c r="H1847" s="3"/>
      <c r="I1847" s="3"/>
      <c r="J1847" s="3"/>
      <c r="K1847" s="14"/>
      <c r="L1847" s="3"/>
    </row>
    <row r="1848" spans="1:12" ht="16.5" customHeight="1" x14ac:dyDescent="0.3">
      <c r="A1848" s="11"/>
      <c r="B1848" s="11"/>
      <c r="C1848" s="42"/>
      <c r="D1848" s="3"/>
      <c r="E1848" s="3"/>
      <c r="F1848" s="3"/>
      <c r="G1848" s="3"/>
      <c r="H1848" s="3"/>
      <c r="I1848" s="3"/>
      <c r="J1848" s="3"/>
      <c r="K1848" s="14"/>
      <c r="L1848" s="3"/>
    </row>
    <row r="1849" spans="1:12" ht="16.5" customHeight="1" x14ac:dyDescent="0.3">
      <c r="A1849" s="11"/>
      <c r="B1849" s="11"/>
      <c r="C1849" s="42"/>
      <c r="D1849" s="3"/>
      <c r="E1849" s="3"/>
      <c r="F1849" s="3"/>
      <c r="G1849" s="3"/>
      <c r="H1849" s="3"/>
      <c r="I1849" s="3"/>
      <c r="J1849" s="3"/>
      <c r="K1849" s="14"/>
      <c r="L1849" s="3"/>
    </row>
    <row r="1850" spans="1:12" ht="16.5" customHeight="1" x14ac:dyDescent="0.3">
      <c r="A1850" s="11"/>
      <c r="B1850" s="11"/>
      <c r="C1850" s="42"/>
      <c r="D1850" s="3"/>
      <c r="E1850" s="3"/>
      <c r="F1850" s="3"/>
      <c r="G1850" s="3"/>
      <c r="H1850" s="3"/>
      <c r="I1850" s="3"/>
      <c r="J1850" s="3"/>
      <c r="K1850" s="14"/>
      <c r="L1850" s="3"/>
    </row>
    <row r="1851" spans="1:12" ht="16.5" customHeight="1" x14ac:dyDescent="0.3">
      <c r="A1851" s="11"/>
      <c r="B1851" s="11"/>
      <c r="C1851" s="42"/>
      <c r="D1851" s="3"/>
      <c r="E1851" s="3"/>
      <c r="F1851" s="3"/>
      <c r="G1851" s="3"/>
      <c r="H1851" s="3"/>
      <c r="I1851" s="3"/>
      <c r="J1851" s="3"/>
      <c r="K1851" s="14"/>
      <c r="L1851" s="3"/>
    </row>
    <row r="1852" spans="1:12" ht="16.5" customHeight="1" x14ac:dyDescent="0.3">
      <c r="A1852" s="11"/>
      <c r="B1852" s="11"/>
      <c r="C1852" s="42"/>
      <c r="D1852" s="3"/>
      <c r="E1852" s="3"/>
      <c r="F1852" s="3"/>
      <c r="G1852" s="3"/>
      <c r="H1852" s="3"/>
      <c r="I1852" s="3"/>
      <c r="J1852" s="3"/>
      <c r="K1852" s="14"/>
      <c r="L1852" s="3"/>
    </row>
    <row r="1853" spans="1:12" ht="16.5" customHeight="1" x14ac:dyDescent="0.3">
      <c r="A1853" s="11"/>
      <c r="B1853" s="11"/>
      <c r="C1853" s="42"/>
      <c r="D1853" s="3"/>
      <c r="E1853" s="3"/>
      <c r="F1853" s="3"/>
      <c r="G1853" s="3"/>
      <c r="H1853" s="3"/>
      <c r="I1853" s="3"/>
      <c r="J1853" s="3"/>
      <c r="K1853" s="14"/>
      <c r="L1853" s="3"/>
    </row>
    <row r="1854" spans="1:12" ht="16.5" customHeight="1" x14ac:dyDescent="0.3">
      <c r="A1854" s="11"/>
      <c r="B1854" s="11"/>
      <c r="C1854" s="42"/>
      <c r="D1854" s="3"/>
      <c r="E1854" s="3"/>
      <c r="F1854" s="3"/>
      <c r="G1854" s="3"/>
      <c r="H1854" s="3"/>
      <c r="I1854" s="3"/>
      <c r="J1854" s="3"/>
      <c r="K1854" s="14"/>
      <c r="L1854" s="3"/>
    </row>
    <row r="1855" spans="1:12" ht="16.5" customHeight="1" x14ac:dyDescent="0.3">
      <c r="A1855" s="11"/>
      <c r="B1855" s="11"/>
      <c r="C1855" s="42"/>
      <c r="D1855" s="3"/>
      <c r="E1855" s="3"/>
      <c r="F1855" s="3"/>
      <c r="G1855" s="3"/>
      <c r="H1855" s="3"/>
      <c r="I1855" s="3"/>
      <c r="J1855" s="3"/>
      <c r="K1855" s="14"/>
      <c r="L1855" s="3"/>
    </row>
    <row r="1856" spans="1:12" ht="16.5" customHeight="1" x14ac:dyDescent="0.3">
      <c r="A1856" s="11"/>
      <c r="B1856" s="11"/>
      <c r="C1856" s="42"/>
      <c r="D1856" s="3"/>
      <c r="E1856" s="3"/>
      <c r="F1856" s="3"/>
      <c r="G1856" s="3"/>
      <c r="H1856" s="3"/>
      <c r="I1856" s="3"/>
      <c r="J1856" s="3"/>
      <c r="K1856" s="14"/>
      <c r="L1856" s="3"/>
    </row>
    <row r="1857" spans="1:12" ht="16.5" customHeight="1" x14ac:dyDescent="0.3">
      <c r="A1857" s="11"/>
      <c r="B1857" s="11"/>
      <c r="C1857" s="42"/>
      <c r="D1857" s="3"/>
      <c r="E1857" s="3"/>
      <c r="F1857" s="3"/>
      <c r="G1857" s="3"/>
      <c r="H1857" s="3"/>
      <c r="I1857" s="3"/>
      <c r="J1857" s="3"/>
      <c r="K1857" s="14"/>
      <c r="L1857" s="3"/>
    </row>
    <row r="1858" spans="1:12" ht="16.5" customHeight="1" x14ac:dyDescent="0.3">
      <c r="A1858" s="11"/>
      <c r="B1858" s="11"/>
      <c r="C1858" s="42"/>
      <c r="D1858" s="3"/>
      <c r="E1858" s="3"/>
      <c r="F1858" s="3"/>
      <c r="G1858" s="3"/>
      <c r="H1858" s="3"/>
      <c r="I1858" s="3"/>
      <c r="J1858" s="3"/>
      <c r="K1858" s="14"/>
      <c r="L1858" s="3"/>
    </row>
    <row r="1859" spans="1:12" ht="16.5" customHeight="1" x14ac:dyDescent="0.3">
      <c r="A1859" s="11"/>
      <c r="B1859" s="11"/>
      <c r="C1859" s="42"/>
      <c r="D1859" s="3"/>
      <c r="E1859" s="3"/>
      <c r="F1859" s="3"/>
      <c r="G1859" s="3"/>
      <c r="H1859" s="3"/>
      <c r="I1859" s="3"/>
      <c r="J1859" s="3"/>
      <c r="K1859" s="14"/>
      <c r="L1859" s="3"/>
    </row>
    <row r="1860" spans="1:12" ht="16.5" customHeight="1" x14ac:dyDescent="0.3">
      <c r="A1860" s="11"/>
      <c r="B1860" s="11"/>
      <c r="C1860" s="42"/>
      <c r="D1860" s="3"/>
      <c r="E1860" s="3"/>
      <c r="F1860" s="3"/>
      <c r="G1860" s="3"/>
      <c r="H1860" s="3"/>
      <c r="I1860" s="3"/>
      <c r="J1860" s="3"/>
      <c r="K1860" s="14"/>
      <c r="L1860" s="3"/>
    </row>
    <row r="1861" spans="1:12" ht="16.5" customHeight="1" x14ac:dyDescent="0.3">
      <c r="A1861" s="11"/>
      <c r="B1861" s="11"/>
      <c r="C1861" s="42"/>
      <c r="D1861" s="3"/>
      <c r="E1861" s="3"/>
      <c r="F1861" s="3"/>
      <c r="G1861" s="3"/>
      <c r="H1861" s="3"/>
      <c r="I1861" s="3"/>
      <c r="J1861" s="3"/>
      <c r="K1861" s="14"/>
      <c r="L1861" s="3"/>
    </row>
    <row r="1862" spans="1:12" ht="16.5" customHeight="1" x14ac:dyDescent="0.3">
      <c r="A1862" s="11"/>
      <c r="B1862" s="11"/>
      <c r="C1862" s="42"/>
      <c r="D1862" s="3"/>
      <c r="E1862" s="3"/>
      <c r="F1862" s="3"/>
      <c r="G1862" s="3"/>
      <c r="H1862" s="3"/>
      <c r="I1862" s="3"/>
      <c r="J1862" s="3"/>
      <c r="K1862" s="14"/>
      <c r="L1862" s="3"/>
    </row>
    <row r="1863" spans="1:12" ht="16.5" customHeight="1" x14ac:dyDescent="0.3">
      <c r="A1863" s="11"/>
      <c r="B1863" s="11"/>
      <c r="C1863" s="42"/>
      <c r="D1863" s="3"/>
      <c r="E1863" s="3"/>
      <c r="F1863" s="3"/>
      <c r="G1863" s="3"/>
      <c r="H1863" s="3"/>
      <c r="I1863" s="3"/>
      <c r="J1863" s="3"/>
      <c r="K1863" s="14"/>
      <c r="L1863" s="3"/>
    </row>
    <row r="1864" spans="1:12" ht="16.5" customHeight="1" x14ac:dyDescent="0.3">
      <c r="A1864" s="11"/>
      <c r="B1864" s="11"/>
      <c r="C1864" s="42"/>
      <c r="D1864" s="3"/>
      <c r="E1864" s="3"/>
      <c r="F1864" s="3"/>
      <c r="G1864" s="3"/>
      <c r="H1864" s="3"/>
      <c r="I1864" s="3"/>
      <c r="J1864" s="3"/>
      <c r="K1864" s="14"/>
      <c r="L1864" s="3"/>
    </row>
    <row r="1865" spans="1:12" ht="16.5" customHeight="1" x14ac:dyDescent="0.3">
      <c r="A1865" s="11"/>
      <c r="B1865" s="11"/>
      <c r="C1865" s="42"/>
      <c r="D1865" s="3"/>
      <c r="E1865" s="3"/>
      <c r="F1865" s="3"/>
      <c r="G1865" s="3"/>
      <c r="H1865" s="3"/>
      <c r="I1865" s="3"/>
      <c r="J1865" s="3"/>
      <c r="K1865" s="14"/>
      <c r="L1865" s="3"/>
    </row>
    <row r="1866" spans="1:12" ht="16.5" customHeight="1" x14ac:dyDescent="0.3">
      <c r="A1866" s="11"/>
      <c r="B1866" s="11"/>
      <c r="C1866" s="42"/>
      <c r="D1866" s="3"/>
      <c r="E1866" s="3"/>
      <c r="F1866" s="3"/>
      <c r="G1866" s="3"/>
      <c r="H1866" s="3"/>
      <c r="I1866" s="3"/>
      <c r="J1866" s="3"/>
      <c r="K1866" s="14"/>
      <c r="L1866" s="3"/>
    </row>
    <row r="1867" spans="1:12" ht="16.5" customHeight="1" x14ac:dyDescent="0.3">
      <c r="A1867" s="11"/>
      <c r="B1867" s="11"/>
      <c r="C1867" s="42"/>
      <c r="D1867" s="3"/>
      <c r="E1867" s="3"/>
      <c r="F1867" s="3"/>
      <c r="G1867" s="3"/>
      <c r="H1867" s="3"/>
      <c r="I1867" s="3"/>
      <c r="J1867" s="3"/>
      <c r="K1867" s="14"/>
      <c r="L1867" s="3"/>
    </row>
    <row r="1868" spans="1:12" ht="16.5" customHeight="1" x14ac:dyDescent="0.3">
      <c r="A1868" s="11"/>
      <c r="B1868" s="11"/>
      <c r="C1868" s="42"/>
      <c r="D1868" s="3"/>
      <c r="E1868" s="3"/>
      <c r="F1868" s="3"/>
      <c r="G1868" s="3"/>
      <c r="H1868" s="3"/>
      <c r="I1868" s="3"/>
      <c r="J1868" s="3"/>
      <c r="K1868" s="14"/>
      <c r="L1868" s="3"/>
    </row>
    <row r="1869" spans="1:12" ht="16.5" customHeight="1" x14ac:dyDescent="0.3">
      <c r="A1869" s="11"/>
      <c r="B1869" s="11"/>
      <c r="C1869" s="42"/>
      <c r="D1869" s="3"/>
      <c r="E1869" s="3"/>
      <c r="F1869" s="3"/>
      <c r="G1869" s="3"/>
      <c r="H1869" s="3"/>
      <c r="I1869" s="3"/>
      <c r="J1869" s="3"/>
      <c r="K1869" s="14"/>
      <c r="L1869" s="3"/>
    </row>
    <row r="1870" spans="1:12" ht="16.5" customHeight="1" x14ac:dyDescent="0.3">
      <c r="A1870" s="11"/>
      <c r="B1870" s="11"/>
      <c r="C1870" s="42"/>
      <c r="D1870" s="3"/>
      <c r="E1870" s="3"/>
      <c r="F1870" s="3"/>
      <c r="G1870" s="3"/>
      <c r="H1870" s="3"/>
      <c r="I1870" s="3"/>
      <c r="J1870" s="3"/>
      <c r="K1870" s="14"/>
      <c r="L1870" s="3"/>
    </row>
    <row r="1871" spans="1:12" ht="16.5" customHeight="1" x14ac:dyDescent="0.3">
      <c r="A1871" s="11"/>
      <c r="B1871" s="11"/>
      <c r="C1871" s="42"/>
      <c r="D1871" s="3"/>
      <c r="E1871" s="3"/>
      <c r="F1871" s="3"/>
      <c r="G1871" s="3"/>
      <c r="H1871" s="3"/>
      <c r="I1871" s="3"/>
      <c r="J1871" s="3"/>
      <c r="K1871" s="14"/>
      <c r="L1871" s="3"/>
    </row>
    <row r="1872" spans="1:12" ht="16.5" customHeight="1" x14ac:dyDescent="0.3">
      <c r="A1872" s="11"/>
      <c r="B1872" s="11"/>
      <c r="C1872" s="42"/>
      <c r="D1872" s="3"/>
      <c r="E1872" s="3"/>
      <c r="F1872" s="3"/>
      <c r="G1872" s="3"/>
      <c r="H1872" s="3"/>
      <c r="I1872" s="3"/>
      <c r="J1872" s="3"/>
      <c r="K1872" s="14"/>
      <c r="L1872" s="3"/>
    </row>
    <row r="1873" spans="1:12" ht="16.5" customHeight="1" x14ac:dyDescent="0.3">
      <c r="A1873" s="11"/>
      <c r="B1873" s="11"/>
      <c r="C1873" s="42"/>
      <c r="D1873" s="3"/>
      <c r="E1873" s="3"/>
      <c r="F1873" s="3"/>
      <c r="G1873" s="3"/>
      <c r="H1873" s="3"/>
      <c r="I1873" s="3"/>
      <c r="J1873" s="3"/>
      <c r="K1873" s="14"/>
      <c r="L1873" s="3"/>
    </row>
    <row r="1874" spans="1:12" ht="16.5" customHeight="1" x14ac:dyDescent="0.3">
      <c r="A1874" s="11"/>
      <c r="B1874" s="11"/>
      <c r="C1874" s="42"/>
      <c r="D1874" s="3"/>
      <c r="E1874" s="3"/>
      <c r="F1874" s="3"/>
      <c r="G1874" s="3"/>
      <c r="H1874" s="3"/>
      <c r="I1874" s="3"/>
      <c r="J1874" s="3"/>
      <c r="K1874" s="14"/>
      <c r="L1874" s="3"/>
    </row>
    <row r="1875" spans="1:12" ht="16.5" customHeight="1" x14ac:dyDescent="0.3">
      <c r="A1875" s="11"/>
      <c r="B1875" s="11"/>
      <c r="C1875" s="42"/>
      <c r="D1875" s="3"/>
      <c r="E1875" s="3"/>
      <c r="F1875" s="3"/>
      <c r="G1875" s="3"/>
      <c r="H1875" s="3"/>
      <c r="I1875" s="3"/>
      <c r="J1875" s="3"/>
      <c r="K1875" s="14"/>
      <c r="L1875" s="3"/>
    </row>
    <row r="1876" spans="1:12" ht="16.5" customHeight="1" x14ac:dyDescent="0.3">
      <c r="A1876" s="11"/>
      <c r="B1876" s="11"/>
      <c r="C1876" s="42"/>
      <c r="D1876" s="3"/>
      <c r="E1876" s="3"/>
      <c r="F1876" s="3"/>
      <c r="G1876" s="3"/>
      <c r="H1876" s="3"/>
      <c r="I1876" s="3"/>
      <c r="J1876" s="3"/>
      <c r="K1876" s="14"/>
      <c r="L1876" s="3"/>
    </row>
    <row r="1877" spans="1:12" ht="16.5" customHeight="1" x14ac:dyDescent="0.3">
      <c r="A1877" s="11"/>
      <c r="B1877" s="11"/>
      <c r="C1877" s="42"/>
      <c r="D1877" s="3"/>
      <c r="E1877" s="3"/>
      <c r="F1877" s="3"/>
      <c r="G1877" s="3"/>
      <c r="H1877" s="3"/>
      <c r="I1877" s="3"/>
      <c r="J1877" s="3"/>
      <c r="K1877" s="14"/>
      <c r="L1877" s="3"/>
    </row>
    <row r="1878" spans="1:12" ht="16.5" customHeight="1" x14ac:dyDescent="0.3">
      <c r="A1878" s="11"/>
      <c r="B1878" s="11"/>
      <c r="C1878" s="42"/>
      <c r="D1878" s="3"/>
      <c r="E1878" s="3"/>
      <c r="F1878" s="3"/>
      <c r="G1878" s="3"/>
      <c r="H1878" s="3"/>
      <c r="I1878" s="3"/>
      <c r="J1878" s="3"/>
      <c r="K1878" s="14"/>
      <c r="L1878" s="3"/>
    </row>
    <row r="1879" spans="1:12" ht="16.5" customHeight="1" x14ac:dyDescent="0.3">
      <c r="A1879" s="11"/>
      <c r="B1879" s="11"/>
      <c r="C1879" s="42"/>
      <c r="D1879" s="3"/>
      <c r="E1879" s="3"/>
      <c r="F1879" s="3"/>
      <c r="G1879" s="3"/>
      <c r="H1879" s="3"/>
      <c r="I1879" s="3"/>
      <c r="J1879" s="3"/>
      <c r="K1879" s="14"/>
      <c r="L1879" s="3"/>
    </row>
    <row r="1880" spans="1:12" ht="16.5" customHeight="1" x14ac:dyDescent="0.3">
      <c r="A1880" s="11"/>
      <c r="B1880" s="11"/>
      <c r="C1880" s="42"/>
      <c r="D1880" s="3"/>
      <c r="E1880" s="3"/>
      <c r="F1880" s="3"/>
      <c r="G1880" s="3"/>
      <c r="H1880" s="3"/>
      <c r="I1880" s="3"/>
      <c r="J1880" s="3"/>
      <c r="K1880" s="14"/>
      <c r="L1880" s="3"/>
    </row>
    <row r="1881" spans="1:12" ht="16.5" customHeight="1" x14ac:dyDescent="0.3">
      <c r="A1881" s="11"/>
      <c r="B1881" s="11"/>
      <c r="C1881" s="42"/>
      <c r="D1881" s="3"/>
      <c r="E1881" s="3"/>
      <c r="F1881" s="3"/>
      <c r="G1881" s="3"/>
      <c r="H1881" s="3"/>
      <c r="I1881" s="3"/>
      <c r="J1881" s="3"/>
      <c r="K1881" s="14"/>
      <c r="L1881" s="3"/>
    </row>
    <row r="1882" spans="1:12" ht="16.5" customHeight="1" x14ac:dyDescent="0.3">
      <c r="A1882" s="11"/>
      <c r="B1882" s="11"/>
      <c r="C1882" s="42"/>
      <c r="D1882" s="3"/>
      <c r="E1882" s="3"/>
      <c r="F1882" s="3"/>
      <c r="G1882" s="3"/>
      <c r="H1882" s="3"/>
      <c r="I1882" s="3"/>
      <c r="J1882" s="3"/>
      <c r="K1882" s="14"/>
      <c r="L1882" s="3"/>
    </row>
    <row r="1883" spans="1:12" ht="16.5" customHeight="1" x14ac:dyDescent="0.3">
      <c r="A1883" s="11"/>
      <c r="B1883" s="11"/>
      <c r="C1883" s="42"/>
      <c r="D1883" s="3"/>
      <c r="E1883" s="3"/>
      <c r="F1883" s="3"/>
      <c r="G1883" s="3"/>
      <c r="H1883" s="3"/>
      <c r="I1883" s="3"/>
      <c r="J1883" s="3"/>
      <c r="K1883" s="14"/>
      <c r="L1883" s="3"/>
    </row>
    <row r="1884" spans="1:12" ht="16.5" customHeight="1" x14ac:dyDescent="0.3">
      <c r="A1884" s="11"/>
      <c r="B1884" s="11"/>
      <c r="C1884" s="42"/>
      <c r="D1884" s="3"/>
      <c r="E1884" s="3"/>
      <c r="F1884" s="3"/>
      <c r="G1884" s="3"/>
      <c r="H1884" s="3"/>
      <c r="I1884" s="3"/>
      <c r="J1884" s="3"/>
      <c r="K1884" s="14"/>
      <c r="L1884" s="3"/>
    </row>
    <row r="1885" spans="1:12" ht="16.5" customHeight="1" x14ac:dyDescent="0.3">
      <c r="A1885" s="11"/>
      <c r="B1885" s="11"/>
      <c r="C1885" s="42"/>
      <c r="D1885" s="3"/>
      <c r="E1885" s="3"/>
      <c r="F1885" s="3"/>
      <c r="G1885" s="3"/>
      <c r="H1885" s="3"/>
      <c r="I1885" s="3"/>
      <c r="J1885" s="3"/>
      <c r="K1885" s="14"/>
      <c r="L1885" s="3"/>
    </row>
    <row r="1886" spans="1:12" ht="16.5" customHeight="1" x14ac:dyDescent="0.3">
      <c r="A1886" s="11"/>
      <c r="B1886" s="11"/>
      <c r="C1886" s="42"/>
      <c r="D1886" s="3"/>
      <c r="E1886" s="3"/>
      <c r="F1886" s="3"/>
      <c r="G1886" s="3"/>
      <c r="H1886" s="3"/>
      <c r="I1886" s="3"/>
      <c r="J1886" s="3"/>
      <c r="K1886" s="14"/>
      <c r="L1886" s="3"/>
    </row>
    <row r="1887" spans="1:12" ht="16.5" customHeight="1" x14ac:dyDescent="0.3">
      <c r="A1887" s="11"/>
      <c r="B1887" s="11"/>
      <c r="C1887" s="42"/>
      <c r="D1887" s="3"/>
      <c r="E1887" s="3"/>
      <c r="F1887" s="3"/>
      <c r="G1887" s="3"/>
      <c r="H1887" s="3"/>
      <c r="I1887" s="3"/>
      <c r="J1887" s="3"/>
      <c r="K1887" s="14"/>
      <c r="L1887" s="3"/>
    </row>
    <row r="1888" spans="1:12" ht="16.5" customHeight="1" x14ac:dyDescent="0.3">
      <c r="A1888" s="11"/>
      <c r="B1888" s="11"/>
      <c r="C1888" s="42"/>
      <c r="D1888" s="3"/>
      <c r="E1888" s="3"/>
      <c r="F1888" s="3"/>
      <c r="G1888" s="3"/>
      <c r="H1888" s="3"/>
      <c r="I1888" s="3"/>
      <c r="J1888" s="3"/>
      <c r="K1888" s="14"/>
      <c r="L1888" s="3"/>
    </row>
    <row r="1889" spans="1:12" ht="16.5" customHeight="1" x14ac:dyDescent="0.3">
      <c r="A1889" s="11"/>
      <c r="B1889" s="11"/>
      <c r="C1889" s="42"/>
      <c r="D1889" s="3"/>
      <c r="E1889" s="3"/>
      <c r="F1889" s="3"/>
      <c r="G1889" s="3"/>
      <c r="H1889" s="3"/>
      <c r="I1889" s="3"/>
      <c r="J1889" s="3"/>
      <c r="K1889" s="14"/>
      <c r="L1889" s="3"/>
    </row>
    <row r="1890" spans="1:12" ht="16.5" customHeight="1" x14ac:dyDescent="0.3">
      <c r="A1890" s="11"/>
      <c r="B1890" s="11"/>
      <c r="C1890" s="42"/>
      <c r="D1890" s="3"/>
      <c r="E1890" s="3"/>
      <c r="F1890" s="3"/>
      <c r="G1890" s="3"/>
      <c r="H1890" s="3"/>
      <c r="I1890" s="3"/>
      <c r="J1890" s="3"/>
      <c r="K1890" s="14"/>
      <c r="L1890" s="3"/>
    </row>
    <row r="1891" spans="1:12" ht="16.5" customHeight="1" x14ac:dyDescent="0.3">
      <c r="A1891" s="11"/>
      <c r="B1891" s="11"/>
      <c r="C1891" s="42"/>
      <c r="D1891" s="3"/>
      <c r="E1891" s="3"/>
      <c r="F1891" s="3"/>
      <c r="G1891" s="3"/>
      <c r="H1891" s="3"/>
      <c r="I1891" s="3"/>
      <c r="J1891" s="3"/>
      <c r="K1891" s="14"/>
      <c r="L1891" s="3"/>
    </row>
    <row r="1892" spans="1:12" ht="16.5" customHeight="1" x14ac:dyDescent="0.3">
      <c r="A1892" s="11"/>
      <c r="B1892" s="11"/>
      <c r="C1892" s="42"/>
      <c r="D1892" s="3"/>
      <c r="E1892" s="3"/>
      <c r="F1892" s="3"/>
      <c r="G1892" s="3"/>
      <c r="H1892" s="3"/>
      <c r="I1892" s="3"/>
      <c r="J1892" s="3"/>
      <c r="K1892" s="14"/>
      <c r="L1892" s="3"/>
    </row>
    <row r="1893" spans="1:12" ht="16.5" customHeight="1" x14ac:dyDescent="0.3">
      <c r="A1893" s="11"/>
      <c r="B1893" s="11"/>
      <c r="C1893" s="42"/>
      <c r="D1893" s="3"/>
      <c r="E1893" s="3"/>
      <c r="F1893" s="3"/>
      <c r="G1893" s="3"/>
      <c r="H1893" s="3"/>
      <c r="I1893" s="3"/>
      <c r="J1893" s="3"/>
      <c r="K1893" s="14"/>
      <c r="L1893" s="3"/>
    </row>
    <row r="1894" spans="1:12" ht="16.5" customHeight="1" x14ac:dyDescent="0.3">
      <c r="A1894" s="11"/>
      <c r="B1894" s="11"/>
      <c r="C1894" s="42"/>
      <c r="D1894" s="3"/>
      <c r="E1894" s="3"/>
      <c r="F1894" s="3"/>
      <c r="G1894" s="3"/>
      <c r="H1894" s="3"/>
      <c r="I1894" s="3"/>
      <c r="J1894" s="3"/>
      <c r="K1894" s="14"/>
      <c r="L1894" s="3"/>
    </row>
    <row r="1895" spans="1:12" ht="16.5" customHeight="1" x14ac:dyDescent="0.3">
      <c r="A1895" s="11"/>
      <c r="B1895" s="11"/>
      <c r="C1895" s="42"/>
      <c r="D1895" s="3"/>
      <c r="E1895" s="3"/>
      <c r="F1895" s="3"/>
      <c r="G1895" s="3"/>
      <c r="H1895" s="3"/>
      <c r="I1895" s="3"/>
      <c r="J1895" s="3"/>
      <c r="K1895" s="14"/>
      <c r="L1895" s="3"/>
    </row>
    <row r="1896" spans="1:12" ht="16.5" customHeight="1" x14ac:dyDescent="0.3">
      <c r="A1896" s="11"/>
      <c r="B1896" s="11"/>
      <c r="C1896" s="42"/>
      <c r="D1896" s="3"/>
      <c r="E1896" s="3"/>
      <c r="F1896" s="3"/>
      <c r="G1896" s="3"/>
      <c r="H1896" s="3"/>
      <c r="I1896" s="3"/>
      <c r="J1896" s="3"/>
      <c r="K1896" s="14"/>
      <c r="L1896" s="3"/>
    </row>
    <row r="1897" spans="1:12" ht="16.5" customHeight="1" x14ac:dyDescent="0.3">
      <c r="A1897" s="11"/>
      <c r="B1897" s="11"/>
      <c r="C1897" s="42"/>
      <c r="D1897" s="3"/>
      <c r="E1897" s="3"/>
      <c r="F1897" s="3"/>
      <c r="G1897" s="3"/>
      <c r="H1897" s="3"/>
      <c r="I1897" s="3"/>
      <c r="J1897" s="3"/>
      <c r="K1897" s="14"/>
      <c r="L1897" s="3"/>
    </row>
    <row r="1898" spans="1:12" ht="16.5" customHeight="1" x14ac:dyDescent="0.3">
      <c r="A1898" s="11"/>
      <c r="B1898" s="11"/>
      <c r="C1898" s="42"/>
      <c r="D1898" s="3"/>
      <c r="E1898" s="3"/>
      <c r="F1898" s="3"/>
      <c r="G1898" s="3"/>
      <c r="H1898" s="3"/>
      <c r="I1898" s="3"/>
      <c r="J1898" s="3"/>
      <c r="K1898" s="14"/>
      <c r="L1898" s="3"/>
    </row>
    <row r="1899" spans="1:12" ht="16.5" customHeight="1" x14ac:dyDescent="0.3">
      <c r="A1899" s="11"/>
      <c r="B1899" s="11"/>
      <c r="C1899" s="42"/>
      <c r="D1899" s="3"/>
      <c r="E1899" s="3"/>
      <c r="F1899" s="3"/>
      <c r="G1899" s="3"/>
      <c r="H1899" s="3"/>
      <c r="I1899" s="3"/>
      <c r="J1899" s="3"/>
      <c r="K1899" s="14"/>
      <c r="L1899" s="3"/>
    </row>
    <row r="1900" spans="1:12" ht="16.5" customHeight="1" x14ac:dyDescent="0.3">
      <c r="A1900" s="11"/>
      <c r="B1900" s="11"/>
      <c r="C1900" s="42"/>
      <c r="D1900" s="3"/>
      <c r="E1900" s="3"/>
      <c r="F1900" s="3"/>
      <c r="G1900" s="3"/>
      <c r="H1900" s="3"/>
      <c r="I1900" s="3"/>
      <c r="J1900" s="3"/>
      <c r="K1900" s="14"/>
      <c r="L1900" s="3"/>
    </row>
    <row r="1901" spans="1:12" ht="16.5" customHeight="1" x14ac:dyDescent="0.3">
      <c r="A1901" s="11"/>
      <c r="B1901" s="11"/>
      <c r="C1901" s="42"/>
      <c r="D1901" s="3"/>
      <c r="E1901" s="3"/>
      <c r="F1901" s="3"/>
      <c r="G1901" s="3"/>
      <c r="H1901" s="3"/>
      <c r="I1901" s="3"/>
      <c r="J1901" s="3"/>
      <c r="K1901" s="14"/>
      <c r="L1901" s="3"/>
    </row>
    <row r="1902" spans="1:12" ht="16.5" customHeight="1" x14ac:dyDescent="0.3">
      <c r="A1902" s="11"/>
      <c r="B1902" s="11"/>
      <c r="C1902" s="42"/>
      <c r="D1902" s="3"/>
      <c r="E1902" s="3"/>
      <c r="F1902" s="3"/>
      <c r="G1902" s="3"/>
      <c r="H1902" s="3"/>
      <c r="I1902" s="3"/>
      <c r="J1902" s="3"/>
      <c r="K1902" s="14"/>
      <c r="L1902" s="3"/>
    </row>
    <row r="1903" spans="1:12" ht="16.5" customHeight="1" x14ac:dyDescent="0.3">
      <c r="A1903" s="11"/>
      <c r="B1903" s="11"/>
      <c r="C1903" s="42"/>
      <c r="D1903" s="3"/>
      <c r="E1903" s="3"/>
      <c r="F1903" s="3"/>
      <c r="G1903" s="3"/>
      <c r="H1903" s="3"/>
      <c r="I1903" s="3"/>
      <c r="J1903" s="3"/>
      <c r="K1903" s="14"/>
      <c r="L1903" s="3"/>
    </row>
    <row r="1904" spans="1:12" ht="16.5" customHeight="1" x14ac:dyDescent="0.3">
      <c r="A1904" s="11"/>
      <c r="B1904" s="11"/>
      <c r="C1904" s="42"/>
      <c r="D1904" s="3"/>
      <c r="E1904" s="3"/>
      <c r="F1904" s="3"/>
      <c r="G1904" s="3"/>
      <c r="H1904" s="3"/>
      <c r="I1904" s="3"/>
      <c r="J1904" s="3"/>
      <c r="K1904" s="14"/>
      <c r="L1904" s="3"/>
    </row>
    <row r="1905" spans="1:12" ht="16.5" customHeight="1" x14ac:dyDescent="0.3">
      <c r="A1905" s="11"/>
      <c r="B1905" s="11"/>
      <c r="C1905" s="42"/>
      <c r="D1905" s="3"/>
      <c r="E1905" s="3"/>
      <c r="F1905" s="3"/>
      <c r="G1905" s="3"/>
      <c r="H1905" s="3"/>
      <c r="I1905" s="3"/>
      <c r="J1905" s="3"/>
      <c r="K1905" s="14"/>
      <c r="L1905" s="3"/>
    </row>
    <row r="1906" spans="1:12" ht="16.5" customHeight="1" x14ac:dyDescent="0.3">
      <c r="A1906" s="11"/>
      <c r="B1906" s="11"/>
      <c r="C1906" s="42"/>
      <c r="D1906" s="3"/>
      <c r="E1906" s="3"/>
      <c r="F1906" s="3"/>
      <c r="G1906" s="3"/>
      <c r="H1906" s="3"/>
      <c r="I1906" s="3"/>
      <c r="J1906" s="3"/>
      <c r="K1906" s="14"/>
      <c r="L1906" s="3"/>
    </row>
    <row r="1907" spans="1:12" ht="16.5" customHeight="1" x14ac:dyDescent="0.3">
      <c r="A1907" s="11"/>
      <c r="B1907" s="11"/>
      <c r="C1907" s="42"/>
      <c r="D1907" s="3"/>
      <c r="E1907" s="3"/>
      <c r="F1907" s="3"/>
      <c r="G1907" s="3"/>
      <c r="H1907" s="3"/>
      <c r="I1907" s="3"/>
      <c r="J1907" s="3"/>
      <c r="K1907" s="14"/>
      <c r="L1907" s="3"/>
    </row>
    <row r="1908" spans="1:12" ht="16.5" customHeight="1" x14ac:dyDescent="0.3">
      <c r="A1908" s="11"/>
      <c r="B1908" s="11"/>
      <c r="C1908" s="42"/>
      <c r="D1908" s="3"/>
      <c r="E1908" s="3"/>
      <c r="F1908" s="3"/>
      <c r="G1908" s="3"/>
      <c r="H1908" s="3"/>
      <c r="I1908" s="3"/>
      <c r="J1908" s="3"/>
      <c r="K1908" s="14"/>
      <c r="L1908" s="3"/>
    </row>
    <row r="1909" spans="1:12" ht="16.5" customHeight="1" x14ac:dyDescent="0.3">
      <c r="A1909" s="11"/>
      <c r="B1909" s="11"/>
      <c r="C1909" s="42"/>
      <c r="D1909" s="3"/>
      <c r="E1909" s="3"/>
      <c r="F1909" s="3"/>
      <c r="G1909" s="3"/>
      <c r="H1909" s="3"/>
      <c r="I1909" s="3"/>
      <c r="J1909" s="3"/>
      <c r="K1909" s="14"/>
      <c r="L1909" s="3"/>
    </row>
    <row r="1910" spans="1:12" ht="16.5" customHeight="1" x14ac:dyDescent="0.3">
      <c r="A1910" s="11"/>
      <c r="B1910" s="11"/>
      <c r="C1910" s="42"/>
      <c r="D1910" s="3"/>
      <c r="E1910" s="3"/>
      <c r="F1910" s="3"/>
      <c r="G1910" s="3"/>
      <c r="H1910" s="3"/>
      <c r="I1910" s="3"/>
      <c r="J1910" s="3"/>
      <c r="K1910" s="14"/>
      <c r="L1910" s="3"/>
    </row>
    <row r="1911" spans="1:12" ht="16.5" customHeight="1" x14ac:dyDescent="0.3">
      <c r="A1911" s="11"/>
      <c r="B1911" s="11"/>
      <c r="C1911" s="42"/>
      <c r="D1911" s="3"/>
      <c r="E1911" s="3"/>
      <c r="F1911" s="3"/>
      <c r="G1911" s="3"/>
      <c r="H1911" s="3"/>
      <c r="I1911" s="3"/>
      <c r="J1911" s="3"/>
      <c r="K1911" s="14"/>
      <c r="L1911" s="3"/>
    </row>
    <row r="1912" spans="1:12" ht="16.5" customHeight="1" x14ac:dyDescent="0.3">
      <c r="A1912" s="11"/>
      <c r="B1912" s="11"/>
      <c r="C1912" s="42"/>
      <c r="D1912" s="3"/>
      <c r="E1912" s="3"/>
      <c r="F1912" s="3"/>
      <c r="G1912" s="3"/>
      <c r="H1912" s="3"/>
      <c r="I1912" s="3"/>
      <c r="J1912" s="3"/>
      <c r="K1912" s="14"/>
      <c r="L1912" s="3"/>
    </row>
    <row r="1913" spans="1:12" ht="16.5" customHeight="1" x14ac:dyDescent="0.3">
      <c r="A1913" s="11"/>
      <c r="B1913" s="11"/>
      <c r="C1913" s="42"/>
      <c r="D1913" s="3"/>
      <c r="E1913" s="3"/>
      <c r="F1913" s="3"/>
      <c r="G1913" s="3"/>
      <c r="H1913" s="3"/>
      <c r="I1913" s="3"/>
      <c r="J1913" s="3"/>
      <c r="K1913" s="14"/>
      <c r="L1913" s="3"/>
    </row>
    <row r="1914" spans="1:12" ht="16.5" customHeight="1" x14ac:dyDescent="0.3">
      <c r="A1914" s="11"/>
      <c r="B1914" s="11"/>
      <c r="C1914" s="42"/>
      <c r="D1914" s="3"/>
      <c r="E1914" s="3"/>
      <c r="F1914" s="3"/>
      <c r="G1914" s="3"/>
      <c r="H1914" s="3"/>
      <c r="I1914" s="3"/>
      <c r="J1914" s="3"/>
      <c r="K1914" s="14"/>
      <c r="L1914" s="3"/>
    </row>
    <row r="1915" spans="1:12" ht="16.5" customHeight="1" x14ac:dyDescent="0.3">
      <c r="A1915" s="11"/>
      <c r="B1915" s="11"/>
      <c r="C1915" s="42"/>
      <c r="D1915" s="3"/>
      <c r="E1915" s="3"/>
      <c r="F1915" s="3"/>
      <c r="G1915" s="3"/>
      <c r="H1915" s="3"/>
      <c r="I1915" s="3"/>
      <c r="J1915" s="3"/>
      <c r="K1915" s="14"/>
      <c r="L1915" s="3"/>
    </row>
    <row r="1916" spans="1:12" ht="16.5" customHeight="1" x14ac:dyDescent="0.3">
      <c r="A1916" s="11"/>
      <c r="B1916" s="11"/>
      <c r="C1916" s="42"/>
      <c r="D1916" s="3"/>
      <c r="E1916" s="3"/>
      <c r="F1916" s="3"/>
      <c r="G1916" s="3"/>
      <c r="H1916" s="3"/>
      <c r="I1916" s="3"/>
      <c r="J1916" s="3"/>
      <c r="K1916" s="14"/>
      <c r="L1916" s="3"/>
    </row>
    <row r="1917" spans="1:12" ht="16.5" customHeight="1" x14ac:dyDescent="0.3">
      <c r="A1917" s="11"/>
      <c r="B1917" s="11"/>
      <c r="C1917" s="42"/>
      <c r="D1917" s="3"/>
      <c r="E1917" s="3"/>
      <c r="F1917" s="3"/>
      <c r="G1917" s="3"/>
      <c r="H1917" s="3"/>
      <c r="I1917" s="3"/>
      <c r="J1917" s="3"/>
      <c r="K1917" s="14"/>
      <c r="L1917" s="3"/>
    </row>
    <row r="1918" spans="1:12" ht="16.5" customHeight="1" x14ac:dyDescent="0.3">
      <c r="A1918" s="11"/>
      <c r="B1918" s="11"/>
      <c r="C1918" s="42"/>
      <c r="D1918" s="3"/>
      <c r="E1918" s="3"/>
      <c r="F1918" s="3"/>
      <c r="G1918" s="3"/>
      <c r="H1918" s="3"/>
      <c r="I1918" s="3"/>
      <c r="J1918" s="3"/>
      <c r="K1918" s="14"/>
      <c r="L1918" s="3"/>
    </row>
    <row r="1919" spans="1:12" ht="16.5" customHeight="1" x14ac:dyDescent="0.3">
      <c r="A1919" s="11"/>
      <c r="B1919" s="11"/>
      <c r="C1919" s="42"/>
      <c r="D1919" s="3"/>
      <c r="E1919" s="3"/>
      <c r="F1919" s="3"/>
      <c r="G1919" s="3"/>
      <c r="H1919" s="3"/>
      <c r="I1919" s="3"/>
      <c r="J1919" s="3"/>
      <c r="K1919" s="14"/>
      <c r="L1919" s="3"/>
    </row>
    <row r="1920" spans="1:12" ht="16.5" customHeight="1" x14ac:dyDescent="0.3">
      <c r="A1920" s="11"/>
      <c r="B1920" s="11"/>
      <c r="C1920" s="42"/>
      <c r="D1920" s="3"/>
      <c r="E1920" s="3"/>
      <c r="F1920" s="3"/>
      <c r="G1920" s="3"/>
      <c r="H1920" s="3"/>
      <c r="I1920" s="3"/>
      <c r="J1920" s="3"/>
      <c r="K1920" s="14"/>
      <c r="L1920" s="3"/>
    </row>
    <row r="1921" spans="1:12" ht="16.5" customHeight="1" x14ac:dyDescent="0.3">
      <c r="A1921" s="11"/>
      <c r="B1921" s="11"/>
      <c r="C1921" s="42"/>
      <c r="D1921" s="3"/>
      <c r="E1921" s="3"/>
      <c r="F1921" s="3"/>
      <c r="G1921" s="3"/>
      <c r="H1921" s="3"/>
      <c r="I1921" s="3"/>
      <c r="J1921" s="3"/>
      <c r="K1921" s="14"/>
      <c r="L1921" s="3"/>
    </row>
    <row r="1922" spans="1:12" ht="16.5" customHeight="1" x14ac:dyDescent="0.3">
      <c r="A1922" s="11"/>
      <c r="B1922" s="11"/>
      <c r="C1922" s="42"/>
      <c r="D1922" s="3"/>
      <c r="E1922" s="3"/>
      <c r="F1922" s="3"/>
      <c r="G1922" s="3"/>
      <c r="H1922" s="3"/>
      <c r="I1922" s="3"/>
      <c r="J1922" s="3"/>
      <c r="K1922" s="14"/>
      <c r="L1922" s="3"/>
    </row>
    <row r="1923" spans="1:12" ht="16.5" customHeight="1" x14ac:dyDescent="0.3">
      <c r="A1923" s="11"/>
      <c r="B1923" s="11"/>
      <c r="C1923" s="42"/>
      <c r="D1923" s="3"/>
      <c r="E1923" s="3"/>
      <c r="F1923" s="3"/>
      <c r="G1923" s="3"/>
      <c r="H1923" s="3"/>
      <c r="I1923" s="3"/>
      <c r="J1923" s="3"/>
      <c r="K1923" s="14"/>
      <c r="L1923" s="3"/>
    </row>
    <row r="1924" spans="1:12" ht="16.5" customHeight="1" x14ac:dyDescent="0.3">
      <c r="A1924" s="11"/>
      <c r="B1924" s="11"/>
      <c r="C1924" s="42"/>
      <c r="D1924" s="3"/>
      <c r="E1924" s="3"/>
      <c r="F1924" s="3"/>
      <c r="G1924" s="3"/>
      <c r="H1924" s="3"/>
      <c r="I1924" s="3"/>
      <c r="J1924" s="3"/>
      <c r="K1924" s="14"/>
      <c r="L1924" s="3"/>
    </row>
    <row r="1925" spans="1:12" ht="16.5" customHeight="1" x14ac:dyDescent="0.3">
      <c r="A1925" s="11"/>
      <c r="B1925" s="11"/>
      <c r="C1925" s="42"/>
      <c r="D1925" s="3"/>
      <c r="E1925" s="3"/>
      <c r="F1925" s="3"/>
      <c r="G1925" s="3"/>
      <c r="H1925" s="3"/>
      <c r="I1925" s="3"/>
      <c r="J1925" s="3"/>
      <c r="K1925" s="14"/>
      <c r="L1925" s="3"/>
    </row>
    <row r="1926" spans="1:12" ht="16.5" customHeight="1" x14ac:dyDescent="0.3">
      <c r="A1926" s="11"/>
      <c r="B1926" s="11"/>
      <c r="C1926" s="42"/>
      <c r="D1926" s="3"/>
      <c r="E1926" s="3"/>
      <c r="F1926" s="3"/>
      <c r="G1926" s="3"/>
      <c r="H1926" s="3"/>
      <c r="I1926" s="3"/>
      <c r="J1926" s="3"/>
      <c r="K1926" s="14"/>
      <c r="L1926" s="3"/>
    </row>
    <row r="1927" spans="1:12" ht="16.5" customHeight="1" x14ac:dyDescent="0.3">
      <c r="A1927" s="11"/>
      <c r="B1927" s="11"/>
      <c r="C1927" s="42"/>
      <c r="D1927" s="3"/>
      <c r="E1927" s="3"/>
      <c r="F1927" s="3"/>
      <c r="G1927" s="3"/>
      <c r="H1927" s="3"/>
      <c r="I1927" s="3"/>
      <c r="J1927" s="3"/>
      <c r="K1927" s="14"/>
      <c r="L1927" s="3"/>
    </row>
    <row r="1928" spans="1:12" ht="16.5" customHeight="1" x14ac:dyDescent="0.3">
      <c r="A1928" s="11"/>
      <c r="B1928" s="11"/>
      <c r="C1928" s="42"/>
      <c r="D1928" s="3"/>
      <c r="E1928" s="3"/>
      <c r="F1928" s="3"/>
      <c r="G1928" s="3"/>
      <c r="H1928" s="3"/>
      <c r="I1928" s="3"/>
      <c r="J1928" s="3"/>
      <c r="K1928" s="14"/>
      <c r="L1928" s="3"/>
    </row>
    <row r="1929" spans="1:12" ht="16.5" customHeight="1" x14ac:dyDescent="0.3">
      <c r="A1929" s="11"/>
      <c r="B1929" s="11"/>
      <c r="C1929" s="42"/>
      <c r="D1929" s="3"/>
      <c r="E1929" s="3"/>
      <c r="F1929" s="3"/>
      <c r="G1929" s="3"/>
      <c r="H1929" s="3"/>
      <c r="I1929" s="3"/>
      <c r="J1929" s="3"/>
      <c r="K1929" s="14"/>
      <c r="L1929" s="3"/>
    </row>
    <row r="1930" spans="1:12" ht="16.5" customHeight="1" x14ac:dyDescent="0.3">
      <c r="A1930" s="11"/>
      <c r="B1930" s="11"/>
      <c r="C1930" s="42"/>
      <c r="D1930" s="3"/>
      <c r="E1930" s="3"/>
      <c r="F1930" s="3"/>
      <c r="G1930" s="3"/>
      <c r="H1930" s="3"/>
      <c r="I1930" s="3"/>
      <c r="J1930" s="3"/>
      <c r="K1930" s="14"/>
      <c r="L1930" s="3"/>
    </row>
    <row r="1931" spans="1:12" ht="16.5" customHeight="1" x14ac:dyDescent="0.3">
      <c r="A1931" s="11"/>
      <c r="B1931" s="11"/>
      <c r="C1931" s="42"/>
      <c r="D1931" s="3"/>
      <c r="E1931" s="3"/>
      <c r="F1931" s="3"/>
      <c r="G1931" s="3"/>
      <c r="H1931" s="3"/>
      <c r="I1931" s="3"/>
      <c r="J1931" s="3"/>
      <c r="K1931" s="14"/>
      <c r="L1931" s="3"/>
    </row>
    <row r="1932" spans="1:12" ht="16.5" customHeight="1" x14ac:dyDescent="0.3">
      <c r="A1932" s="11"/>
      <c r="B1932" s="11"/>
      <c r="C1932" s="42"/>
      <c r="D1932" s="3"/>
      <c r="E1932" s="3"/>
      <c r="F1932" s="3"/>
      <c r="G1932" s="3"/>
      <c r="H1932" s="3"/>
      <c r="I1932" s="3"/>
      <c r="J1932" s="3"/>
      <c r="K1932" s="14"/>
      <c r="L1932" s="3"/>
    </row>
    <row r="1933" spans="1:12" ht="16.5" customHeight="1" x14ac:dyDescent="0.3">
      <c r="A1933" s="11"/>
      <c r="B1933" s="11"/>
      <c r="C1933" s="42"/>
      <c r="D1933" s="3"/>
      <c r="E1933" s="3"/>
      <c r="F1933" s="3"/>
      <c r="G1933" s="3"/>
      <c r="H1933" s="3"/>
      <c r="I1933" s="3"/>
      <c r="J1933" s="3"/>
      <c r="K1933" s="14"/>
      <c r="L1933" s="3"/>
    </row>
    <row r="1934" spans="1:12" ht="16.5" customHeight="1" x14ac:dyDescent="0.3">
      <c r="A1934" s="11"/>
      <c r="B1934" s="11"/>
      <c r="C1934" s="42"/>
      <c r="D1934" s="3"/>
      <c r="E1934" s="3"/>
      <c r="F1934" s="3"/>
      <c r="G1934" s="3"/>
      <c r="H1934" s="3"/>
      <c r="I1934" s="3"/>
      <c r="J1934" s="3"/>
      <c r="K1934" s="14"/>
      <c r="L1934" s="3"/>
    </row>
    <row r="1935" spans="1:12" ht="16.5" customHeight="1" x14ac:dyDescent="0.3">
      <c r="A1935" s="11"/>
      <c r="B1935" s="11"/>
      <c r="C1935" s="42"/>
      <c r="D1935" s="3"/>
      <c r="E1935" s="3"/>
      <c r="F1935" s="3"/>
      <c r="G1935" s="3"/>
      <c r="H1935" s="3"/>
      <c r="I1935" s="3"/>
      <c r="J1935" s="3"/>
      <c r="K1935" s="14"/>
      <c r="L1935" s="3"/>
    </row>
    <row r="1936" spans="1:12" ht="16.5" customHeight="1" x14ac:dyDescent="0.3">
      <c r="A1936" s="11"/>
      <c r="B1936" s="11"/>
      <c r="C1936" s="42"/>
      <c r="D1936" s="3"/>
      <c r="E1936" s="3"/>
      <c r="F1936" s="3"/>
      <c r="G1936" s="3"/>
      <c r="H1936" s="3"/>
      <c r="I1936" s="3"/>
      <c r="J1936" s="3"/>
      <c r="K1936" s="14"/>
      <c r="L1936" s="3"/>
    </row>
    <row r="1937" spans="1:12" ht="16.5" customHeight="1" x14ac:dyDescent="0.3">
      <c r="A1937" s="11"/>
      <c r="B1937" s="11"/>
      <c r="C1937" s="42"/>
      <c r="D1937" s="3"/>
      <c r="E1937" s="3"/>
      <c r="F1937" s="3"/>
      <c r="G1937" s="3"/>
      <c r="H1937" s="3"/>
      <c r="I1937" s="3"/>
      <c r="J1937" s="3"/>
      <c r="K1937" s="14"/>
      <c r="L1937" s="3"/>
    </row>
    <row r="1938" spans="1:12" ht="16.5" customHeight="1" x14ac:dyDescent="0.3">
      <c r="A1938" s="11"/>
      <c r="B1938" s="11"/>
      <c r="C1938" s="42"/>
      <c r="D1938" s="3"/>
      <c r="E1938" s="3"/>
      <c r="F1938" s="3"/>
      <c r="G1938" s="3"/>
      <c r="H1938" s="3"/>
      <c r="I1938" s="3"/>
      <c r="J1938" s="3"/>
      <c r="K1938" s="14"/>
      <c r="L1938" s="3"/>
    </row>
    <row r="1939" spans="1:12" ht="16.5" customHeight="1" x14ac:dyDescent="0.3">
      <c r="A1939" s="11"/>
      <c r="B1939" s="11"/>
      <c r="C1939" s="42"/>
      <c r="D1939" s="3"/>
      <c r="E1939" s="3"/>
      <c r="F1939" s="3"/>
      <c r="G1939" s="3"/>
      <c r="H1939" s="3"/>
      <c r="I1939" s="3"/>
      <c r="J1939" s="3"/>
      <c r="K1939" s="14"/>
      <c r="L1939" s="3"/>
    </row>
    <row r="1940" spans="1:12" ht="16.5" customHeight="1" x14ac:dyDescent="0.3">
      <c r="A1940" s="11"/>
      <c r="B1940" s="11"/>
      <c r="C1940" s="42"/>
      <c r="D1940" s="3"/>
      <c r="E1940" s="3"/>
      <c r="F1940" s="3"/>
      <c r="G1940" s="3"/>
      <c r="H1940" s="3"/>
      <c r="I1940" s="3"/>
      <c r="J1940" s="3"/>
      <c r="K1940" s="14"/>
      <c r="L1940" s="3"/>
    </row>
    <row r="1941" spans="1:12" ht="16.5" customHeight="1" x14ac:dyDescent="0.3">
      <c r="A1941" s="11"/>
      <c r="B1941" s="11"/>
      <c r="C1941" s="42"/>
      <c r="D1941" s="3"/>
      <c r="E1941" s="3"/>
      <c r="F1941" s="3"/>
      <c r="G1941" s="3"/>
      <c r="H1941" s="3"/>
      <c r="I1941" s="3"/>
      <c r="J1941" s="3"/>
      <c r="K1941" s="14"/>
      <c r="L1941" s="3"/>
    </row>
    <row r="1942" spans="1:12" ht="16.5" customHeight="1" x14ac:dyDescent="0.3">
      <c r="A1942" s="11"/>
      <c r="B1942" s="11"/>
      <c r="C1942" s="42"/>
      <c r="D1942" s="3"/>
      <c r="E1942" s="3"/>
      <c r="F1942" s="3"/>
      <c r="G1942" s="3"/>
      <c r="H1942" s="3"/>
      <c r="I1942" s="3"/>
      <c r="J1942" s="3"/>
      <c r="K1942" s="14"/>
      <c r="L1942" s="3"/>
    </row>
    <row r="1943" spans="1:12" ht="16.5" customHeight="1" x14ac:dyDescent="0.3">
      <c r="A1943" s="11"/>
      <c r="B1943" s="11"/>
      <c r="C1943" s="42"/>
      <c r="D1943" s="3"/>
      <c r="E1943" s="3"/>
      <c r="F1943" s="3"/>
      <c r="G1943" s="3"/>
      <c r="H1943" s="3"/>
      <c r="I1943" s="3"/>
      <c r="J1943" s="3"/>
      <c r="K1943" s="14"/>
      <c r="L1943" s="3"/>
    </row>
    <row r="1944" spans="1:12" ht="16.5" customHeight="1" x14ac:dyDescent="0.3">
      <c r="A1944" s="11"/>
      <c r="B1944" s="11"/>
      <c r="C1944" s="42"/>
      <c r="D1944" s="3"/>
      <c r="E1944" s="3"/>
      <c r="F1944" s="3"/>
      <c r="G1944" s="3"/>
      <c r="H1944" s="3"/>
      <c r="I1944" s="3"/>
      <c r="J1944" s="3"/>
      <c r="K1944" s="14"/>
      <c r="L1944" s="3"/>
    </row>
    <row r="1945" spans="1:12" ht="16.5" customHeight="1" x14ac:dyDescent="0.3">
      <c r="A1945" s="11"/>
      <c r="B1945" s="11"/>
      <c r="C1945" s="42"/>
      <c r="D1945" s="3"/>
      <c r="E1945" s="3"/>
      <c r="F1945" s="3"/>
      <c r="G1945" s="3"/>
      <c r="H1945" s="3"/>
      <c r="I1945" s="3"/>
      <c r="J1945" s="3"/>
      <c r="K1945" s="14"/>
      <c r="L1945" s="3"/>
    </row>
    <row r="1946" spans="1:12" ht="16.5" customHeight="1" x14ac:dyDescent="0.3">
      <c r="A1946" s="11"/>
      <c r="B1946" s="11"/>
      <c r="C1946" s="42"/>
      <c r="D1946" s="3"/>
      <c r="E1946" s="3"/>
      <c r="F1946" s="3"/>
      <c r="G1946" s="3"/>
      <c r="H1946" s="3"/>
      <c r="I1946" s="3"/>
      <c r="J1946" s="3"/>
      <c r="K1946" s="14"/>
      <c r="L1946" s="3"/>
    </row>
    <row r="1947" spans="1:12" ht="16.5" customHeight="1" x14ac:dyDescent="0.3">
      <c r="A1947" s="11"/>
      <c r="B1947" s="11"/>
      <c r="C1947" s="42"/>
      <c r="D1947" s="3"/>
      <c r="E1947" s="3"/>
      <c r="F1947" s="3"/>
      <c r="G1947" s="3"/>
      <c r="H1947" s="3"/>
      <c r="I1947" s="3"/>
      <c r="J1947" s="3"/>
      <c r="K1947" s="14"/>
      <c r="L1947" s="3"/>
    </row>
    <row r="1948" spans="1:12" ht="16.5" customHeight="1" x14ac:dyDescent="0.3">
      <c r="A1948" s="11"/>
      <c r="B1948" s="11"/>
      <c r="C1948" s="42"/>
      <c r="D1948" s="3"/>
      <c r="E1948" s="3"/>
      <c r="F1948" s="3"/>
      <c r="G1948" s="3"/>
      <c r="H1948" s="3"/>
      <c r="I1948" s="3"/>
      <c r="J1948" s="3"/>
      <c r="K1948" s="14"/>
      <c r="L1948" s="3"/>
    </row>
    <row r="1949" spans="1:12" ht="16.5" customHeight="1" x14ac:dyDescent="0.3">
      <c r="A1949" s="11"/>
      <c r="B1949" s="11"/>
      <c r="C1949" s="42"/>
      <c r="D1949" s="3"/>
      <c r="E1949" s="3"/>
      <c r="F1949" s="3"/>
      <c r="G1949" s="3"/>
      <c r="H1949" s="3"/>
      <c r="I1949" s="3"/>
      <c r="J1949" s="3"/>
      <c r="K1949" s="14"/>
      <c r="L1949" s="3"/>
    </row>
    <row r="1950" spans="1:12" ht="16.5" customHeight="1" x14ac:dyDescent="0.3">
      <c r="A1950" s="11"/>
      <c r="B1950" s="11"/>
      <c r="C1950" s="42"/>
      <c r="D1950" s="3"/>
      <c r="E1950" s="3"/>
      <c r="F1950" s="3"/>
      <c r="G1950" s="3"/>
      <c r="H1950" s="3"/>
      <c r="I1950" s="3"/>
      <c r="J1950" s="3"/>
      <c r="K1950" s="14"/>
      <c r="L1950" s="3"/>
    </row>
    <row r="1951" spans="1:12" ht="16.5" customHeight="1" x14ac:dyDescent="0.3">
      <c r="A1951" s="11"/>
      <c r="B1951" s="11"/>
      <c r="C1951" s="42"/>
      <c r="D1951" s="3"/>
      <c r="E1951" s="3"/>
      <c r="F1951" s="3"/>
      <c r="G1951" s="3"/>
      <c r="H1951" s="3"/>
      <c r="I1951" s="3"/>
      <c r="J1951" s="3"/>
      <c r="K1951" s="14"/>
      <c r="L1951" s="3"/>
    </row>
    <row r="1952" spans="1:12" ht="16.5" customHeight="1" x14ac:dyDescent="0.3">
      <c r="A1952" s="11"/>
      <c r="B1952" s="11"/>
      <c r="C1952" s="42"/>
      <c r="D1952" s="3"/>
      <c r="E1952" s="3"/>
      <c r="F1952" s="3"/>
      <c r="G1952" s="3"/>
      <c r="H1952" s="3"/>
      <c r="I1952" s="3"/>
      <c r="J1952" s="3"/>
      <c r="K1952" s="14"/>
      <c r="L1952" s="3"/>
    </row>
    <row r="1953" spans="1:12" ht="16.5" customHeight="1" x14ac:dyDescent="0.3">
      <c r="A1953" s="11"/>
      <c r="B1953" s="11"/>
      <c r="C1953" s="42"/>
      <c r="D1953" s="3"/>
      <c r="E1953" s="3"/>
      <c r="F1953" s="3"/>
      <c r="G1953" s="3"/>
      <c r="H1953" s="3"/>
      <c r="I1953" s="3"/>
      <c r="J1953" s="3"/>
      <c r="K1953" s="14"/>
      <c r="L1953" s="3"/>
    </row>
    <row r="1954" spans="1:12" ht="16.5" customHeight="1" x14ac:dyDescent="0.3">
      <c r="A1954" s="11"/>
      <c r="B1954" s="11"/>
      <c r="C1954" s="42"/>
      <c r="D1954" s="3"/>
      <c r="E1954" s="3"/>
      <c r="F1954" s="3"/>
      <c r="G1954" s="3"/>
      <c r="H1954" s="3"/>
      <c r="I1954" s="3"/>
      <c r="J1954" s="3"/>
      <c r="K1954" s="14"/>
      <c r="L1954" s="3"/>
    </row>
    <row r="1955" spans="1:12" ht="16.5" customHeight="1" x14ac:dyDescent="0.3">
      <c r="A1955" s="11"/>
      <c r="B1955" s="11"/>
      <c r="C1955" s="42"/>
      <c r="D1955" s="3"/>
      <c r="E1955" s="3"/>
      <c r="F1955" s="3"/>
      <c r="G1955" s="3"/>
      <c r="H1955" s="3"/>
      <c r="I1955" s="3"/>
      <c r="J1955" s="3"/>
      <c r="K1955" s="14"/>
      <c r="L1955" s="3"/>
    </row>
    <row r="1956" spans="1:12" ht="16.5" customHeight="1" x14ac:dyDescent="0.3">
      <c r="A1956" s="11"/>
      <c r="B1956" s="11"/>
      <c r="C1956" s="42"/>
      <c r="D1956" s="3"/>
      <c r="E1956" s="3"/>
      <c r="F1956" s="3"/>
      <c r="G1956" s="3"/>
      <c r="H1956" s="3"/>
      <c r="I1956" s="3"/>
      <c r="J1956" s="3"/>
      <c r="K1956" s="14"/>
      <c r="L1956" s="3"/>
    </row>
    <row r="1957" spans="1:12" ht="16.5" customHeight="1" x14ac:dyDescent="0.3">
      <c r="A1957" s="11"/>
      <c r="B1957" s="11"/>
      <c r="C1957" s="42"/>
      <c r="D1957" s="3"/>
      <c r="E1957" s="3"/>
      <c r="F1957" s="3"/>
      <c r="G1957" s="3"/>
      <c r="H1957" s="3"/>
      <c r="I1957" s="3"/>
      <c r="J1957" s="3"/>
      <c r="K1957" s="14"/>
      <c r="L1957" s="3"/>
    </row>
    <row r="1958" spans="1:12" ht="16.5" customHeight="1" x14ac:dyDescent="0.3">
      <c r="A1958" s="11"/>
      <c r="B1958" s="11"/>
      <c r="C1958" s="42"/>
      <c r="D1958" s="3"/>
      <c r="E1958" s="3"/>
      <c r="F1958" s="3"/>
      <c r="G1958" s="3"/>
      <c r="H1958" s="3"/>
      <c r="I1958" s="3"/>
      <c r="J1958" s="3"/>
      <c r="K1958" s="14"/>
      <c r="L1958" s="3"/>
    </row>
    <row r="1959" spans="1:12" ht="16.5" customHeight="1" x14ac:dyDescent="0.3">
      <c r="A1959" s="11"/>
      <c r="B1959" s="11"/>
      <c r="C1959" s="42"/>
      <c r="D1959" s="3"/>
      <c r="E1959" s="3"/>
      <c r="F1959" s="3"/>
      <c r="G1959" s="3"/>
      <c r="H1959" s="3"/>
      <c r="I1959" s="3"/>
      <c r="J1959" s="3"/>
      <c r="K1959" s="14"/>
      <c r="L1959" s="3"/>
    </row>
    <row r="1960" spans="1:12" ht="16.5" customHeight="1" x14ac:dyDescent="0.3">
      <c r="A1960" s="11"/>
      <c r="B1960" s="11"/>
      <c r="C1960" s="42"/>
      <c r="D1960" s="3"/>
      <c r="E1960" s="3"/>
      <c r="F1960" s="3"/>
      <c r="G1960" s="3"/>
      <c r="H1960" s="3"/>
      <c r="I1960" s="3"/>
      <c r="J1960" s="3"/>
      <c r="K1960" s="14"/>
      <c r="L1960" s="3"/>
    </row>
    <row r="1961" spans="1:12" ht="16.5" customHeight="1" x14ac:dyDescent="0.3">
      <c r="A1961" s="11"/>
      <c r="B1961" s="11"/>
      <c r="C1961" s="42"/>
      <c r="D1961" s="3"/>
      <c r="E1961" s="3"/>
      <c r="F1961" s="3"/>
      <c r="G1961" s="3"/>
      <c r="H1961" s="3"/>
      <c r="I1961" s="3"/>
      <c r="J1961" s="3"/>
      <c r="K1961" s="14"/>
      <c r="L1961" s="3"/>
    </row>
    <row r="1962" spans="1:12" ht="16.5" customHeight="1" x14ac:dyDescent="0.3">
      <c r="A1962" s="11"/>
      <c r="B1962" s="11"/>
      <c r="C1962" s="42"/>
      <c r="D1962" s="3"/>
      <c r="E1962" s="3"/>
      <c r="F1962" s="3"/>
      <c r="G1962" s="3"/>
      <c r="H1962" s="3"/>
      <c r="I1962" s="3"/>
      <c r="J1962" s="3"/>
      <c r="K1962" s="14"/>
      <c r="L1962" s="3"/>
    </row>
    <row r="1963" spans="1:12" ht="16.5" customHeight="1" x14ac:dyDescent="0.3">
      <c r="A1963" s="11"/>
      <c r="B1963" s="11"/>
      <c r="C1963" s="42"/>
      <c r="D1963" s="3"/>
      <c r="E1963" s="3"/>
      <c r="F1963" s="3"/>
      <c r="G1963" s="3"/>
      <c r="H1963" s="3"/>
      <c r="I1963" s="3"/>
      <c r="J1963" s="3"/>
      <c r="K1963" s="14"/>
      <c r="L1963" s="3"/>
    </row>
    <row r="1964" spans="1:12" ht="16.5" customHeight="1" x14ac:dyDescent="0.3">
      <c r="A1964" s="11"/>
      <c r="B1964" s="11"/>
      <c r="C1964" s="42"/>
      <c r="D1964" s="3"/>
      <c r="E1964" s="3"/>
      <c r="F1964" s="3"/>
      <c r="G1964" s="3"/>
      <c r="H1964" s="3"/>
      <c r="I1964" s="3"/>
      <c r="J1964" s="3"/>
      <c r="K1964" s="14"/>
      <c r="L1964" s="3"/>
    </row>
    <row r="1965" spans="1:12" ht="16.5" customHeight="1" x14ac:dyDescent="0.3">
      <c r="A1965" s="11"/>
      <c r="B1965" s="11"/>
      <c r="C1965" s="42"/>
      <c r="D1965" s="3"/>
      <c r="E1965" s="3"/>
      <c r="F1965" s="3"/>
      <c r="G1965" s="3"/>
      <c r="H1965" s="3"/>
      <c r="I1965" s="3"/>
      <c r="J1965" s="3"/>
      <c r="K1965" s="14"/>
      <c r="L1965" s="3"/>
    </row>
    <row r="1966" spans="1:12" ht="16.5" customHeight="1" x14ac:dyDescent="0.3">
      <c r="A1966" s="11"/>
      <c r="B1966" s="11"/>
      <c r="C1966" s="42"/>
      <c r="D1966" s="3"/>
      <c r="E1966" s="3"/>
      <c r="F1966" s="3"/>
      <c r="G1966" s="3"/>
      <c r="H1966" s="3"/>
      <c r="I1966" s="3"/>
      <c r="J1966" s="3"/>
      <c r="K1966" s="14"/>
      <c r="L1966" s="3"/>
    </row>
    <row r="1967" spans="1:12" ht="16.5" customHeight="1" x14ac:dyDescent="0.3">
      <c r="A1967" s="11"/>
      <c r="B1967" s="11"/>
      <c r="C1967" s="42"/>
      <c r="D1967" s="3"/>
      <c r="E1967" s="3"/>
      <c r="F1967" s="3"/>
      <c r="G1967" s="3"/>
      <c r="H1967" s="3"/>
      <c r="I1967" s="3"/>
      <c r="J1967" s="3"/>
      <c r="K1967" s="14"/>
      <c r="L1967" s="3"/>
    </row>
    <row r="1968" spans="1:12" ht="16.5" customHeight="1" x14ac:dyDescent="0.3">
      <c r="A1968" s="11"/>
      <c r="B1968" s="11"/>
      <c r="C1968" s="42"/>
      <c r="D1968" s="3"/>
      <c r="E1968" s="3"/>
      <c r="F1968" s="3"/>
      <c r="G1968" s="3"/>
      <c r="H1968" s="3"/>
      <c r="I1968" s="3"/>
      <c r="J1968" s="3"/>
      <c r="K1968" s="14"/>
      <c r="L1968" s="3"/>
    </row>
    <row r="1969" spans="1:12" ht="16.5" customHeight="1" x14ac:dyDescent="0.3">
      <c r="A1969" s="11"/>
      <c r="B1969" s="11"/>
      <c r="C1969" s="42"/>
      <c r="D1969" s="3"/>
      <c r="E1969" s="3"/>
      <c r="F1969" s="3"/>
      <c r="G1969" s="3"/>
      <c r="H1969" s="3"/>
      <c r="I1969" s="3"/>
      <c r="J1969" s="3"/>
      <c r="K1969" s="14"/>
      <c r="L1969" s="3"/>
    </row>
    <row r="1970" spans="1:12" ht="16.5" customHeight="1" x14ac:dyDescent="0.3">
      <c r="A1970" s="11"/>
      <c r="B1970" s="11"/>
      <c r="C1970" s="42"/>
      <c r="D1970" s="3"/>
      <c r="E1970" s="3"/>
      <c r="F1970" s="3"/>
      <c r="G1970" s="3"/>
      <c r="H1970" s="3"/>
      <c r="I1970" s="3"/>
      <c r="J1970" s="3"/>
      <c r="K1970" s="14"/>
      <c r="L1970" s="3"/>
    </row>
    <row r="1971" spans="1:12" ht="16.5" customHeight="1" x14ac:dyDescent="0.3">
      <c r="A1971" s="11"/>
      <c r="B1971" s="11"/>
      <c r="C1971" s="42"/>
      <c r="D1971" s="3"/>
      <c r="E1971" s="3"/>
      <c r="F1971" s="3"/>
      <c r="G1971" s="3"/>
      <c r="H1971" s="3"/>
      <c r="I1971" s="3"/>
      <c r="J1971" s="3"/>
      <c r="K1971" s="14"/>
      <c r="L1971" s="3"/>
    </row>
    <row r="1972" spans="1:12" ht="16.5" customHeight="1" x14ac:dyDescent="0.3">
      <c r="A1972" s="11"/>
      <c r="B1972" s="11"/>
      <c r="C1972" s="42"/>
      <c r="D1972" s="3"/>
      <c r="E1972" s="3"/>
      <c r="F1972" s="3"/>
      <c r="G1972" s="3"/>
      <c r="H1972" s="3"/>
      <c r="I1972" s="3"/>
      <c r="J1972" s="3"/>
      <c r="K1972" s="14"/>
      <c r="L1972" s="3"/>
    </row>
    <row r="1973" spans="1:12" ht="16.5" customHeight="1" x14ac:dyDescent="0.3">
      <c r="A1973" s="11"/>
      <c r="B1973" s="11"/>
      <c r="C1973" s="42"/>
      <c r="D1973" s="3"/>
      <c r="E1973" s="3"/>
      <c r="F1973" s="3"/>
      <c r="G1973" s="3"/>
      <c r="H1973" s="3"/>
      <c r="I1973" s="3"/>
      <c r="J1973" s="3"/>
      <c r="K1973" s="14"/>
      <c r="L1973" s="3"/>
    </row>
    <row r="1974" spans="1:12" ht="16.5" customHeight="1" x14ac:dyDescent="0.3">
      <c r="A1974" s="11"/>
      <c r="B1974" s="11"/>
      <c r="C1974" s="42"/>
      <c r="D1974" s="3"/>
      <c r="E1974" s="3"/>
      <c r="F1974" s="3"/>
      <c r="G1974" s="3"/>
      <c r="H1974" s="3"/>
      <c r="I1974" s="3"/>
      <c r="J1974" s="3"/>
      <c r="K1974" s="14"/>
      <c r="L1974" s="3"/>
    </row>
    <row r="1975" spans="1:12" ht="16.5" customHeight="1" x14ac:dyDescent="0.3">
      <c r="A1975" s="11"/>
      <c r="B1975" s="11"/>
      <c r="C1975" s="42"/>
      <c r="D1975" s="3"/>
      <c r="E1975" s="3"/>
      <c r="F1975" s="3"/>
      <c r="G1975" s="3"/>
      <c r="H1975" s="3"/>
      <c r="I1975" s="3"/>
      <c r="J1975" s="3"/>
      <c r="K1975" s="14"/>
      <c r="L1975" s="3"/>
    </row>
    <row r="1976" spans="1:12" ht="16.5" customHeight="1" x14ac:dyDescent="0.3">
      <c r="A1976" s="11"/>
      <c r="B1976" s="11"/>
      <c r="C1976" s="42"/>
      <c r="D1976" s="3"/>
      <c r="E1976" s="3"/>
      <c r="F1976" s="3"/>
      <c r="G1976" s="3"/>
      <c r="H1976" s="3"/>
      <c r="I1976" s="3"/>
      <c r="J1976" s="3"/>
      <c r="K1976" s="14"/>
      <c r="L1976" s="3"/>
    </row>
    <row r="1977" spans="1:12" ht="16.5" customHeight="1" x14ac:dyDescent="0.3">
      <c r="A1977" s="11"/>
      <c r="B1977" s="11"/>
      <c r="C1977" s="42"/>
      <c r="D1977" s="3"/>
      <c r="E1977" s="3"/>
      <c r="F1977" s="3"/>
      <c r="G1977" s="3"/>
      <c r="H1977" s="3"/>
      <c r="I1977" s="3"/>
      <c r="J1977" s="3"/>
      <c r="K1977" s="14"/>
      <c r="L1977" s="3"/>
    </row>
    <row r="1978" spans="1:12" ht="16.5" customHeight="1" x14ac:dyDescent="0.3">
      <c r="A1978" s="11"/>
      <c r="B1978" s="11"/>
      <c r="C1978" s="42"/>
      <c r="D1978" s="3"/>
      <c r="E1978" s="3"/>
      <c r="F1978" s="3"/>
      <c r="G1978" s="3"/>
      <c r="H1978" s="3"/>
      <c r="I1978" s="3"/>
      <c r="J1978" s="3"/>
      <c r="K1978" s="14"/>
      <c r="L1978" s="3"/>
    </row>
    <row r="1979" spans="1:12" ht="16.5" customHeight="1" x14ac:dyDescent="0.3">
      <c r="A1979" s="11"/>
      <c r="B1979" s="11"/>
      <c r="C1979" s="42"/>
      <c r="D1979" s="3"/>
      <c r="E1979" s="3"/>
      <c r="F1979" s="3"/>
      <c r="G1979" s="3"/>
      <c r="H1979" s="3"/>
      <c r="I1979" s="3"/>
      <c r="J1979" s="3"/>
      <c r="K1979" s="14"/>
      <c r="L1979" s="3"/>
    </row>
    <row r="1980" spans="1:12" ht="16.5" customHeight="1" x14ac:dyDescent="0.3">
      <c r="A1980" s="11"/>
      <c r="B1980" s="11"/>
      <c r="C1980" s="42"/>
      <c r="D1980" s="3"/>
      <c r="E1980" s="3"/>
      <c r="F1980" s="3"/>
      <c r="G1980" s="3"/>
      <c r="H1980" s="3"/>
      <c r="I1980" s="3"/>
      <c r="J1980" s="3"/>
      <c r="K1980" s="14"/>
      <c r="L1980" s="3"/>
    </row>
    <row r="1981" spans="1:12" ht="16.5" customHeight="1" x14ac:dyDescent="0.3">
      <c r="A1981" s="11"/>
      <c r="B1981" s="11"/>
      <c r="C1981" s="42"/>
      <c r="D1981" s="3"/>
      <c r="E1981" s="3"/>
      <c r="F1981" s="3"/>
      <c r="G1981" s="3"/>
      <c r="H1981" s="3"/>
      <c r="I1981" s="3"/>
      <c r="J1981" s="3"/>
      <c r="K1981" s="14"/>
      <c r="L1981" s="3"/>
    </row>
    <row r="1982" spans="1:12" ht="16.5" customHeight="1" x14ac:dyDescent="0.3">
      <c r="A1982" s="11"/>
      <c r="B1982" s="11"/>
      <c r="C1982" s="42"/>
      <c r="D1982" s="3"/>
      <c r="E1982" s="3"/>
      <c r="F1982" s="3"/>
      <c r="G1982" s="3"/>
      <c r="H1982" s="3"/>
      <c r="I1982" s="3"/>
      <c r="J1982" s="3"/>
      <c r="K1982" s="14"/>
      <c r="L1982" s="3"/>
    </row>
    <row r="1983" spans="1:12" ht="16.5" customHeight="1" x14ac:dyDescent="0.3">
      <c r="A1983" s="11"/>
      <c r="B1983" s="11"/>
      <c r="C1983" s="42"/>
      <c r="D1983" s="3"/>
      <c r="E1983" s="3"/>
      <c r="F1983" s="3"/>
      <c r="G1983" s="3"/>
      <c r="H1983" s="3"/>
      <c r="I1983" s="3"/>
      <c r="J1983" s="3"/>
      <c r="K1983" s="14"/>
      <c r="L1983" s="3"/>
    </row>
    <row r="1984" spans="1:12" ht="16.5" customHeight="1" x14ac:dyDescent="0.3">
      <c r="A1984" s="11"/>
      <c r="B1984" s="11"/>
      <c r="C1984" s="42"/>
      <c r="D1984" s="3"/>
      <c r="E1984" s="3"/>
      <c r="F1984" s="3"/>
      <c r="G1984" s="3"/>
      <c r="H1984" s="3"/>
      <c r="I1984" s="3"/>
      <c r="J1984" s="3"/>
      <c r="K1984" s="14"/>
      <c r="L1984" s="3"/>
    </row>
    <row r="1985" spans="1:12" ht="16.5" customHeight="1" x14ac:dyDescent="0.3">
      <c r="A1985" s="11"/>
      <c r="B1985" s="11"/>
      <c r="C1985" s="42"/>
      <c r="D1985" s="3"/>
      <c r="E1985" s="3"/>
      <c r="F1985" s="3"/>
      <c r="G1985" s="3"/>
      <c r="H1985" s="3"/>
      <c r="I1985" s="3"/>
      <c r="J1985" s="3"/>
      <c r="K1985" s="14"/>
      <c r="L1985" s="3"/>
    </row>
    <row r="1986" spans="1:12" ht="16.5" customHeight="1" x14ac:dyDescent="0.3">
      <c r="A1986" s="11"/>
      <c r="B1986" s="11"/>
      <c r="C1986" s="42"/>
      <c r="D1986" s="3"/>
      <c r="E1986" s="3"/>
      <c r="F1986" s="3"/>
      <c r="G1986" s="3"/>
      <c r="H1986" s="3"/>
      <c r="I1986" s="3"/>
      <c r="J1986" s="3"/>
      <c r="K1986" s="14"/>
      <c r="L1986" s="3"/>
    </row>
    <row r="1987" spans="1:12" ht="16.5" customHeight="1" x14ac:dyDescent="0.3">
      <c r="A1987" s="11"/>
      <c r="B1987" s="11"/>
      <c r="C1987" s="42"/>
      <c r="D1987" s="3"/>
      <c r="E1987" s="3"/>
      <c r="F1987" s="3"/>
      <c r="G1987" s="3"/>
      <c r="H1987" s="3"/>
      <c r="I1987" s="3"/>
      <c r="J1987" s="3"/>
      <c r="K1987" s="14"/>
      <c r="L1987" s="3"/>
    </row>
    <row r="1988" spans="1:12" ht="16.5" customHeight="1" x14ac:dyDescent="0.3">
      <c r="A1988" s="11"/>
      <c r="B1988" s="11"/>
      <c r="C1988" s="42"/>
      <c r="D1988" s="3"/>
      <c r="E1988" s="3"/>
      <c r="F1988" s="3"/>
      <c r="G1988" s="3"/>
      <c r="H1988" s="3"/>
      <c r="I1988" s="3"/>
      <c r="J1988" s="3"/>
      <c r="K1988" s="14"/>
      <c r="L1988" s="3"/>
    </row>
    <row r="1989" spans="1:12" ht="16.5" customHeight="1" x14ac:dyDescent="0.3">
      <c r="A1989" s="11"/>
      <c r="B1989" s="11"/>
      <c r="C1989" s="42"/>
      <c r="D1989" s="3"/>
      <c r="E1989" s="3"/>
      <c r="F1989" s="3"/>
      <c r="G1989" s="3"/>
      <c r="H1989" s="3"/>
      <c r="I1989" s="3"/>
      <c r="J1989" s="3"/>
      <c r="K1989" s="14"/>
      <c r="L1989" s="3"/>
    </row>
    <row r="1990" spans="1:12" ht="16.5" customHeight="1" x14ac:dyDescent="0.3">
      <c r="A1990" s="11"/>
      <c r="B1990" s="11"/>
      <c r="C1990" s="42"/>
      <c r="D1990" s="3"/>
      <c r="E1990" s="3"/>
      <c r="F1990" s="3"/>
      <c r="G1990" s="3"/>
      <c r="H1990" s="3"/>
      <c r="I1990" s="3"/>
      <c r="J1990" s="3"/>
      <c r="K1990" s="14"/>
      <c r="L1990" s="3"/>
    </row>
    <row r="1991" spans="1:12" ht="16.5" customHeight="1" x14ac:dyDescent="0.3">
      <c r="A1991" s="11"/>
      <c r="B1991" s="11"/>
      <c r="C1991" s="42"/>
      <c r="D1991" s="3"/>
      <c r="E1991" s="3"/>
      <c r="F1991" s="3"/>
      <c r="G1991" s="3"/>
      <c r="H1991" s="3"/>
      <c r="I1991" s="3"/>
      <c r="J1991" s="3"/>
      <c r="K1991" s="14"/>
      <c r="L1991" s="3"/>
    </row>
    <row r="1992" spans="1:12" ht="16.5" customHeight="1" x14ac:dyDescent="0.3">
      <c r="A1992" s="11"/>
      <c r="B1992" s="11"/>
      <c r="C1992" s="42"/>
      <c r="D1992" s="3"/>
      <c r="E1992" s="3"/>
      <c r="F1992" s="3"/>
      <c r="G1992" s="3"/>
      <c r="H1992" s="3"/>
      <c r="I1992" s="3"/>
      <c r="J1992" s="3"/>
      <c r="K1992" s="14"/>
      <c r="L1992" s="3"/>
    </row>
    <row r="1993" spans="1:12" ht="16.5" customHeight="1" x14ac:dyDescent="0.3">
      <c r="A1993" s="11"/>
      <c r="B1993" s="11"/>
      <c r="C1993" s="42"/>
      <c r="D1993" s="3"/>
      <c r="E1993" s="3"/>
      <c r="F1993" s="3"/>
      <c r="G1993" s="3"/>
      <c r="H1993" s="3"/>
      <c r="I1993" s="3"/>
      <c r="J1993" s="3"/>
      <c r="K1993" s="14"/>
      <c r="L1993" s="3"/>
    </row>
    <row r="1994" spans="1:12" ht="16.5" customHeight="1" x14ac:dyDescent="0.3">
      <c r="A1994" s="11"/>
      <c r="B1994" s="11"/>
      <c r="C1994" s="42"/>
      <c r="D1994" s="3"/>
      <c r="E1994" s="3"/>
      <c r="F1994" s="3"/>
      <c r="G1994" s="3"/>
      <c r="H1994" s="3"/>
      <c r="I1994" s="3"/>
      <c r="J1994" s="3"/>
      <c r="K1994" s="14"/>
      <c r="L1994" s="3"/>
    </row>
    <row r="1995" spans="1:12" ht="16.5" customHeight="1" x14ac:dyDescent="0.3">
      <c r="A1995" s="11"/>
      <c r="B1995" s="11"/>
      <c r="C1995" s="42"/>
      <c r="D1995" s="3"/>
      <c r="E1995" s="3"/>
      <c r="F1995" s="3"/>
      <c r="G1995" s="3"/>
      <c r="H1995" s="3"/>
      <c r="I1995" s="3"/>
      <c r="J1995" s="3"/>
      <c r="K1995" s="14"/>
      <c r="L1995" s="3"/>
    </row>
    <row r="1996" spans="1:12" ht="16.5" customHeight="1" x14ac:dyDescent="0.3">
      <c r="A1996" s="11"/>
      <c r="B1996" s="11"/>
      <c r="C1996" s="42"/>
      <c r="D1996" s="3"/>
      <c r="E1996" s="3"/>
      <c r="F1996" s="3"/>
      <c r="G1996" s="3"/>
      <c r="H1996" s="3"/>
      <c r="I1996" s="3"/>
      <c r="J1996" s="3"/>
      <c r="K1996" s="14"/>
      <c r="L1996" s="3"/>
    </row>
    <row r="1997" spans="1:12" ht="16.5" customHeight="1" x14ac:dyDescent="0.3">
      <c r="A1997" s="11"/>
      <c r="B1997" s="11"/>
      <c r="C1997" s="42"/>
      <c r="D1997" s="3"/>
      <c r="E1997" s="3"/>
      <c r="F1997" s="3"/>
      <c r="G1997" s="3"/>
      <c r="H1997" s="3"/>
      <c r="I1997" s="3"/>
      <c r="J1997" s="3"/>
      <c r="K1997" s="14"/>
      <c r="L1997" s="3"/>
    </row>
    <row r="1998" spans="1:12" ht="16.5" customHeight="1" x14ac:dyDescent="0.3">
      <c r="A1998" s="11"/>
      <c r="B1998" s="11"/>
      <c r="C1998" s="42"/>
      <c r="D1998" s="3"/>
      <c r="E1998" s="3"/>
      <c r="F1998" s="3"/>
      <c r="G1998" s="3"/>
      <c r="H1998" s="3"/>
      <c r="I1998" s="3"/>
      <c r="J1998" s="3"/>
      <c r="K1998" s="14"/>
      <c r="L1998" s="3"/>
    </row>
    <row r="1999" spans="1:12" ht="16.5" customHeight="1" x14ac:dyDescent="0.3">
      <c r="A1999" s="11"/>
      <c r="B1999" s="11"/>
      <c r="C1999" s="42"/>
      <c r="D1999" s="3"/>
      <c r="E1999" s="3"/>
      <c r="F1999" s="3"/>
      <c r="G1999" s="3"/>
      <c r="H1999" s="3"/>
      <c r="I1999" s="3"/>
      <c r="J1999" s="3"/>
      <c r="K1999" s="14"/>
      <c r="L1999" s="3"/>
    </row>
    <row r="2000" spans="1:12" ht="16.5" customHeight="1" x14ac:dyDescent="0.3">
      <c r="A2000" s="11"/>
      <c r="B2000" s="11"/>
      <c r="C2000" s="42"/>
      <c r="D2000" s="3"/>
      <c r="E2000" s="3"/>
      <c r="F2000" s="3"/>
      <c r="G2000" s="3"/>
      <c r="H2000" s="3"/>
      <c r="I2000" s="3"/>
      <c r="J2000" s="3"/>
      <c r="K2000" s="14"/>
      <c r="L2000" s="3"/>
    </row>
    <row r="2001" spans="1:12" ht="16.5" customHeight="1" x14ac:dyDescent="0.3">
      <c r="A2001" s="11"/>
      <c r="B2001" s="11"/>
      <c r="C2001" s="42"/>
      <c r="D2001" s="3"/>
      <c r="E2001" s="3"/>
      <c r="F2001" s="3"/>
      <c r="G2001" s="3"/>
      <c r="H2001" s="3"/>
      <c r="I2001" s="3"/>
      <c r="J2001" s="3"/>
      <c r="K2001" s="14"/>
      <c r="L2001" s="3"/>
    </row>
    <row r="2002" spans="1:12" ht="16.5" customHeight="1" x14ac:dyDescent="0.3">
      <c r="A2002" s="11"/>
      <c r="B2002" s="11"/>
      <c r="C2002" s="42"/>
      <c r="D2002" s="3"/>
      <c r="E2002" s="3"/>
      <c r="F2002" s="3"/>
      <c r="G2002" s="3"/>
      <c r="H2002" s="3"/>
      <c r="I2002" s="3"/>
      <c r="J2002" s="3"/>
      <c r="K2002" s="14"/>
      <c r="L2002" s="3"/>
    </row>
    <row r="2003" spans="1:12" ht="16.5" customHeight="1" x14ac:dyDescent="0.3">
      <c r="A2003" s="11"/>
      <c r="B2003" s="11"/>
      <c r="C2003" s="42"/>
      <c r="D2003" s="3"/>
      <c r="E2003" s="3"/>
      <c r="F2003" s="3"/>
      <c r="G2003" s="3"/>
      <c r="H2003" s="3"/>
      <c r="I2003" s="3"/>
      <c r="J2003" s="3"/>
      <c r="K2003" s="14"/>
      <c r="L2003" s="3"/>
    </row>
    <row r="2004" spans="1:12" ht="16.5" customHeight="1" x14ac:dyDescent="0.3">
      <c r="A2004" s="11"/>
      <c r="B2004" s="11"/>
      <c r="C2004" s="42"/>
      <c r="D2004" s="3"/>
      <c r="E2004" s="3"/>
      <c r="F2004" s="3"/>
      <c r="G2004" s="3"/>
      <c r="H2004" s="3"/>
      <c r="I2004" s="3"/>
      <c r="J2004" s="3"/>
      <c r="K2004" s="14"/>
      <c r="L2004" s="3"/>
    </row>
    <row r="2005" spans="1:12" ht="16.5" customHeight="1" x14ac:dyDescent="0.3">
      <c r="A2005" s="11"/>
      <c r="B2005" s="11"/>
      <c r="C2005" s="42"/>
      <c r="D2005" s="3"/>
      <c r="E2005" s="3"/>
      <c r="F2005" s="3"/>
      <c r="G2005" s="3"/>
      <c r="H2005" s="3"/>
      <c r="I2005" s="3"/>
      <c r="J2005" s="3"/>
      <c r="K2005" s="14"/>
      <c r="L2005" s="3"/>
    </row>
    <row r="2006" spans="1:12" ht="16.5" customHeight="1" x14ac:dyDescent="0.3">
      <c r="A2006" s="11"/>
      <c r="B2006" s="11"/>
      <c r="C2006" s="42"/>
      <c r="D2006" s="3"/>
      <c r="E2006" s="3"/>
      <c r="F2006" s="3"/>
      <c r="G2006" s="3"/>
      <c r="H2006" s="3"/>
      <c r="I2006" s="3"/>
      <c r="J2006" s="3"/>
      <c r="K2006" s="14"/>
      <c r="L2006" s="3"/>
    </row>
    <row r="2007" spans="1:12" ht="16.5" customHeight="1" x14ac:dyDescent="0.3">
      <c r="A2007" s="11"/>
      <c r="B2007" s="11"/>
      <c r="C2007" s="42"/>
      <c r="D2007" s="3"/>
      <c r="E2007" s="3"/>
      <c r="F2007" s="3"/>
      <c r="G2007" s="3"/>
      <c r="H2007" s="3"/>
      <c r="I2007" s="3"/>
      <c r="J2007" s="3"/>
      <c r="K2007" s="14"/>
      <c r="L2007" s="3"/>
    </row>
    <row r="2008" spans="1:12" ht="16.5" customHeight="1" x14ac:dyDescent="0.3">
      <c r="A2008" s="11"/>
      <c r="B2008" s="11"/>
      <c r="C2008" s="42"/>
      <c r="D2008" s="3"/>
      <c r="E2008" s="3"/>
      <c r="F2008" s="3"/>
      <c r="G2008" s="3"/>
      <c r="H2008" s="3"/>
      <c r="I2008" s="3"/>
      <c r="J2008" s="3"/>
      <c r="K2008" s="14"/>
      <c r="L2008" s="3"/>
    </row>
    <row r="2009" spans="1:12" ht="16.5" customHeight="1" x14ac:dyDescent="0.3">
      <c r="A2009" s="11"/>
      <c r="B2009" s="11"/>
      <c r="C2009" s="42"/>
      <c r="D2009" s="3"/>
      <c r="E2009" s="3"/>
      <c r="F2009" s="3"/>
      <c r="G2009" s="3"/>
      <c r="H2009" s="3"/>
      <c r="I2009" s="3"/>
      <c r="J2009" s="3"/>
      <c r="K2009" s="14"/>
      <c r="L2009" s="3"/>
    </row>
    <row r="2010" spans="1:12" ht="16.5" customHeight="1" x14ac:dyDescent="0.3">
      <c r="A2010" s="11"/>
      <c r="B2010" s="11"/>
      <c r="C2010" s="42"/>
      <c r="D2010" s="3"/>
      <c r="E2010" s="3"/>
      <c r="F2010" s="3"/>
      <c r="G2010" s="3"/>
      <c r="H2010" s="3"/>
      <c r="I2010" s="3"/>
      <c r="J2010" s="3"/>
      <c r="K2010" s="14"/>
      <c r="L2010" s="3"/>
    </row>
    <row r="2011" spans="1:12" ht="16.5" customHeight="1" x14ac:dyDescent="0.3">
      <c r="A2011" s="11"/>
      <c r="B2011" s="11"/>
      <c r="C2011" s="42"/>
      <c r="D2011" s="3"/>
      <c r="E2011" s="3"/>
      <c r="F2011" s="3"/>
      <c r="G2011" s="3"/>
      <c r="H2011" s="3"/>
      <c r="I2011" s="3"/>
      <c r="J2011" s="3"/>
      <c r="K2011" s="14"/>
      <c r="L2011" s="3"/>
    </row>
    <row r="2012" spans="1:12" ht="16.5" customHeight="1" x14ac:dyDescent="0.3">
      <c r="A2012" s="11"/>
      <c r="B2012" s="11"/>
      <c r="C2012" s="42"/>
      <c r="D2012" s="3"/>
      <c r="E2012" s="3"/>
      <c r="F2012" s="3"/>
      <c r="G2012" s="3"/>
      <c r="H2012" s="3"/>
      <c r="I2012" s="3"/>
      <c r="J2012" s="3"/>
      <c r="K2012" s="14"/>
      <c r="L2012" s="3"/>
    </row>
    <row r="2013" spans="1:12" ht="16.5" customHeight="1" x14ac:dyDescent="0.3">
      <c r="A2013" s="11"/>
      <c r="B2013" s="11"/>
      <c r="C2013" s="42"/>
      <c r="D2013" s="3"/>
      <c r="E2013" s="3"/>
      <c r="F2013" s="3"/>
      <c r="G2013" s="3"/>
      <c r="H2013" s="3"/>
      <c r="I2013" s="3"/>
      <c r="J2013" s="3"/>
      <c r="K2013" s="14"/>
      <c r="L2013" s="3"/>
    </row>
    <row r="2014" spans="1:12" ht="16.5" customHeight="1" x14ac:dyDescent="0.3">
      <c r="A2014" s="11"/>
      <c r="B2014" s="11"/>
      <c r="C2014" s="42"/>
      <c r="D2014" s="3"/>
      <c r="E2014" s="3"/>
      <c r="F2014" s="3"/>
      <c r="G2014" s="3"/>
      <c r="H2014" s="3"/>
      <c r="I2014" s="3"/>
      <c r="J2014" s="3"/>
      <c r="K2014" s="14"/>
      <c r="L2014" s="3"/>
    </row>
    <row r="2015" spans="1:12" ht="16.5" customHeight="1" x14ac:dyDescent="0.3">
      <c r="A2015" s="11"/>
      <c r="B2015" s="11"/>
      <c r="C2015" s="42"/>
      <c r="D2015" s="3"/>
      <c r="E2015" s="3"/>
      <c r="F2015" s="3"/>
      <c r="G2015" s="3"/>
      <c r="H2015" s="3"/>
      <c r="I2015" s="3"/>
      <c r="J2015" s="3"/>
      <c r="K2015" s="14"/>
      <c r="L2015" s="3"/>
    </row>
    <row r="2016" spans="1:12" ht="16.5" customHeight="1" x14ac:dyDescent="0.3">
      <c r="A2016" s="11"/>
      <c r="B2016" s="11"/>
      <c r="C2016" s="42"/>
      <c r="D2016" s="3"/>
      <c r="E2016" s="3"/>
      <c r="F2016" s="3"/>
      <c r="G2016" s="3"/>
      <c r="H2016" s="3"/>
      <c r="I2016" s="3"/>
      <c r="J2016" s="3"/>
      <c r="K2016" s="14"/>
      <c r="L2016" s="3"/>
    </row>
    <row r="2017" spans="1:12" ht="16.5" customHeight="1" x14ac:dyDescent="0.3">
      <c r="A2017" s="11"/>
      <c r="B2017" s="11"/>
      <c r="C2017" s="42"/>
      <c r="D2017" s="3"/>
      <c r="E2017" s="3"/>
      <c r="F2017" s="3"/>
      <c r="G2017" s="3"/>
      <c r="H2017" s="3"/>
      <c r="I2017" s="3"/>
      <c r="J2017" s="3"/>
      <c r="K2017" s="14"/>
      <c r="L2017" s="3"/>
    </row>
    <row r="2018" spans="1:12" ht="16.5" customHeight="1" x14ac:dyDescent="0.3">
      <c r="A2018" s="11"/>
      <c r="B2018" s="11"/>
      <c r="C2018" s="42"/>
      <c r="D2018" s="3"/>
      <c r="E2018" s="3"/>
      <c r="F2018" s="3"/>
      <c r="G2018" s="3"/>
      <c r="H2018" s="3"/>
      <c r="I2018" s="3"/>
      <c r="J2018" s="3"/>
      <c r="K2018" s="14"/>
      <c r="L2018" s="3"/>
    </row>
    <row r="2019" spans="1:12" ht="16.5" customHeight="1" x14ac:dyDescent="0.3">
      <c r="A2019" s="11"/>
      <c r="B2019" s="11"/>
      <c r="C2019" s="42"/>
      <c r="D2019" s="3"/>
      <c r="E2019" s="3"/>
      <c r="F2019" s="3"/>
      <c r="G2019" s="3"/>
      <c r="H2019" s="3"/>
      <c r="I2019" s="3"/>
      <c r="J2019" s="3"/>
      <c r="K2019" s="14"/>
      <c r="L2019" s="3"/>
    </row>
    <row r="2020" spans="1:12" ht="16.5" customHeight="1" x14ac:dyDescent="0.3">
      <c r="A2020" s="11"/>
      <c r="B2020" s="11"/>
      <c r="C2020" s="42"/>
      <c r="D2020" s="3"/>
      <c r="E2020" s="3"/>
      <c r="F2020" s="3"/>
      <c r="G2020" s="3"/>
      <c r="H2020" s="3"/>
      <c r="I2020" s="3"/>
      <c r="J2020" s="3"/>
      <c r="K2020" s="14"/>
      <c r="L2020" s="3"/>
    </row>
    <row r="2021" spans="1:12" ht="16.5" customHeight="1" x14ac:dyDescent="0.3">
      <c r="A2021" s="11"/>
      <c r="B2021" s="11"/>
      <c r="C2021" s="42"/>
      <c r="D2021" s="3"/>
      <c r="E2021" s="3"/>
      <c r="F2021" s="3"/>
      <c r="G2021" s="3"/>
      <c r="H2021" s="3"/>
      <c r="I2021" s="3"/>
      <c r="J2021" s="3"/>
      <c r="K2021" s="14"/>
      <c r="L2021" s="3"/>
    </row>
    <row r="2022" spans="1:12" ht="16.5" customHeight="1" x14ac:dyDescent="0.3">
      <c r="A2022" s="11"/>
      <c r="B2022" s="11"/>
      <c r="C2022" s="42"/>
      <c r="D2022" s="3"/>
      <c r="E2022" s="3"/>
      <c r="F2022" s="3"/>
      <c r="G2022" s="3"/>
      <c r="H2022" s="3"/>
      <c r="I2022" s="3"/>
      <c r="J2022" s="3"/>
      <c r="K2022" s="14"/>
      <c r="L2022" s="3"/>
    </row>
    <row r="2023" spans="1:12" ht="16.5" customHeight="1" x14ac:dyDescent="0.3">
      <c r="A2023" s="11"/>
      <c r="B2023" s="11"/>
      <c r="C2023" s="42"/>
      <c r="D2023" s="3"/>
      <c r="E2023" s="3"/>
      <c r="F2023" s="3"/>
      <c r="G2023" s="3"/>
      <c r="H2023" s="3"/>
      <c r="I2023" s="3"/>
      <c r="J2023" s="3"/>
      <c r="K2023" s="14"/>
      <c r="L2023" s="3"/>
    </row>
    <row r="2024" spans="1:12" ht="16.5" customHeight="1" x14ac:dyDescent="0.3">
      <c r="A2024" s="11"/>
      <c r="B2024" s="11"/>
      <c r="C2024" s="42"/>
      <c r="D2024" s="3"/>
      <c r="E2024" s="3"/>
      <c r="F2024" s="3"/>
      <c r="G2024" s="3"/>
      <c r="H2024" s="3"/>
      <c r="I2024" s="3"/>
      <c r="J2024" s="3"/>
      <c r="K2024" s="14"/>
      <c r="L2024" s="3"/>
    </row>
    <row r="2025" spans="1:12" ht="16.5" customHeight="1" x14ac:dyDescent="0.3">
      <c r="A2025" s="11"/>
      <c r="B2025" s="11"/>
      <c r="C2025" s="42"/>
      <c r="D2025" s="3"/>
      <c r="E2025" s="3"/>
      <c r="F2025" s="3"/>
      <c r="G2025" s="3"/>
      <c r="H2025" s="3"/>
      <c r="I2025" s="3"/>
      <c r="J2025" s="3"/>
      <c r="K2025" s="14"/>
      <c r="L2025" s="3"/>
    </row>
    <row r="2026" spans="1:12" ht="16.5" customHeight="1" x14ac:dyDescent="0.3">
      <c r="A2026" s="11"/>
      <c r="B2026" s="11"/>
      <c r="C2026" s="42"/>
      <c r="D2026" s="3"/>
      <c r="E2026" s="3"/>
      <c r="F2026" s="3"/>
      <c r="G2026" s="3"/>
      <c r="H2026" s="3"/>
      <c r="I2026" s="3"/>
      <c r="J2026" s="3"/>
      <c r="K2026" s="14"/>
      <c r="L2026" s="3"/>
    </row>
    <row r="2027" spans="1:12" ht="16.5" customHeight="1" x14ac:dyDescent="0.3">
      <c r="A2027" s="11"/>
      <c r="B2027" s="11"/>
      <c r="C2027" s="42"/>
      <c r="D2027" s="3"/>
      <c r="E2027" s="3"/>
      <c r="F2027" s="3"/>
      <c r="G2027" s="3"/>
      <c r="H2027" s="3"/>
      <c r="I2027" s="3"/>
      <c r="J2027" s="3"/>
      <c r="K2027" s="14"/>
      <c r="L2027" s="3"/>
    </row>
    <row r="2028" spans="1:12" ht="16.5" customHeight="1" x14ac:dyDescent="0.3">
      <c r="A2028" s="11"/>
      <c r="B2028" s="11"/>
      <c r="C2028" s="42"/>
      <c r="D2028" s="3"/>
      <c r="E2028" s="3"/>
      <c r="F2028" s="3"/>
      <c r="G2028" s="3"/>
      <c r="H2028" s="3"/>
      <c r="I2028" s="3"/>
      <c r="J2028" s="3"/>
      <c r="K2028" s="14"/>
      <c r="L2028" s="3"/>
    </row>
    <row r="2029" spans="1:12" ht="16.5" customHeight="1" x14ac:dyDescent="0.3">
      <c r="A2029" s="11"/>
      <c r="B2029" s="11"/>
      <c r="C2029" s="42"/>
      <c r="D2029" s="3"/>
      <c r="E2029" s="3"/>
      <c r="F2029" s="3"/>
      <c r="G2029" s="3"/>
      <c r="H2029" s="3"/>
      <c r="I2029" s="3"/>
      <c r="J2029" s="3"/>
      <c r="K2029" s="14"/>
      <c r="L2029" s="3"/>
    </row>
    <row r="2030" spans="1:12" ht="16.5" customHeight="1" x14ac:dyDescent="0.3">
      <c r="A2030" s="11"/>
      <c r="B2030" s="11"/>
      <c r="C2030" s="42"/>
      <c r="D2030" s="3"/>
      <c r="E2030" s="3"/>
      <c r="F2030" s="3"/>
      <c r="G2030" s="3"/>
      <c r="H2030" s="3"/>
      <c r="I2030" s="3"/>
      <c r="J2030" s="3"/>
      <c r="K2030" s="14"/>
      <c r="L2030" s="3"/>
    </row>
    <row r="2031" spans="1:12" ht="16.5" customHeight="1" x14ac:dyDescent="0.3">
      <c r="A2031" s="11"/>
      <c r="B2031" s="11"/>
      <c r="C2031" s="42"/>
      <c r="D2031" s="3"/>
      <c r="E2031" s="3"/>
      <c r="F2031" s="3"/>
      <c r="G2031" s="3"/>
      <c r="H2031" s="3"/>
      <c r="I2031" s="3"/>
      <c r="J2031" s="3"/>
      <c r="K2031" s="14"/>
      <c r="L2031" s="3"/>
    </row>
    <row r="2032" spans="1:12" ht="16.5" customHeight="1" x14ac:dyDescent="0.3">
      <c r="A2032" s="11"/>
      <c r="B2032" s="11"/>
      <c r="C2032" s="42"/>
      <c r="D2032" s="3"/>
      <c r="E2032" s="3"/>
      <c r="F2032" s="3"/>
      <c r="G2032" s="3"/>
      <c r="H2032" s="3"/>
      <c r="I2032" s="3"/>
      <c r="J2032" s="3"/>
      <c r="K2032" s="14"/>
      <c r="L2032" s="3"/>
    </row>
    <row r="2033" spans="1:12" ht="16.5" customHeight="1" x14ac:dyDescent="0.3">
      <c r="A2033" s="11"/>
      <c r="B2033" s="11"/>
      <c r="C2033" s="42"/>
      <c r="D2033" s="3"/>
      <c r="E2033" s="3"/>
      <c r="F2033" s="3"/>
      <c r="G2033" s="3"/>
      <c r="H2033" s="3"/>
      <c r="I2033" s="3"/>
      <c r="J2033" s="3"/>
      <c r="K2033" s="14"/>
      <c r="L2033" s="3"/>
    </row>
    <row r="2034" spans="1:12" ht="16.5" customHeight="1" x14ac:dyDescent="0.3">
      <c r="A2034" s="11"/>
      <c r="B2034" s="11"/>
      <c r="C2034" s="42"/>
      <c r="D2034" s="3"/>
      <c r="E2034" s="3"/>
      <c r="F2034" s="3"/>
      <c r="G2034" s="3"/>
      <c r="H2034" s="3"/>
      <c r="I2034" s="3"/>
      <c r="J2034" s="3"/>
      <c r="K2034" s="14"/>
      <c r="L2034" s="3"/>
    </row>
    <row r="2035" spans="1:12" ht="16.5" customHeight="1" x14ac:dyDescent="0.3">
      <c r="A2035" s="11"/>
      <c r="B2035" s="11"/>
      <c r="C2035" s="42"/>
      <c r="D2035" s="3"/>
      <c r="E2035" s="3"/>
      <c r="F2035" s="3"/>
      <c r="G2035" s="3"/>
      <c r="H2035" s="3"/>
      <c r="I2035" s="3"/>
      <c r="J2035" s="3"/>
      <c r="K2035" s="14"/>
      <c r="L2035" s="3"/>
    </row>
    <row r="2036" spans="1:12" ht="16.5" customHeight="1" x14ac:dyDescent="0.3">
      <c r="A2036" s="11"/>
      <c r="B2036" s="11"/>
      <c r="C2036" s="42"/>
      <c r="D2036" s="3"/>
      <c r="E2036" s="3"/>
      <c r="F2036" s="3"/>
      <c r="G2036" s="3"/>
      <c r="H2036" s="3"/>
      <c r="I2036" s="3"/>
      <c r="J2036" s="3"/>
      <c r="K2036" s="14"/>
      <c r="L2036" s="3"/>
    </row>
    <row r="2037" spans="1:12" ht="16.5" customHeight="1" x14ac:dyDescent="0.3">
      <c r="A2037" s="11"/>
      <c r="B2037" s="11"/>
      <c r="C2037" s="42"/>
      <c r="D2037" s="3"/>
      <c r="E2037" s="3"/>
      <c r="F2037" s="3"/>
      <c r="G2037" s="3"/>
      <c r="H2037" s="3"/>
      <c r="I2037" s="3"/>
      <c r="J2037" s="3"/>
      <c r="K2037" s="14"/>
      <c r="L2037" s="3"/>
    </row>
    <row r="2038" spans="1:12" ht="16.5" customHeight="1" x14ac:dyDescent="0.3">
      <c r="A2038" s="11"/>
      <c r="B2038" s="11"/>
      <c r="C2038" s="42"/>
      <c r="D2038" s="3"/>
      <c r="E2038" s="3"/>
      <c r="F2038" s="3"/>
      <c r="G2038" s="3"/>
      <c r="H2038" s="3"/>
      <c r="I2038" s="3"/>
      <c r="J2038" s="3"/>
      <c r="K2038" s="14"/>
      <c r="L2038" s="3"/>
    </row>
    <row r="2039" spans="1:12" ht="16.5" customHeight="1" x14ac:dyDescent="0.3">
      <c r="A2039" s="11"/>
      <c r="B2039" s="11"/>
      <c r="C2039" s="42"/>
      <c r="D2039" s="3"/>
      <c r="E2039" s="3"/>
      <c r="F2039" s="3"/>
      <c r="G2039" s="3"/>
      <c r="H2039" s="3"/>
      <c r="I2039" s="3"/>
      <c r="J2039" s="3"/>
      <c r="K2039" s="14"/>
      <c r="L2039" s="3"/>
    </row>
    <row r="2040" spans="1:12" ht="16.5" customHeight="1" x14ac:dyDescent="0.3">
      <c r="A2040" s="11"/>
      <c r="B2040" s="11"/>
      <c r="C2040" s="42"/>
      <c r="D2040" s="3"/>
      <c r="E2040" s="3"/>
      <c r="F2040" s="3"/>
      <c r="G2040" s="3"/>
      <c r="H2040" s="3"/>
      <c r="I2040" s="3"/>
      <c r="J2040" s="3"/>
      <c r="K2040" s="14"/>
      <c r="L2040" s="3"/>
    </row>
    <row r="2041" spans="1:12" ht="16.5" customHeight="1" x14ac:dyDescent="0.3">
      <c r="A2041" s="11"/>
      <c r="B2041" s="11"/>
      <c r="C2041" s="42"/>
      <c r="D2041" s="3"/>
      <c r="E2041" s="3"/>
      <c r="F2041" s="3"/>
      <c r="G2041" s="3"/>
      <c r="H2041" s="3"/>
      <c r="I2041" s="3"/>
      <c r="J2041" s="3"/>
      <c r="K2041" s="14"/>
      <c r="L2041" s="3"/>
    </row>
    <row r="2042" spans="1:12" ht="16.5" customHeight="1" x14ac:dyDescent="0.3">
      <c r="A2042" s="11"/>
      <c r="B2042" s="11"/>
      <c r="C2042" s="42"/>
      <c r="D2042" s="3"/>
      <c r="E2042" s="3"/>
      <c r="F2042" s="3"/>
      <c r="G2042" s="3"/>
      <c r="H2042" s="3"/>
      <c r="I2042" s="3"/>
      <c r="J2042" s="3"/>
      <c r="K2042" s="14"/>
      <c r="L2042" s="3"/>
    </row>
    <row r="2043" spans="1:12" ht="16.5" customHeight="1" x14ac:dyDescent="0.3">
      <c r="A2043" s="11"/>
      <c r="B2043" s="11"/>
      <c r="C2043" s="42"/>
      <c r="D2043" s="3"/>
      <c r="E2043" s="3"/>
      <c r="F2043" s="3"/>
      <c r="G2043" s="3"/>
      <c r="H2043" s="3"/>
      <c r="I2043" s="3"/>
      <c r="J2043" s="3"/>
      <c r="K2043" s="14"/>
      <c r="L2043" s="3"/>
    </row>
    <row r="2044" spans="1:12" ht="16.5" customHeight="1" x14ac:dyDescent="0.3">
      <c r="A2044" s="11"/>
      <c r="B2044" s="11"/>
      <c r="C2044" s="42"/>
      <c r="D2044" s="3"/>
      <c r="E2044" s="3"/>
      <c r="F2044" s="3"/>
      <c r="G2044" s="3"/>
      <c r="H2044" s="3"/>
      <c r="I2044" s="3"/>
      <c r="J2044" s="3"/>
      <c r="K2044" s="14"/>
      <c r="L2044" s="3"/>
    </row>
    <row r="2045" spans="1:12" ht="16.5" customHeight="1" x14ac:dyDescent="0.3">
      <c r="A2045" s="11"/>
      <c r="B2045" s="11"/>
      <c r="C2045" s="42"/>
      <c r="D2045" s="3"/>
      <c r="E2045" s="3"/>
      <c r="F2045" s="3"/>
      <c r="G2045" s="3"/>
      <c r="H2045" s="3"/>
      <c r="I2045" s="3"/>
      <c r="J2045" s="3"/>
      <c r="K2045" s="14"/>
      <c r="L2045" s="3"/>
    </row>
    <row r="2046" spans="1:12" ht="16.5" customHeight="1" x14ac:dyDescent="0.3">
      <c r="A2046" s="11"/>
      <c r="B2046" s="11"/>
      <c r="C2046" s="42"/>
      <c r="D2046" s="3"/>
      <c r="E2046" s="3"/>
      <c r="F2046" s="3"/>
      <c r="G2046" s="3"/>
      <c r="H2046" s="3"/>
      <c r="I2046" s="3"/>
      <c r="J2046" s="3"/>
      <c r="K2046" s="14"/>
      <c r="L2046" s="3"/>
    </row>
    <row r="2047" spans="1:12" ht="16.5" customHeight="1" x14ac:dyDescent="0.3">
      <c r="A2047" s="11"/>
      <c r="B2047" s="11"/>
      <c r="C2047" s="42"/>
      <c r="D2047" s="3"/>
      <c r="E2047" s="3"/>
      <c r="F2047" s="3"/>
      <c r="G2047" s="3"/>
      <c r="H2047" s="3"/>
      <c r="I2047" s="3"/>
      <c r="J2047" s="3"/>
      <c r="K2047" s="14"/>
      <c r="L2047" s="3"/>
    </row>
    <row r="2048" spans="1:12" ht="16.5" customHeight="1" x14ac:dyDescent="0.3">
      <c r="A2048" s="11"/>
      <c r="B2048" s="11"/>
      <c r="C2048" s="42"/>
      <c r="D2048" s="3"/>
      <c r="E2048" s="3"/>
      <c r="F2048" s="3"/>
      <c r="G2048" s="3"/>
      <c r="H2048" s="3"/>
      <c r="I2048" s="3"/>
      <c r="J2048" s="3"/>
      <c r="K2048" s="14"/>
      <c r="L2048" s="3"/>
    </row>
    <row r="2049" spans="1:12" ht="16.5" customHeight="1" x14ac:dyDescent="0.3">
      <c r="A2049" s="11"/>
      <c r="B2049" s="11"/>
      <c r="C2049" s="42"/>
      <c r="D2049" s="3"/>
      <c r="E2049" s="3"/>
      <c r="F2049" s="3"/>
      <c r="G2049" s="3"/>
      <c r="H2049" s="3"/>
      <c r="I2049" s="3"/>
      <c r="J2049" s="3"/>
      <c r="K2049" s="14"/>
      <c r="L2049" s="3"/>
    </row>
    <row r="2050" spans="1:12" ht="16.5" customHeight="1" x14ac:dyDescent="0.3">
      <c r="A2050" s="11"/>
      <c r="B2050" s="11"/>
      <c r="C2050" s="42"/>
      <c r="D2050" s="3"/>
      <c r="E2050" s="3"/>
      <c r="F2050" s="3"/>
      <c r="G2050" s="3"/>
      <c r="H2050" s="3"/>
      <c r="I2050" s="3"/>
      <c r="J2050" s="3"/>
      <c r="K2050" s="14"/>
      <c r="L2050" s="3"/>
    </row>
    <row r="2051" spans="1:12" ht="16.5" customHeight="1" x14ac:dyDescent="0.3">
      <c r="A2051" s="11"/>
      <c r="B2051" s="11"/>
      <c r="C2051" s="42"/>
      <c r="D2051" s="3"/>
      <c r="E2051" s="3"/>
      <c r="F2051" s="3"/>
      <c r="G2051" s="3"/>
      <c r="H2051" s="3"/>
      <c r="I2051" s="3"/>
      <c r="J2051" s="3"/>
      <c r="K2051" s="14"/>
      <c r="L2051" s="3"/>
    </row>
    <row r="2052" spans="1:12" ht="16.5" customHeight="1" x14ac:dyDescent="0.3">
      <c r="A2052" s="11"/>
      <c r="B2052" s="11"/>
      <c r="C2052" s="42"/>
      <c r="D2052" s="3"/>
      <c r="E2052" s="3"/>
      <c r="F2052" s="3"/>
      <c r="G2052" s="3"/>
      <c r="H2052" s="3"/>
      <c r="I2052" s="3"/>
      <c r="J2052" s="3"/>
      <c r="K2052" s="14"/>
      <c r="L2052" s="3"/>
    </row>
    <row r="2053" spans="1:12" ht="16.5" customHeight="1" x14ac:dyDescent="0.3">
      <c r="A2053" s="11"/>
      <c r="B2053" s="11"/>
      <c r="C2053" s="42"/>
      <c r="D2053" s="3"/>
      <c r="E2053" s="3"/>
      <c r="F2053" s="3"/>
      <c r="G2053" s="3"/>
      <c r="H2053" s="3"/>
      <c r="I2053" s="3"/>
      <c r="J2053" s="3"/>
      <c r="K2053" s="14"/>
      <c r="L2053" s="3"/>
    </row>
    <row r="2054" spans="1:12" ht="16.5" customHeight="1" x14ac:dyDescent="0.3">
      <c r="A2054" s="11"/>
      <c r="B2054" s="11"/>
      <c r="C2054" s="42"/>
      <c r="D2054" s="3"/>
      <c r="E2054" s="3"/>
      <c r="F2054" s="3"/>
      <c r="G2054" s="3"/>
      <c r="H2054" s="3"/>
      <c r="I2054" s="3"/>
      <c r="J2054" s="3"/>
      <c r="K2054" s="14"/>
      <c r="L2054" s="3"/>
    </row>
    <row r="2055" spans="1:12" ht="16.5" customHeight="1" x14ac:dyDescent="0.3">
      <c r="A2055" s="11"/>
      <c r="B2055" s="11"/>
      <c r="C2055" s="42"/>
      <c r="D2055" s="3"/>
      <c r="E2055" s="3"/>
      <c r="F2055" s="3"/>
      <c r="G2055" s="3"/>
      <c r="H2055" s="3"/>
      <c r="I2055" s="3"/>
      <c r="J2055" s="3"/>
      <c r="K2055" s="14"/>
      <c r="L2055" s="3"/>
    </row>
    <row r="2056" spans="1:12" ht="16.5" customHeight="1" x14ac:dyDescent="0.3">
      <c r="A2056" s="11"/>
      <c r="B2056" s="11"/>
      <c r="C2056" s="42"/>
      <c r="D2056" s="3"/>
      <c r="E2056" s="3"/>
      <c r="F2056" s="3"/>
      <c r="G2056" s="3"/>
      <c r="H2056" s="3"/>
      <c r="I2056" s="3"/>
      <c r="J2056" s="3"/>
      <c r="K2056" s="14"/>
      <c r="L2056" s="3"/>
    </row>
    <row r="2057" spans="1:12" ht="16.5" customHeight="1" x14ac:dyDescent="0.3">
      <c r="A2057" s="11"/>
      <c r="B2057" s="11"/>
      <c r="C2057" s="42"/>
      <c r="D2057" s="3"/>
      <c r="E2057" s="3"/>
      <c r="F2057" s="3"/>
      <c r="G2057" s="3"/>
      <c r="H2057" s="3"/>
      <c r="I2057" s="3"/>
      <c r="J2057" s="3"/>
      <c r="K2057" s="14"/>
      <c r="L2057" s="3"/>
    </row>
    <row r="2058" spans="1:12" ht="16.5" customHeight="1" x14ac:dyDescent="0.3">
      <c r="A2058" s="11"/>
      <c r="B2058" s="11"/>
      <c r="C2058" s="42"/>
      <c r="D2058" s="3"/>
      <c r="E2058" s="3"/>
      <c r="F2058" s="3"/>
      <c r="G2058" s="3"/>
      <c r="H2058" s="3"/>
      <c r="I2058" s="3"/>
      <c r="J2058" s="3"/>
      <c r="K2058" s="14"/>
      <c r="L2058" s="3"/>
    </row>
    <row r="2059" spans="1:12" ht="16.5" customHeight="1" x14ac:dyDescent="0.3">
      <c r="A2059" s="11"/>
      <c r="B2059" s="11"/>
      <c r="C2059" s="42"/>
      <c r="D2059" s="3"/>
      <c r="E2059" s="3"/>
      <c r="F2059" s="3"/>
      <c r="G2059" s="3"/>
      <c r="H2059" s="3"/>
      <c r="I2059" s="3"/>
      <c r="J2059" s="3"/>
      <c r="K2059" s="14"/>
      <c r="L2059" s="3"/>
    </row>
    <row r="2060" spans="1:12" ht="16.5" customHeight="1" x14ac:dyDescent="0.3">
      <c r="A2060" s="11"/>
      <c r="B2060" s="11"/>
      <c r="C2060" s="42"/>
      <c r="D2060" s="3"/>
      <c r="E2060" s="3"/>
      <c r="F2060" s="3"/>
      <c r="G2060" s="3"/>
      <c r="H2060" s="3"/>
      <c r="I2060" s="3"/>
      <c r="J2060" s="3"/>
      <c r="K2060" s="14"/>
      <c r="L2060" s="3"/>
    </row>
    <row r="2061" spans="1:12" ht="16.5" customHeight="1" x14ac:dyDescent="0.3">
      <c r="A2061" s="11"/>
      <c r="B2061" s="11"/>
      <c r="C2061" s="42"/>
      <c r="D2061" s="3"/>
      <c r="E2061" s="3"/>
      <c r="F2061" s="3"/>
      <c r="G2061" s="3"/>
      <c r="H2061" s="3"/>
      <c r="I2061" s="3"/>
      <c r="J2061" s="3"/>
      <c r="K2061" s="14"/>
      <c r="L2061" s="3"/>
    </row>
    <row r="2062" spans="1:12" ht="16.5" customHeight="1" x14ac:dyDescent="0.3">
      <c r="A2062" s="11"/>
      <c r="B2062" s="11"/>
      <c r="C2062" s="42"/>
      <c r="D2062" s="3"/>
      <c r="E2062" s="3"/>
      <c r="F2062" s="3"/>
      <c r="G2062" s="3"/>
      <c r="H2062" s="3"/>
      <c r="I2062" s="3"/>
      <c r="J2062" s="3"/>
      <c r="K2062" s="14"/>
      <c r="L2062" s="3"/>
    </row>
    <row r="2063" spans="1:12" ht="16.5" customHeight="1" x14ac:dyDescent="0.3">
      <c r="A2063" s="11"/>
      <c r="B2063" s="11"/>
      <c r="C2063" s="42"/>
      <c r="D2063" s="3"/>
      <c r="E2063" s="3"/>
      <c r="F2063" s="3"/>
      <c r="G2063" s="3"/>
      <c r="H2063" s="3"/>
      <c r="I2063" s="3"/>
      <c r="J2063" s="3"/>
      <c r="K2063" s="14"/>
      <c r="L2063" s="3"/>
    </row>
    <row r="2064" spans="1:12" ht="16.5" customHeight="1" x14ac:dyDescent="0.3">
      <c r="A2064" s="11"/>
      <c r="B2064" s="11"/>
      <c r="C2064" s="42"/>
      <c r="D2064" s="3"/>
      <c r="E2064" s="3"/>
      <c r="F2064" s="3"/>
      <c r="G2064" s="3"/>
      <c r="H2064" s="3"/>
      <c r="I2064" s="3"/>
      <c r="J2064" s="3"/>
      <c r="K2064" s="14"/>
      <c r="L2064" s="3"/>
    </row>
    <row r="2065" spans="1:12" ht="16.5" customHeight="1" x14ac:dyDescent="0.3">
      <c r="A2065" s="11"/>
      <c r="B2065" s="11"/>
      <c r="C2065" s="42"/>
      <c r="D2065" s="3"/>
      <c r="E2065" s="3"/>
      <c r="F2065" s="3"/>
      <c r="G2065" s="3"/>
      <c r="H2065" s="3"/>
      <c r="I2065" s="3"/>
      <c r="J2065" s="3"/>
      <c r="K2065" s="14"/>
      <c r="L2065" s="3"/>
    </row>
    <row r="2066" spans="1:12" ht="16.5" customHeight="1" x14ac:dyDescent="0.3">
      <c r="A2066" s="11"/>
      <c r="B2066" s="11"/>
      <c r="C2066" s="42"/>
      <c r="D2066" s="3"/>
      <c r="E2066" s="3"/>
      <c r="F2066" s="3"/>
      <c r="G2066" s="3"/>
      <c r="H2066" s="3"/>
      <c r="I2066" s="3"/>
      <c r="J2066" s="3"/>
      <c r="K2066" s="14"/>
      <c r="L2066" s="3"/>
    </row>
    <row r="2067" spans="1:12" ht="16.5" customHeight="1" x14ac:dyDescent="0.3">
      <c r="A2067" s="11"/>
      <c r="B2067" s="11"/>
      <c r="C2067" s="42"/>
      <c r="D2067" s="3"/>
      <c r="E2067" s="3"/>
      <c r="F2067" s="3"/>
      <c r="G2067" s="3"/>
      <c r="H2067" s="3"/>
      <c r="I2067" s="3"/>
      <c r="J2067" s="3"/>
      <c r="K2067" s="14"/>
      <c r="L2067" s="3"/>
    </row>
    <row r="2068" spans="1:12" ht="16.5" customHeight="1" x14ac:dyDescent="0.3">
      <c r="A2068" s="11"/>
      <c r="B2068" s="11"/>
      <c r="C2068" s="42"/>
      <c r="D2068" s="3"/>
      <c r="E2068" s="3"/>
      <c r="F2068" s="3"/>
      <c r="G2068" s="3"/>
      <c r="H2068" s="3"/>
      <c r="I2068" s="3"/>
      <c r="J2068" s="3"/>
      <c r="K2068" s="14"/>
      <c r="L2068" s="3"/>
    </row>
    <row r="2069" spans="1:12" ht="16.5" customHeight="1" x14ac:dyDescent="0.3">
      <c r="A2069" s="11"/>
      <c r="B2069" s="11"/>
      <c r="C2069" s="42"/>
      <c r="D2069" s="3"/>
      <c r="E2069" s="3"/>
      <c r="F2069" s="3"/>
      <c r="G2069" s="3"/>
      <c r="H2069" s="3"/>
      <c r="I2069" s="3"/>
      <c r="J2069" s="3"/>
      <c r="K2069" s="14"/>
      <c r="L2069" s="3"/>
    </row>
    <row r="2070" spans="1:12" ht="16.5" customHeight="1" x14ac:dyDescent="0.3">
      <c r="A2070" s="11"/>
      <c r="B2070" s="11"/>
      <c r="C2070" s="42"/>
      <c r="D2070" s="3"/>
      <c r="E2070" s="3"/>
      <c r="F2070" s="3"/>
      <c r="G2070" s="3"/>
      <c r="H2070" s="3"/>
      <c r="I2070" s="3"/>
      <c r="J2070" s="3"/>
      <c r="K2070" s="14"/>
      <c r="L2070" s="3"/>
    </row>
    <row r="2071" spans="1:12" ht="16.5" customHeight="1" x14ac:dyDescent="0.3">
      <c r="A2071" s="11"/>
      <c r="B2071" s="11"/>
      <c r="C2071" s="42"/>
      <c r="D2071" s="3"/>
      <c r="E2071" s="3"/>
      <c r="F2071" s="3"/>
      <c r="G2071" s="3"/>
      <c r="H2071" s="3"/>
      <c r="I2071" s="3"/>
      <c r="J2071" s="3"/>
      <c r="K2071" s="14"/>
      <c r="L2071" s="3"/>
    </row>
    <row r="2072" spans="1:12" ht="16.5" customHeight="1" x14ac:dyDescent="0.3">
      <c r="A2072" s="11"/>
      <c r="B2072" s="11"/>
      <c r="C2072" s="42"/>
      <c r="D2072" s="3"/>
      <c r="E2072" s="3"/>
      <c r="F2072" s="3"/>
      <c r="G2072" s="3"/>
      <c r="H2072" s="3"/>
      <c r="I2072" s="3"/>
      <c r="J2072" s="3"/>
      <c r="K2072" s="14"/>
      <c r="L2072" s="3"/>
    </row>
    <row r="2073" spans="1:12" ht="16.5" customHeight="1" x14ac:dyDescent="0.3">
      <c r="A2073" s="11"/>
      <c r="B2073" s="11"/>
      <c r="C2073" s="42"/>
      <c r="D2073" s="3"/>
      <c r="E2073" s="3"/>
      <c r="F2073" s="3"/>
      <c r="G2073" s="3"/>
      <c r="H2073" s="3"/>
      <c r="I2073" s="3"/>
      <c r="J2073" s="3"/>
      <c r="K2073" s="14"/>
      <c r="L2073" s="3"/>
    </row>
    <row r="2074" spans="1:12" ht="16.5" customHeight="1" x14ac:dyDescent="0.3">
      <c r="A2074" s="11"/>
      <c r="B2074" s="11"/>
      <c r="C2074" s="42"/>
      <c r="D2074" s="3"/>
      <c r="E2074" s="3"/>
      <c r="F2074" s="3"/>
      <c r="G2074" s="3"/>
      <c r="H2074" s="3"/>
      <c r="I2074" s="3"/>
      <c r="J2074" s="3"/>
      <c r="K2074" s="14"/>
      <c r="L2074" s="3"/>
    </row>
    <row r="2075" spans="1:12" ht="16.5" customHeight="1" x14ac:dyDescent="0.3">
      <c r="A2075" s="11"/>
      <c r="B2075" s="11"/>
      <c r="C2075" s="42"/>
      <c r="D2075" s="3"/>
      <c r="E2075" s="3"/>
      <c r="F2075" s="3"/>
      <c r="G2075" s="3"/>
      <c r="H2075" s="3"/>
      <c r="I2075" s="3"/>
      <c r="J2075" s="3"/>
      <c r="K2075" s="14"/>
      <c r="L2075" s="3"/>
    </row>
    <row r="2076" spans="1:12" ht="16.5" customHeight="1" x14ac:dyDescent="0.3">
      <c r="A2076" s="11"/>
      <c r="B2076" s="11"/>
      <c r="C2076" s="42"/>
      <c r="D2076" s="3"/>
      <c r="E2076" s="3"/>
      <c r="F2076" s="3"/>
      <c r="G2076" s="3"/>
      <c r="H2076" s="3"/>
      <c r="I2076" s="3"/>
      <c r="J2076" s="3"/>
      <c r="K2076" s="14"/>
      <c r="L2076" s="3"/>
    </row>
    <row r="2077" spans="1:12" ht="16.5" customHeight="1" x14ac:dyDescent="0.3">
      <c r="A2077" s="11"/>
      <c r="B2077" s="11"/>
      <c r="C2077" s="42"/>
      <c r="D2077" s="3"/>
      <c r="E2077" s="3"/>
      <c r="F2077" s="3"/>
      <c r="G2077" s="3"/>
      <c r="H2077" s="3"/>
      <c r="I2077" s="3"/>
      <c r="J2077" s="3"/>
      <c r="K2077" s="14"/>
      <c r="L2077" s="3"/>
    </row>
    <row r="2078" spans="1:12" ht="16.5" customHeight="1" x14ac:dyDescent="0.3">
      <c r="A2078" s="11"/>
      <c r="B2078" s="11"/>
      <c r="C2078" s="42"/>
      <c r="D2078" s="3"/>
      <c r="E2078" s="3"/>
      <c r="F2078" s="3"/>
      <c r="G2078" s="3"/>
      <c r="H2078" s="3"/>
      <c r="I2078" s="3"/>
      <c r="J2078" s="3"/>
      <c r="K2078" s="14"/>
      <c r="L2078" s="3"/>
    </row>
    <row r="2079" spans="1:12" ht="16.5" customHeight="1" x14ac:dyDescent="0.3">
      <c r="A2079" s="11"/>
      <c r="B2079" s="11"/>
      <c r="C2079" s="42"/>
      <c r="D2079" s="3"/>
      <c r="E2079" s="3"/>
      <c r="F2079" s="3"/>
      <c r="G2079" s="3"/>
      <c r="H2079" s="3"/>
      <c r="I2079" s="3"/>
      <c r="J2079" s="3"/>
      <c r="K2079" s="14"/>
      <c r="L2079" s="3"/>
    </row>
    <row r="2080" spans="1:12" ht="16.5" customHeight="1" x14ac:dyDescent="0.3">
      <c r="A2080" s="11"/>
      <c r="B2080" s="11"/>
      <c r="C2080" s="42"/>
      <c r="D2080" s="3"/>
      <c r="E2080" s="3"/>
      <c r="F2080" s="3"/>
      <c r="G2080" s="3"/>
      <c r="H2080" s="3"/>
      <c r="I2080" s="3"/>
      <c r="J2080" s="3"/>
      <c r="K2080" s="14"/>
      <c r="L2080" s="3"/>
    </row>
    <row r="2081" spans="1:12" ht="16.5" customHeight="1" x14ac:dyDescent="0.3">
      <c r="A2081" s="11"/>
      <c r="B2081" s="11"/>
      <c r="C2081" s="42"/>
      <c r="D2081" s="3"/>
      <c r="E2081" s="3"/>
      <c r="F2081" s="3"/>
      <c r="G2081" s="3"/>
      <c r="H2081" s="3"/>
      <c r="I2081" s="3"/>
      <c r="J2081" s="3"/>
      <c r="K2081" s="14"/>
      <c r="L2081" s="3"/>
    </row>
    <row r="2082" spans="1:12" ht="16.5" customHeight="1" x14ac:dyDescent="0.3">
      <c r="A2082" s="11"/>
      <c r="B2082" s="11"/>
      <c r="C2082" s="42"/>
      <c r="D2082" s="3"/>
      <c r="E2082" s="3"/>
      <c r="F2082" s="3"/>
      <c r="G2082" s="3"/>
      <c r="H2082" s="3"/>
      <c r="I2082" s="3"/>
      <c r="J2082" s="3"/>
      <c r="K2082" s="14"/>
      <c r="L2082" s="3"/>
    </row>
    <row r="2083" spans="1:12" ht="16.5" customHeight="1" x14ac:dyDescent="0.3">
      <c r="A2083" s="11"/>
      <c r="B2083" s="11"/>
      <c r="C2083" s="42"/>
      <c r="D2083" s="3"/>
      <c r="E2083" s="3"/>
      <c r="F2083" s="3"/>
      <c r="G2083" s="3"/>
      <c r="H2083" s="3"/>
      <c r="I2083" s="3"/>
      <c r="J2083" s="3"/>
      <c r="K2083" s="14"/>
      <c r="L2083" s="3"/>
    </row>
    <row r="2084" spans="1:12" ht="16.5" customHeight="1" x14ac:dyDescent="0.3">
      <c r="A2084" s="11"/>
      <c r="B2084" s="11"/>
      <c r="C2084" s="42"/>
      <c r="D2084" s="3"/>
      <c r="E2084" s="3"/>
      <c r="F2084" s="3"/>
      <c r="G2084" s="3"/>
      <c r="H2084" s="3"/>
      <c r="I2084" s="3"/>
      <c r="J2084" s="3"/>
      <c r="K2084" s="14"/>
      <c r="L2084" s="3"/>
    </row>
    <row r="2085" spans="1:12" ht="16.5" customHeight="1" x14ac:dyDescent="0.3">
      <c r="A2085" s="11"/>
      <c r="B2085" s="11"/>
      <c r="C2085" s="42"/>
      <c r="D2085" s="3"/>
      <c r="E2085" s="3"/>
      <c r="F2085" s="3"/>
      <c r="G2085" s="3"/>
      <c r="H2085" s="3"/>
      <c r="I2085" s="3"/>
      <c r="J2085" s="3"/>
      <c r="K2085" s="14"/>
      <c r="L2085" s="3"/>
    </row>
    <row r="2086" spans="1:12" ht="16.5" customHeight="1" x14ac:dyDescent="0.3">
      <c r="A2086" s="11"/>
      <c r="B2086" s="11"/>
      <c r="C2086" s="42"/>
      <c r="D2086" s="3"/>
      <c r="E2086" s="3"/>
      <c r="F2086" s="3"/>
      <c r="G2086" s="3"/>
      <c r="H2086" s="3"/>
      <c r="I2086" s="3"/>
      <c r="J2086" s="3"/>
      <c r="K2086" s="14"/>
      <c r="L2086" s="3"/>
    </row>
    <row r="2087" spans="1:12" ht="16.5" customHeight="1" x14ac:dyDescent="0.3">
      <c r="A2087" s="11"/>
      <c r="B2087" s="11"/>
      <c r="C2087" s="42"/>
      <c r="D2087" s="3"/>
      <c r="E2087" s="3"/>
      <c r="F2087" s="3"/>
      <c r="G2087" s="3"/>
      <c r="H2087" s="3"/>
      <c r="I2087" s="3"/>
      <c r="J2087" s="3"/>
      <c r="K2087" s="14"/>
      <c r="L2087" s="3"/>
    </row>
    <row r="2088" spans="1:12" ht="16.5" customHeight="1" x14ac:dyDescent="0.3">
      <c r="A2088" s="11"/>
      <c r="B2088" s="11"/>
      <c r="C2088" s="42"/>
      <c r="D2088" s="3"/>
      <c r="E2088" s="3"/>
      <c r="F2088" s="3"/>
      <c r="G2088" s="3"/>
      <c r="H2088" s="3"/>
      <c r="I2088" s="3"/>
      <c r="J2088" s="3"/>
      <c r="K2088" s="14"/>
      <c r="L2088" s="3"/>
    </row>
    <row r="2089" spans="1:12" ht="16.5" customHeight="1" x14ac:dyDescent="0.3">
      <c r="A2089" s="11"/>
      <c r="B2089" s="11"/>
      <c r="C2089" s="42"/>
      <c r="D2089" s="3"/>
      <c r="E2089" s="3"/>
      <c r="F2089" s="3"/>
      <c r="G2089" s="3"/>
      <c r="H2089" s="3"/>
      <c r="I2089" s="3"/>
      <c r="J2089" s="3"/>
      <c r="K2089" s="14"/>
      <c r="L2089" s="3"/>
    </row>
    <row r="2090" spans="1:12" ht="16.5" customHeight="1" x14ac:dyDescent="0.3">
      <c r="A2090" s="11"/>
      <c r="B2090" s="11"/>
      <c r="C2090" s="42"/>
      <c r="D2090" s="3"/>
      <c r="E2090" s="3"/>
      <c r="F2090" s="3"/>
      <c r="G2090" s="3"/>
      <c r="H2090" s="3"/>
      <c r="I2090" s="3"/>
      <c r="J2090" s="3"/>
      <c r="K2090" s="14"/>
      <c r="L2090" s="3"/>
    </row>
    <row r="2091" spans="1:12" ht="16.5" customHeight="1" x14ac:dyDescent="0.3">
      <c r="A2091" s="11"/>
      <c r="B2091" s="11"/>
      <c r="C2091" s="42"/>
      <c r="D2091" s="3"/>
      <c r="E2091" s="3"/>
      <c r="F2091" s="3"/>
      <c r="G2091" s="3"/>
      <c r="H2091" s="3"/>
      <c r="I2091" s="3"/>
      <c r="J2091" s="3"/>
      <c r="K2091" s="14"/>
      <c r="L2091" s="3"/>
    </row>
    <row r="2092" spans="1:12" ht="16.5" customHeight="1" x14ac:dyDescent="0.3">
      <c r="A2092" s="12"/>
      <c r="B2092" s="12"/>
      <c r="C2092" s="12"/>
      <c r="D2092" s="2"/>
      <c r="E2092" s="2"/>
      <c r="F2092" s="2"/>
      <c r="G2092" s="2"/>
      <c r="H2092" s="12"/>
      <c r="I2092" s="2"/>
      <c r="J2092" s="2"/>
      <c r="K2092" s="2"/>
      <c r="L2092" s="2"/>
    </row>
    <row r="2093" spans="1:12" ht="16.5" customHeight="1" x14ac:dyDescent="0.3">
      <c r="A2093" s="11"/>
      <c r="B2093" s="11"/>
      <c r="C2093" s="42"/>
      <c r="D2093" s="3"/>
      <c r="E2093" s="3"/>
      <c r="F2093" s="3"/>
      <c r="G2093" s="3"/>
      <c r="H2093" s="3"/>
      <c r="I2093" s="3"/>
      <c r="J2093" s="3"/>
      <c r="K2093" s="14"/>
      <c r="L2093" s="3"/>
    </row>
    <row r="2094" spans="1:12" ht="16.5" customHeight="1" x14ac:dyDescent="0.3">
      <c r="A2094" s="11"/>
      <c r="B2094" s="11"/>
      <c r="C2094" s="42"/>
      <c r="D2094" s="3"/>
      <c r="E2094" s="3"/>
      <c r="F2094" s="3"/>
      <c r="G2094" s="3"/>
      <c r="H2094" s="3"/>
      <c r="I2094" s="3"/>
      <c r="J2094" s="3"/>
      <c r="K2094" s="14"/>
      <c r="L2094" s="3"/>
    </row>
    <row r="2095" spans="1:12" ht="16.5" customHeight="1" x14ac:dyDescent="0.3">
      <c r="A2095" s="11"/>
      <c r="B2095" s="11"/>
      <c r="C2095" s="42"/>
      <c r="D2095" s="3"/>
      <c r="E2095" s="3"/>
      <c r="F2095" s="3"/>
      <c r="G2095" s="3"/>
      <c r="H2095" s="3"/>
      <c r="I2095" s="3"/>
      <c r="J2095" s="3"/>
      <c r="K2095" s="14"/>
      <c r="L2095" s="3"/>
    </row>
    <row r="2096" spans="1:12" ht="16.5" customHeight="1" x14ac:dyDescent="0.3">
      <c r="A2096" s="11"/>
      <c r="B2096" s="11"/>
      <c r="C2096" s="42"/>
      <c r="D2096" s="3"/>
      <c r="E2096" s="3"/>
      <c r="F2096" s="3"/>
      <c r="G2096" s="3"/>
      <c r="H2096" s="3"/>
      <c r="I2096" s="3"/>
      <c r="J2096" s="3"/>
      <c r="K2096" s="14"/>
      <c r="L2096" s="3"/>
    </row>
    <row r="2097" spans="1:12" ht="16.5" customHeight="1" x14ac:dyDescent="0.3">
      <c r="A2097" s="11"/>
      <c r="B2097" s="11"/>
      <c r="C2097" s="42"/>
      <c r="D2097" s="3"/>
      <c r="E2097" s="3"/>
      <c r="F2097" s="3"/>
      <c r="G2097" s="3"/>
      <c r="H2097" s="3"/>
      <c r="I2097" s="3"/>
      <c r="J2097" s="3"/>
      <c r="K2097" s="14"/>
      <c r="L2097" s="3"/>
    </row>
    <row r="2098" spans="1:12" ht="16.5" customHeight="1" x14ac:dyDescent="0.3">
      <c r="A2098" s="11"/>
      <c r="B2098" s="11"/>
      <c r="C2098" s="42"/>
      <c r="D2098" s="3"/>
      <c r="E2098" s="3"/>
      <c r="F2098" s="3"/>
      <c r="G2098" s="3"/>
      <c r="H2098" s="3"/>
      <c r="I2098" s="3"/>
      <c r="J2098" s="3"/>
      <c r="K2098" s="14"/>
      <c r="L2098" s="3"/>
    </row>
    <row r="2099" spans="1:12" ht="16.5" customHeight="1" x14ac:dyDescent="0.3">
      <c r="A2099" s="11"/>
      <c r="B2099" s="11"/>
      <c r="C2099" s="42"/>
      <c r="D2099" s="3"/>
      <c r="E2099" s="3"/>
      <c r="F2099" s="3"/>
      <c r="G2099" s="3"/>
      <c r="H2099" s="3"/>
      <c r="I2099" s="3"/>
      <c r="J2099" s="3"/>
      <c r="K2099" s="14"/>
      <c r="L2099" s="3"/>
    </row>
    <row r="2100" spans="1:12" ht="16.5" customHeight="1" x14ac:dyDescent="0.3">
      <c r="A2100" s="11"/>
      <c r="B2100" s="11"/>
      <c r="C2100" s="42"/>
      <c r="D2100" s="3"/>
      <c r="E2100" s="3"/>
      <c r="F2100" s="3"/>
      <c r="G2100" s="3"/>
      <c r="H2100" s="3"/>
      <c r="I2100" s="3"/>
      <c r="J2100" s="3"/>
      <c r="K2100" s="14"/>
      <c r="L2100" s="3"/>
    </row>
    <row r="2101" spans="1:12" ht="16.5" customHeight="1" x14ac:dyDescent="0.3">
      <c r="A2101" s="11"/>
      <c r="B2101" s="11"/>
      <c r="C2101" s="42"/>
      <c r="D2101" s="3"/>
      <c r="E2101" s="3"/>
      <c r="F2101" s="3"/>
      <c r="G2101" s="3"/>
      <c r="H2101" s="3"/>
      <c r="I2101" s="3"/>
      <c r="J2101" s="3"/>
      <c r="K2101" s="14"/>
      <c r="L2101" s="3"/>
    </row>
    <row r="2102" spans="1:12" ht="16.5" customHeight="1" x14ac:dyDescent="0.3">
      <c r="A2102" s="11"/>
      <c r="B2102" s="11"/>
      <c r="C2102" s="42"/>
      <c r="D2102" s="3"/>
      <c r="E2102" s="3"/>
      <c r="F2102" s="3"/>
      <c r="G2102" s="3"/>
      <c r="H2102" s="3"/>
      <c r="I2102" s="3"/>
      <c r="J2102" s="3"/>
      <c r="K2102" s="14"/>
      <c r="L2102" s="3"/>
    </row>
    <row r="2103" spans="1:12" ht="16.5" customHeight="1" x14ac:dyDescent="0.3">
      <c r="A2103" s="11"/>
      <c r="B2103" s="11"/>
      <c r="C2103" s="42"/>
      <c r="D2103" s="3"/>
      <c r="E2103" s="3"/>
      <c r="F2103" s="3"/>
      <c r="G2103" s="3"/>
      <c r="H2103" s="3"/>
      <c r="I2103" s="3"/>
      <c r="J2103" s="3"/>
      <c r="K2103" s="14"/>
      <c r="L2103" s="3"/>
    </row>
    <row r="2104" spans="1:12" ht="16.5" customHeight="1" x14ac:dyDescent="0.3">
      <c r="A2104" s="11"/>
      <c r="B2104" s="11"/>
      <c r="C2104" s="42"/>
      <c r="D2104" s="3"/>
      <c r="E2104" s="3"/>
      <c r="F2104" s="3"/>
      <c r="G2104" s="3"/>
      <c r="H2104" s="3"/>
      <c r="I2104" s="3"/>
      <c r="J2104" s="3"/>
      <c r="K2104" s="14"/>
      <c r="L2104" s="3"/>
    </row>
    <row r="2105" spans="1:12" ht="16.5" customHeight="1" x14ac:dyDescent="0.3">
      <c r="A2105" s="11"/>
      <c r="B2105" s="11"/>
      <c r="C2105" s="42"/>
      <c r="D2105" s="3"/>
      <c r="E2105" s="3"/>
      <c r="F2105" s="3"/>
      <c r="G2105" s="3"/>
      <c r="H2105" s="3"/>
      <c r="I2105" s="3"/>
      <c r="J2105" s="3"/>
      <c r="K2105" s="14"/>
      <c r="L2105" s="3"/>
    </row>
    <row r="2106" spans="1:12" ht="16.5" customHeight="1" x14ac:dyDescent="0.3">
      <c r="A2106" s="11"/>
      <c r="B2106" s="11"/>
      <c r="C2106" s="42"/>
      <c r="D2106" s="3"/>
      <c r="E2106" s="3"/>
      <c r="F2106" s="3"/>
      <c r="G2106" s="3"/>
      <c r="H2106" s="3"/>
      <c r="I2106" s="3"/>
      <c r="J2106" s="3"/>
      <c r="K2106" s="14"/>
      <c r="L2106" s="3"/>
    </row>
    <row r="2107" spans="1:12" ht="16.5" customHeight="1" x14ac:dyDescent="0.3">
      <c r="A2107" s="11"/>
      <c r="B2107" s="11"/>
      <c r="C2107" s="42"/>
      <c r="D2107" s="3"/>
      <c r="E2107" s="3"/>
      <c r="F2107" s="3"/>
      <c r="G2107" s="3"/>
      <c r="H2107" s="3"/>
      <c r="I2107" s="3"/>
      <c r="J2107" s="3"/>
      <c r="K2107" s="14"/>
      <c r="L2107" s="3"/>
    </row>
    <row r="2108" spans="1:12" ht="16.5" customHeight="1" x14ac:dyDescent="0.3">
      <c r="A2108" s="11"/>
      <c r="B2108" s="11"/>
      <c r="C2108" s="42"/>
      <c r="D2108" s="3"/>
      <c r="E2108" s="3"/>
      <c r="F2108" s="3"/>
      <c r="G2108" s="3"/>
      <c r="H2108" s="3"/>
      <c r="I2108" s="3"/>
      <c r="J2108" s="3"/>
      <c r="K2108" s="14"/>
      <c r="L2108" s="3"/>
    </row>
    <row r="2109" spans="1:12" ht="16.5" customHeight="1" x14ac:dyDescent="0.3">
      <c r="A2109" s="11"/>
      <c r="B2109" s="11"/>
      <c r="C2109" s="42"/>
      <c r="D2109" s="3"/>
      <c r="E2109" s="3"/>
      <c r="F2109" s="3"/>
      <c r="G2109" s="3"/>
      <c r="H2109" s="3"/>
      <c r="I2109" s="3"/>
      <c r="J2109" s="3"/>
      <c r="K2109" s="14"/>
      <c r="L2109" s="3"/>
    </row>
    <row r="2110" spans="1:12" ht="16.5" customHeight="1" x14ac:dyDescent="0.3">
      <c r="A2110" s="11"/>
      <c r="B2110" s="11"/>
      <c r="C2110" s="42"/>
      <c r="D2110" s="3"/>
      <c r="E2110" s="3"/>
      <c r="F2110" s="3"/>
      <c r="G2110" s="3"/>
      <c r="H2110" s="3"/>
      <c r="I2110" s="3"/>
      <c r="J2110" s="3"/>
      <c r="K2110" s="14"/>
      <c r="L2110" s="3"/>
    </row>
    <row r="2111" spans="1:12" ht="16.5" customHeight="1" x14ac:dyDescent="0.3">
      <c r="A2111" s="11"/>
      <c r="B2111" s="11"/>
      <c r="C2111" s="42"/>
      <c r="D2111" s="3"/>
      <c r="E2111" s="3"/>
      <c r="F2111" s="3"/>
      <c r="G2111" s="3"/>
      <c r="H2111" s="3"/>
      <c r="I2111" s="3"/>
      <c r="J2111" s="3"/>
      <c r="K2111" s="14"/>
      <c r="L2111" s="3"/>
    </row>
    <row r="2112" spans="1:12" ht="16.5" customHeight="1" x14ac:dyDescent="0.3">
      <c r="A2112" s="11"/>
      <c r="B2112" s="11"/>
      <c r="C2112" s="42"/>
      <c r="D2112" s="3"/>
      <c r="E2112" s="3"/>
      <c r="F2112" s="3"/>
      <c r="G2112" s="3"/>
      <c r="H2112" s="3"/>
      <c r="I2112" s="3"/>
      <c r="J2112" s="3"/>
      <c r="K2112" s="14"/>
      <c r="L2112" s="3"/>
    </row>
    <row r="2113" spans="1:12" ht="16.5" customHeight="1" x14ac:dyDescent="0.3">
      <c r="A2113" s="11"/>
      <c r="B2113" s="11"/>
      <c r="C2113" s="42"/>
      <c r="D2113" s="3"/>
      <c r="E2113" s="3"/>
      <c r="F2113" s="3"/>
      <c r="G2113" s="3"/>
      <c r="H2113" s="3"/>
      <c r="I2113" s="3"/>
      <c r="J2113" s="3"/>
      <c r="K2113" s="14"/>
      <c r="L2113" s="3"/>
    </row>
    <row r="2114" spans="1:12" ht="16.5" customHeight="1" x14ac:dyDescent="0.3">
      <c r="A2114" s="11"/>
      <c r="B2114" s="11"/>
      <c r="C2114" s="42"/>
      <c r="D2114" s="3"/>
      <c r="E2114" s="3"/>
      <c r="F2114" s="3"/>
      <c r="G2114" s="3"/>
      <c r="H2114" s="3"/>
      <c r="I2114" s="3"/>
      <c r="J2114" s="3"/>
      <c r="K2114" s="14"/>
      <c r="L2114" s="3"/>
    </row>
    <row r="2115" spans="1:12" ht="16.5" customHeight="1" x14ac:dyDescent="0.3">
      <c r="A2115" s="11"/>
      <c r="B2115" s="11"/>
      <c r="C2115" s="42"/>
      <c r="D2115" s="3"/>
      <c r="E2115" s="3"/>
      <c r="F2115" s="3"/>
      <c r="G2115" s="3"/>
      <c r="H2115" s="3"/>
      <c r="I2115" s="3"/>
      <c r="J2115" s="3"/>
      <c r="K2115" s="14"/>
      <c r="L2115" s="3"/>
    </row>
    <row r="2116" spans="1:12" ht="16.5" customHeight="1" x14ac:dyDescent="0.3">
      <c r="A2116" s="11"/>
      <c r="B2116" s="11"/>
      <c r="C2116" s="42"/>
      <c r="D2116" s="3"/>
      <c r="E2116" s="3"/>
      <c r="F2116" s="3"/>
      <c r="G2116" s="3"/>
      <c r="H2116" s="3"/>
      <c r="I2116" s="3"/>
      <c r="J2116" s="3"/>
      <c r="K2116" s="14"/>
      <c r="L2116" s="3"/>
    </row>
    <row r="2117" spans="1:12" ht="16.5" customHeight="1" x14ac:dyDescent="0.3">
      <c r="A2117" s="11"/>
      <c r="B2117" s="11"/>
      <c r="C2117" s="42"/>
      <c r="D2117" s="3"/>
      <c r="E2117" s="3"/>
      <c r="F2117" s="3"/>
      <c r="G2117" s="3"/>
      <c r="H2117" s="3"/>
      <c r="I2117" s="3"/>
      <c r="J2117" s="3"/>
      <c r="K2117" s="14"/>
      <c r="L2117" s="3"/>
    </row>
    <row r="2118" spans="1:12" ht="16.5" customHeight="1" x14ac:dyDescent="0.3">
      <c r="A2118" s="11"/>
      <c r="B2118" s="11"/>
      <c r="C2118" s="42"/>
      <c r="D2118" s="3"/>
      <c r="E2118" s="3"/>
      <c r="F2118" s="3"/>
      <c r="G2118" s="3"/>
      <c r="H2118" s="3"/>
      <c r="I2118" s="3"/>
      <c r="J2118" s="3"/>
      <c r="K2118" s="14"/>
      <c r="L2118" s="3"/>
    </row>
    <row r="2119" spans="1:12" ht="16.5" customHeight="1" x14ac:dyDescent="0.3">
      <c r="A2119" s="11"/>
      <c r="B2119" s="11"/>
      <c r="C2119" s="42"/>
      <c r="D2119" s="3"/>
      <c r="E2119" s="3"/>
      <c r="F2119" s="3"/>
      <c r="G2119" s="3"/>
      <c r="H2119" s="3"/>
      <c r="I2119" s="3"/>
      <c r="J2119" s="3"/>
      <c r="K2119" s="14"/>
      <c r="L2119" s="3"/>
    </row>
    <row r="2120" spans="1:12" ht="16.5" customHeight="1" x14ac:dyDescent="0.3">
      <c r="A2120" s="11"/>
      <c r="B2120" s="11"/>
      <c r="C2120" s="42"/>
      <c r="D2120" s="3"/>
      <c r="E2120" s="3"/>
      <c r="F2120" s="3"/>
      <c r="G2120" s="3"/>
      <c r="H2120" s="3"/>
      <c r="I2120" s="3"/>
      <c r="J2120" s="3"/>
      <c r="K2120" s="14"/>
      <c r="L2120" s="3"/>
    </row>
    <row r="2121" spans="1:12" ht="16.5" customHeight="1" x14ac:dyDescent="0.3">
      <c r="A2121" s="11"/>
      <c r="B2121" s="11"/>
      <c r="C2121" s="42"/>
      <c r="D2121" s="3"/>
      <c r="E2121" s="3"/>
      <c r="F2121" s="3"/>
      <c r="G2121" s="3"/>
      <c r="H2121" s="3"/>
      <c r="I2121" s="3"/>
      <c r="J2121" s="3"/>
      <c r="K2121" s="14"/>
      <c r="L2121" s="3"/>
    </row>
    <row r="2122" spans="1:12" ht="16.5" customHeight="1" x14ac:dyDescent="0.3">
      <c r="A2122" s="11"/>
      <c r="B2122" s="11"/>
      <c r="C2122" s="42"/>
      <c r="D2122" s="3"/>
      <c r="E2122" s="3"/>
      <c r="F2122" s="3"/>
      <c r="G2122" s="3"/>
      <c r="H2122" s="3"/>
      <c r="I2122" s="3"/>
      <c r="J2122" s="3"/>
      <c r="K2122" s="14"/>
      <c r="L2122" s="3"/>
    </row>
    <row r="2123" spans="1:12" ht="16.5" customHeight="1" x14ac:dyDescent="0.3">
      <c r="A2123" s="11"/>
      <c r="B2123" s="11"/>
      <c r="C2123" s="42"/>
      <c r="D2123" s="3"/>
      <c r="E2123" s="3"/>
      <c r="F2123" s="3"/>
      <c r="G2123" s="3"/>
      <c r="H2123" s="3"/>
      <c r="I2123" s="3"/>
      <c r="J2123" s="3"/>
      <c r="K2123" s="14"/>
      <c r="L2123" s="3"/>
    </row>
    <row r="2124" spans="1:12" ht="16.5" customHeight="1" x14ac:dyDescent="0.3">
      <c r="A2124" s="11"/>
      <c r="B2124" s="11"/>
      <c r="C2124" s="42"/>
      <c r="D2124" s="3"/>
      <c r="E2124" s="3"/>
      <c r="F2124" s="3"/>
      <c r="G2124" s="3"/>
      <c r="H2124" s="3"/>
      <c r="I2124" s="3"/>
      <c r="J2124" s="3"/>
      <c r="K2124" s="14"/>
      <c r="L2124" s="3"/>
    </row>
    <row r="2125" spans="1:12" ht="16.5" customHeight="1" x14ac:dyDescent="0.3">
      <c r="A2125" s="11"/>
      <c r="B2125" s="11"/>
      <c r="C2125" s="42"/>
      <c r="D2125" s="3"/>
      <c r="E2125" s="3"/>
      <c r="F2125" s="3"/>
      <c r="G2125" s="3"/>
      <c r="H2125" s="3"/>
      <c r="I2125" s="3"/>
      <c r="J2125" s="3"/>
      <c r="K2125" s="14"/>
      <c r="L2125" s="3"/>
    </row>
    <row r="2126" spans="1:12" ht="16.5" customHeight="1" x14ac:dyDescent="0.3">
      <c r="A2126" s="11"/>
      <c r="B2126" s="11"/>
      <c r="C2126" s="42"/>
      <c r="D2126" s="3"/>
      <c r="E2126" s="3"/>
      <c r="F2126" s="3"/>
      <c r="G2126" s="3"/>
      <c r="H2126" s="3"/>
      <c r="I2126" s="3"/>
      <c r="J2126" s="3"/>
      <c r="K2126" s="14"/>
      <c r="L2126" s="3"/>
    </row>
    <row r="2127" spans="1:12" ht="16.5" customHeight="1" x14ac:dyDescent="0.3">
      <c r="A2127" s="11"/>
      <c r="B2127" s="11"/>
      <c r="C2127" s="42"/>
      <c r="D2127" s="3"/>
      <c r="E2127" s="3"/>
      <c r="F2127" s="3"/>
      <c r="G2127" s="3"/>
      <c r="H2127" s="3"/>
      <c r="I2127" s="3"/>
      <c r="J2127" s="3"/>
      <c r="K2127" s="14"/>
      <c r="L2127" s="3"/>
    </row>
    <row r="2128" spans="1:12" ht="16.5" customHeight="1" x14ac:dyDescent="0.3">
      <c r="A2128" s="11"/>
      <c r="B2128" s="11"/>
      <c r="C2128" s="42"/>
      <c r="D2128" s="3"/>
      <c r="E2128" s="3"/>
      <c r="F2128" s="3"/>
      <c r="G2128" s="3"/>
      <c r="H2128" s="3"/>
      <c r="I2128" s="3"/>
      <c r="J2128" s="3"/>
      <c r="K2128" s="14"/>
      <c r="L2128" s="3"/>
    </row>
    <row r="2129" spans="1:12" ht="16.5" customHeight="1" x14ac:dyDescent="0.3">
      <c r="A2129" s="11"/>
      <c r="B2129" s="11"/>
      <c r="C2129" s="46"/>
      <c r="D2129" s="13"/>
      <c r="E2129" s="13"/>
      <c r="F2129" s="13"/>
      <c r="G2129" s="13"/>
      <c r="H2129" s="3"/>
      <c r="I2129" s="13"/>
      <c r="J2129" s="13"/>
      <c r="K2129" s="15"/>
      <c r="L2129" s="13"/>
    </row>
    <row r="2130" spans="1:12" ht="16.5" customHeight="1" x14ac:dyDescent="0.3">
      <c r="A2130" s="11"/>
      <c r="B2130" s="11"/>
      <c r="C2130" s="42"/>
      <c r="D2130" s="13"/>
      <c r="E2130" s="13"/>
      <c r="F2130" s="13"/>
      <c r="G2130" s="13"/>
      <c r="H2130" s="3"/>
      <c r="I2130" s="13"/>
      <c r="J2130" s="13"/>
      <c r="K2130" s="15"/>
      <c r="L2130" s="13"/>
    </row>
    <row r="2131" spans="1:12" ht="16.5" customHeight="1" x14ac:dyDescent="0.3">
      <c r="A2131" s="11"/>
      <c r="B2131" s="11"/>
      <c r="C2131" s="42"/>
      <c r="D2131" s="3"/>
      <c r="E2131" s="3"/>
      <c r="F2131" s="3"/>
      <c r="G2131" s="3"/>
      <c r="H2131" s="3"/>
      <c r="I2131" s="3"/>
      <c r="J2131" s="3"/>
      <c r="K2131" s="14"/>
      <c r="L2131" s="3"/>
    </row>
    <row r="2132" spans="1:12" ht="16.5" customHeight="1" x14ac:dyDescent="0.3">
      <c r="A2132" s="11"/>
      <c r="B2132" s="11"/>
      <c r="C2132" s="42"/>
      <c r="D2132" s="3"/>
      <c r="E2132" s="3"/>
      <c r="F2132" s="3"/>
      <c r="G2132" s="3"/>
      <c r="H2132" s="3"/>
      <c r="I2132" s="3"/>
      <c r="J2132" s="3"/>
      <c r="K2132" s="14"/>
      <c r="L2132" s="3"/>
    </row>
    <row r="2133" spans="1:12" ht="16.5" customHeight="1" x14ac:dyDescent="0.3">
      <c r="A2133" s="11"/>
      <c r="B2133" s="11"/>
      <c r="C2133" s="42"/>
      <c r="D2133" s="3"/>
      <c r="E2133" s="3"/>
      <c r="F2133" s="3"/>
      <c r="G2133" s="3"/>
      <c r="H2133" s="3"/>
      <c r="I2133" s="3"/>
      <c r="J2133" s="3"/>
      <c r="K2133" s="14"/>
      <c r="L2133" s="3"/>
    </row>
    <row r="2134" spans="1:12" ht="16.5" customHeight="1" x14ac:dyDescent="0.3">
      <c r="A2134" s="11"/>
      <c r="B2134" s="11"/>
      <c r="C2134" s="42"/>
      <c r="D2134" s="3"/>
      <c r="E2134" s="3"/>
      <c r="F2134" s="3"/>
      <c r="G2134" s="3"/>
      <c r="H2134" s="3"/>
      <c r="I2134" s="3"/>
      <c r="J2134" s="3"/>
      <c r="K2134" s="14"/>
      <c r="L2134" s="3"/>
    </row>
    <row r="2135" spans="1:12" ht="16.5" customHeight="1" x14ac:dyDescent="0.3">
      <c r="A2135" s="11"/>
      <c r="B2135" s="11"/>
      <c r="C2135" s="42"/>
      <c r="D2135" s="3"/>
      <c r="E2135" s="3"/>
      <c r="F2135" s="3"/>
      <c r="G2135" s="3"/>
      <c r="H2135" s="3"/>
      <c r="I2135" s="3"/>
      <c r="J2135" s="3"/>
      <c r="K2135" s="14"/>
      <c r="L2135" s="3"/>
    </row>
    <row r="2136" spans="1:12" ht="16.5" customHeight="1" x14ac:dyDescent="0.3">
      <c r="A2136" s="11"/>
      <c r="B2136" s="11"/>
      <c r="C2136" s="42"/>
      <c r="D2136" s="3"/>
      <c r="E2136" s="3"/>
      <c r="F2136" s="3"/>
      <c r="G2136" s="3"/>
      <c r="H2136" s="3"/>
      <c r="I2136" s="3"/>
      <c r="J2136" s="3"/>
      <c r="K2136" s="14"/>
      <c r="L2136" s="3"/>
    </row>
    <row r="2137" spans="1:12" ht="16.5" customHeight="1" x14ac:dyDescent="0.3">
      <c r="A2137" s="11"/>
      <c r="B2137" s="11"/>
      <c r="C2137" s="42"/>
      <c r="D2137" s="3"/>
      <c r="E2137" s="3"/>
      <c r="F2137" s="3"/>
      <c r="G2137" s="3"/>
      <c r="H2137" s="3"/>
      <c r="I2137" s="3"/>
      <c r="J2137" s="3"/>
      <c r="K2137" s="14"/>
      <c r="L2137" s="3"/>
    </row>
    <row r="2138" spans="1:12" ht="16.5" customHeight="1" x14ac:dyDescent="0.3">
      <c r="A2138" s="11"/>
      <c r="B2138" s="11"/>
      <c r="C2138" s="42"/>
      <c r="D2138" s="3"/>
      <c r="E2138" s="3"/>
      <c r="F2138" s="3"/>
      <c r="G2138" s="3"/>
      <c r="H2138" s="3"/>
      <c r="I2138" s="3"/>
      <c r="J2138" s="3"/>
      <c r="K2138" s="14"/>
      <c r="L2138" s="3"/>
    </row>
    <row r="2139" spans="1:12" ht="16.5" customHeight="1" x14ac:dyDescent="0.3">
      <c r="A2139" s="11"/>
      <c r="B2139" s="11"/>
      <c r="C2139" s="42"/>
      <c r="D2139" s="3"/>
      <c r="E2139" s="3"/>
      <c r="F2139" s="3"/>
      <c r="G2139" s="3"/>
      <c r="H2139" s="3"/>
      <c r="I2139" s="3"/>
      <c r="J2139" s="3"/>
      <c r="K2139" s="14"/>
      <c r="L2139" s="3"/>
    </row>
    <row r="2140" spans="1:12" ht="16.5" customHeight="1" x14ac:dyDescent="0.3">
      <c r="A2140" s="11"/>
      <c r="B2140" s="11"/>
      <c r="C2140" s="42"/>
      <c r="D2140" s="3"/>
      <c r="E2140" s="3"/>
      <c r="F2140" s="3"/>
      <c r="G2140" s="3"/>
      <c r="H2140" s="3"/>
      <c r="I2140" s="3"/>
      <c r="J2140" s="3"/>
      <c r="K2140" s="14"/>
      <c r="L2140" s="3"/>
    </row>
    <row r="2141" spans="1:12" ht="16.5" customHeight="1" x14ac:dyDescent="0.3">
      <c r="A2141" s="11"/>
      <c r="B2141" s="11"/>
      <c r="C2141" s="42"/>
      <c r="D2141" s="3"/>
      <c r="E2141" s="3"/>
      <c r="F2141" s="3"/>
      <c r="G2141" s="3"/>
      <c r="H2141" s="3"/>
      <c r="I2141" s="3"/>
      <c r="J2141" s="3"/>
      <c r="K2141" s="14"/>
      <c r="L2141" s="3"/>
    </row>
    <row r="2142" spans="1:12" ht="16.5" customHeight="1" x14ac:dyDescent="0.3">
      <c r="A2142" s="11"/>
      <c r="B2142" s="11"/>
      <c r="C2142" s="42"/>
      <c r="D2142" s="3"/>
      <c r="E2142" s="3"/>
      <c r="F2142" s="3"/>
      <c r="G2142" s="3"/>
      <c r="H2142" s="3"/>
      <c r="I2142" s="3"/>
      <c r="J2142" s="3"/>
      <c r="K2142" s="14"/>
      <c r="L2142" s="3"/>
    </row>
    <row r="2143" spans="1:12" ht="16.5" customHeight="1" x14ac:dyDescent="0.3">
      <c r="A2143" s="11"/>
      <c r="B2143" s="11"/>
      <c r="C2143" s="42"/>
      <c r="D2143" s="3"/>
      <c r="E2143" s="3"/>
      <c r="F2143" s="3"/>
      <c r="G2143" s="3"/>
      <c r="H2143" s="3"/>
      <c r="I2143" s="3"/>
      <c r="J2143" s="3"/>
      <c r="K2143" s="14"/>
      <c r="L2143" s="3"/>
    </row>
    <row r="2144" spans="1:12" ht="16.5" customHeight="1" x14ac:dyDescent="0.3">
      <c r="A2144" s="11"/>
      <c r="B2144" s="11"/>
      <c r="C2144" s="42"/>
      <c r="D2144" s="3"/>
      <c r="E2144" s="3"/>
      <c r="F2144" s="3"/>
      <c r="G2144" s="3"/>
      <c r="H2144" s="3"/>
      <c r="I2144" s="3"/>
      <c r="J2144" s="3"/>
      <c r="K2144" s="14"/>
      <c r="L2144" s="3"/>
    </row>
    <row r="2145" spans="1:12" ht="16.5" customHeight="1" x14ac:dyDescent="0.3">
      <c r="A2145" s="11"/>
      <c r="B2145" s="11"/>
      <c r="C2145" s="42"/>
      <c r="D2145" s="3"/>
      <c r="E2145" s="3"/>
      <c r="F2145" s="3"/>
      <c r="G2145" s="3"/>
      <c r="H2145" s="3"/>
      <c r="I2145" s="3"/>
      <c r="J2145" s="3"/>
      <c r="K2145" s="14"/>
      <c r="L2145" s="3"/>
    </row>
    <row r="2146" spans="1:12" ht="16.5" customHeight="1" x14ac:dyDescent="0.3">
      <c r="A2146" s="11"/>
      <c r="B2146" s="11"/>
      <c r="C2146" s="42"/>
      <c r="D2146" s="3"/>
      <c r="E2146" s="3"/>
      <c r="F2146" s="3"/>
      <c r="G2146" s="3"/>
      <c r="H2146" s="3"/>
      <c r="I2146" s="3"/>
      <c r="J2146" s="3"/>
      <c r="K2146" s="14"/>
      <c r="L2146" s="3"/>
    </row>
    <row r="2147" spans="1:12" ht="16.5" customHeight="1" x14ac:dyDescent="0.3">
      <c r="A2147" s="11"/>
      <c r="B2147" s="11"/>
      <c r="C2147" s="42"/>
      <c r="D2147" s="3"/>
      <c r="E2147" s="3"/>
      <c r="F2147" s="3"/>
      <c r="G2147" s="3"/>
      <c r="H2147" s="3"/>
      <c r="I2147" s="3"/>
      <c r="J2147" s="3"/>
      <c r="K2147" s="14"/>
      <c r="L2147" s="3"/>
    </row>
    <row r="2148" spans="1:12" ht="16.5" customHeight="1" x14ac:dyDescent="0.3">
      <c r="A2148" s="11"/>
      <c r="B2148" s="11"/>
      <c r="C2148" s="42"/>
      <c r="D2148" s="3"/>
      <c r="E2148" s="3"/>
      <c r="F2148" s="3"/>
      <c r="G2148" s="3"/>
      <c r="H2148" s="3"/>
      <c r="I2148" s="3"/>
      <c r="J2148" s="3"/>
      <c r="K2148" s="14"/>
      <c r="L2148" s="3"/>
    </row>
    <row r="2149" spans="1:12" ht="16.5" customHeight="1" x14ac:dyDescent="0.3">
      <c r="A2149" s="11"/>
      <c r="B2149" s="11"/>
      <c r="C2149" s="42"/>
      <c r="D2149" s="3"/>
      <c r="E2149" s="3"/>
      <c r="F2149" s="3"/>
      <c r="G2149" s="3"/>
      <c r="H2149" s="3"/>
      <c r="I2149" s="3"/>
      <c r="J2149" s="3"/>
      <c r="K2149" s="14"/>
      <c r="L2149" s="3"/>
    </row>
    <row r="2150" spans="1:12" ht="16.5" customHeight="1" x14ac:dyDescent="0.3">
      <c r="A2150" s="11"/>
      <c r="B2150" s="11"/>
      <c r="C2150" s="42"/>
      <c r="D2150" s="3"/>
      <c r="E2150" s="3"/>
      <c r="F2150" s="3"/>
      <c r="G2150" s="3"/>
      <c r="H2150" s="3"/>
      <c r="I2150" s="3"/>
      <c r="J2150" s="3"/>
      <c r="K2150" s="14"/>
      <c r="L2150" s="3"/>
    </row>
    <row r="2151" spans="1:12" ht="16.5" customHeight="1" x14ac:dyDescent="0.3">
      <c r="A2151" s="11"/>
      <c r="B2151" s="11"/>
      <c r="C2151" s="42"/>
      <c r="D2151" s="3"/>
      <c r="E2151" s="3"/>
      <c r="F2151" s="3"/>
      <c r="G2151" s="3"/>
      <c r="H2151" s="3"/>
      <c r="I2151" s="3"/>
      <c r="J2151" s="3"/>
      <c r="K2151" s="14"/>
      <c r="L2151" s="3"/>
    </row>
    <row r="2152" spans="1:12" ht="16.5" customHeight="1" x14ac:dyDescent="0.3">
      <c r="A2152" s="11"/>
      <c r="B2152" s="11"/>
      <c r="C2152" s="42"/>
      <c r="D2152" s="3"/>
      <c r="E2152" s="3"/>
      <c r="F2152" s="3"/>
      <c r="G2152" s="3"/>
      <c r="H2152" s="3"/>
      <c r="I2152" s="3"/>
      <c r="J2152" s="3"/>
      <c r="K2152" s="14"/>
      <c r="L2152" s="3"/>
    </row>
    <row r="2153" spans="1:12" ht="16.5" customHeight="1" x14ac:dyDescent="0.3">
      <c r="A2153" s="11"/>
      <c r="B2153" s="11"/>
      <c r="C2153" s="42"/>
      <c r="D2153" s="3"/>
      <c r="E2153" s="3"/>
      <c r="F2153" s="3"/>
      <c r="G2153" s="3"/>
      <c r="H2153" s="3"/>
      <c r="I2153" s="3"/>
      <c r="J2153" s="3"/>
      <c r="K2153" s="14"/>
      <c r="L2153" s="3"/>
    </row>
    <row r="2154" spans="1:12" ht="16.5" customHeight="1" x14ac:dyDescent="0.3">
      <c r="A2154" s="11"/>
      <c r="B2154" s="11"/>
      <c r="C2154" s="42"/>
      <c r="D2154" s="3"/>
      <c r="E2154" s="3"/>
      <c r="F2154" s="3"/>
      <c r="G2154" s="3"/>
      <c r="H2154" s="3"/>
      <c r="I2154" s="3"/>
      <c r="J2154" s="3"/>
      <c r="K2154" s="14"/>
      <c r="L2154" s="3"/>
    </row>
    <row r="2155" spans="1:12" ht="16.5" customHeight="1" x14ac:dyDescent="0.3">
      <c r="A2155" s="11"/>
      <c r="B2155" s="11"/>
      <c r="C2155" s="42"/>
      <c r="D2155" s="3"/>
      <c r="E2155" s="3"/>
      <c r="F2155" s="3"/>
      <c r="G2155" s="3"/>
      <c r="H2155" s="3"/>
      <c r="I2155" s="3"/>
      <c r="J2155" s="3"/>
      <c r="K2155" s="14"/>
      <c r="L2155" s="3"/>
    </row>
    <row r="2156" spans="1:12" ht="16.5" customHeight="1" x14ac:dyDescent="0.3">
      <c r="A2156" s="11"/>
      <c r="B2156" s="11"/>
      <c r="C2156" s="42"/>
      <c r="D2156" s="3"/>
      <c r="E2156" s="3"/>
      <c r="F2156" s="3"/>
      <c r="G2156" s="3"/>
      <c r="H2156" s="3"/>
      <c r="I2156" s="3"/>
      <c r="J2156" s="3"/>
      <c r="K2156" s="14"/>
      <c r="L2156" s="3"/>
    </row>
    <row r="2157" spans="1:12" ht="16.5" customHeight="1" x14ac:dyDescent="0.3">
      <c r="A2157" s="11"/>
      <c r="B2157" s="11"/>
      <c r="C2157" s="42"/>
      <c r="D2157" s="3"/>
      <c r="E2157" s="3"/>
      <c r="F2157" s="3"/>
      <c r="G2157" s="3"/>
      <c r="H2157" s="3"/>
      <c r="I2157" s="3"/>
      <c r="J2157" s="3"/>
      <c r="K2157" s="14"/>
      <c r="L2157" s="3"/>
    </row>
    <row r="2158" spans="1:12" ht="16.5" customHeight="1" x14ac:dyDescent="0.3">
      <c r="A2158" s="11"/>
      <c r="B2158" s="11"/>
      <c r="C2158" s="42"/>
      <c r="D2158" s="3"/>
      <c r="E2158" s="3"/>
      <c r="F2158" s="3"/>
      <c r="G2158" s="3"/>
      <c r="H2158" s="3"/>
      <c r="I2158" s="3"/>
      <c r="J2158" s="3"/>
      <c r="K2158" s="14"/>
      <c r="L2158" s="3"/>
    </row>
    <row r="2159" spans="1:12" ht="16.5" customHeight="1" x14ac:dyDescent="0.3">
      <c r="A2159" s="11"/>
      <c r="B2159" s="11"/>
      <c r="C2159" s="42"/>
      <c r="D2159" s="3"/>
      <c r="E2159" s="3"/>
      <c r="F2159" s="3"/>
      <c r="G2159" s="3"/>
      <c r="H2159" s="3"/>
      <c r="I2159" s="3"/>
      <c r="J2159" s="3"/>
      <c r="K2159" s="14"/>
      <c r="L2159" s="3"/>
    </row>
    <row r="2160" spans="1:12" ht="16.5" customHeight="1" x14ac:dyDescent="0.3">
      <c r="A2160" s="11"/>
      <c r="B2160" s="11"/>
      <c r="C2160" s="42"/>
      <c r="D2160" s="3"/>
      <c r="E2160" s="3"/>
      <c r="F2160" s="3"/>
      <c r="G2160" s="3"/>
      <c r="H2160" s="3"/>
      <c r="I2160" s="3"/>
      <c r="J2160" s="3"/>
      <c r="K2160" s="14"/>
      <c r="L2160" s="3"/>
    </row>
    <row r="2161" spans="1:12" ht="16.5" customHeight="1" x14ac:dyDescent="0.3">
      <c r="A2161" s="11"/>
      <c r="B2161" s="11"/>
      <c r="C2161" s="42"/>
      <c r="D2161" s="3"/>
      <c r="E2161" s="3"/>
      <c r="F2161" s="3"/>
      <c r="G2161" s="3"/>
      <c r="H2161" s="3"/>
      <c r="I2161" s="3"/>
      <c r="J2161" s="3"/>
      <c r="K2161" s="14"/>
      <c r="L2161" s="3"/>
    </row>
    <row r="2162" spans="1:12" ht="16.5" customHeight="1" x14ac:dyDescent="0.3">
      <c r="A2162" s="11"/>
      <c r="B2162" s="11"/>
      <c r="C2162" s="42"/>
      <c r="D2162" s="3"/>
      <c r="E2162" s="3"/>
      <c r="F2162" s="3"/>
      <c r="G2162" s="3"/>
      <c r="H2162" s="3"/>
      <c r="I2162" s="3"/>
      <c r="J2162" s="3"/>
      <c r="K2162" s="14"/>
      <c r="L2162" s="3"/>
    </row>
    <row r="2163" spans="1:12" ht="16.5" customHeight="1" x14ac:dyDescent="0.3">
      <c r="A2163" s="11"/>
      <c r="B2163" s="11"/>
      <c r="C2163" s="42"/>
      <c r="D2163" s="3"/>
      <c r="E2163" s="3"/>
      <c r="F2163" s="3"/>
      <c r="G2163" s="3"/>
      <c r="H2163" s="3"/>
      <c r="I2163" s="3"/>
      <c r="J2163" s="3"/>
      <c r="K2163" s="14"/>
      <c r="L2163" s="3"/>
    </row>
    <row r="2164" spans="1:12" ht="16.5" customHeight="1" x14ac:dyDescent="0.3">
      <c r="A2164" s="11"/>
      <c r="B2164" s="11"/>
      <c r="C2164" s="42"/>
      <c r="D2164" s="3"/>
      <c r="E2164" s="3"/>
      <c r="F2164" s="3"/>
      <c r="G2164" s="3"/>
      <c r="H2164" s="3"/>
      <c r="I2164" s="3"/>
      <c r="J2164" s="3"/>
      <c r="K2164" s="14"/>
      <c r="L2164" s="3"/>
    </row>
    <row r="2165" spans="1:12" ht="16.5" customHeight="1" x14ac:dyDescent="0.3">
      <c r="A2165" s="11"/>
      <c r="B2165" s="11"/>
      <c r="C2165" s="42"/>
      <c r="D2165" s="3"/>
      <c r="E2165" s="3"/>
      <c r="F2165" s="3"/>
      <c r="G2165" s="3"/>
      <c r="H2165" s="3"/>
      <c r="I2165" s="3"/>
      <c r="J2165" s="3"/>
      <c r="K2165" s="14"/>
      <c r="L2165" s="3"/>
    </row>
    <row r="2166" spans="1:12" ht="16.5" customHeight="1" x14ac:dyDescent="0.3">
      <c r="A2166" s="11"/>
      <c r="B2166" s="11"/>
      <c r="C2166" s="42"/>
      <c r="D2166" s="3"/>
      <c r="E2166" s="3"/>
      <c r="F2166" s="3"/>
      <c r="G2166" s="3"/>
      <c r="H2166" s="3"/>
      <c r="I2166" s="3"/>
      <c r="J2166" s="3"/>
      <c r="K2166" s="14"/>
      <c r="L2166" s="3"/>
    </row>
    <row r="2167" spans="1:12" ht="16.5" customHeight="1" x14ac:dyDescent="0.3">
      <c r="A2167" s="11"/>
      <c r="B2167" s="11"/>
      <c r="C2167" s="42"/>
      <c r="D2167" s="3"/>
      <c r="E2167" s="3"/>
      <c r="F2167" s="3"/>
      <c r="G2167" s="3"/>
      <c r="H2167" s="3"/>
      <c r="I2167" s="3"/>
      <c r="J2167" s="3"/>
      <c r="K2167" s="14"/>
      <c r="L2167" s="3"/>
    </row>
    <row r="2168" spans="1:12" ht="16.5" customHeight="1" x14ac:dyDescent="0.3">
      <c r="A2168" s="11"/>
      <c r="B2168" s="11"/>
      <c r="C2168" s="42"/>
      <c r="D2168" s="3"/>
      <c r="E2168" s="3"/>
      <c r="F2168" s="3"/>
      <c r="G2168" s="3"/>
      <c r="H2168" s="3"/>
      <c r="I2168" s="3"/>
      <c r="J2168" s="3"/>
      <c r="K2168" s="14"/>
      <c r="L2168" s="3"/>
    </row>
    <row r="2169" spans="1:12" ht="16.5" customHeight="1" x14ac:dyDescent="0.3">
      <c r="A2169" s="11"/>
      <c r="B2169" s="11"/>
      <c r="C2169" s="42"/>
      <c r="D2169" s="3"/>
      <c r="E2169" s="3"/>
      <c r="F2169" s="3"/>
      <c r="G2169" s="3"/>
      <c r="H2169" s="3"/>
      <c r="I2169" s="3"/>
      <c r="J2169" s="3"/>
      <c r="K2169" s="14"/>
      <c r="L2169" s="3"/>
    </row>
    <row r="2170" spans="1:12" ht="16.5" customHeight="1" x14ac:dyDescent="0.3">
      <c r="A2170" s="11"/>
      <c r="B2170" s="11"/>
      <c r="C2170" s="42"/>
      <c r="D2170" s="3"/>
      <c r="E2170" s="3"/>
      <c r="F2170" s="3"/>
      <c r="G2170" s="3"/>
      <c r="H2170" s="3"/>
      <c r="I2170" s="3"/>
      <c r="J2170" s="3"/>
      <c r="K2170" s="14"/>
      <c r="L2170" s="3"/>
    </row>
    <row r="2171" spans="1:12" ht="16.5" customHeight="1" x14ac:dyDescent="0.3">
      <c r="A2171" s="11"/>
      <c r="B2171" s="11"/>
      <c r="C2171" s="42"/>
      <c r="D2171" s="3"/>
      <c r="E2171" s="3"/>
      <c r="F2171" s="3"/>
      <c r="G2171" s="3"/>
      <c r="H2171" s="3"/>
      <c r="I2171" s="3"/>
      <c r="J2171" s="3"/>
      <c r="K2171" s="14"/>
      <c r="L2171" s="3"/>
    </row>
    <row r="2172" spans="1:12" ht="16.5" customHeight="1" x14ac:dyDescent="0.3">
      <c r="A2172" s="11"/>
      <c r="B2172" s="11"/>
      <c r="C2172" s="42"/>
      <c r="D2172" s="3"/>
      <c r="E2172" s="3"/>
      <c r="F2172" s="3"/>
      <c r="G2172" s="3"/>
      <c r="H2172" s="3"/>
      <c r="I2172" s="3"/>
      <c r="J2172" s="3"/>
      <c r="K2172" s="14"/>
      <c r="L2172" s="3"/>
    </row>
    <row r="2173" spans="1:12" ht="16.5" customHeight="1" x14ac:dyDescent="0.3">
      <c r="A2173" s="11"/>
      <c r="B2173" s="11"/>
      <c r="C2173" s="42"/>
      <c r="D2173" s="3"/>
      <c r="E2173" s="3"/>
      <c r="F2173" s="3"/>
      <c r="G2173" s="3"/>
      <c r="H2173" s="3"/>
      <c r="I2173" s="3"/>
      <c r="J2173" s="3"/>
      <c r="K2173" s="14"/>
      <c r="L2173" s="3"/>
    </row>
    <row r="2174" spans="1:12" ht="16.5" customHeight="1" x14ac:dyDescent="0.3">
      <c r="A2174" s="11"/>
      <c r="B2174" s="11"/>
      <c r="C2174" s="42"/>
      <c r="D2174" s="3"/>
      <c r="E2174" s="3"/>
      <c r="F2174" s="3"/>
      <c r="G2174" s="3"/>
      <c r="H2174" s="3"/>
      <c r="I2174" s="3"/>
      <c r="J2174" s="3"/>
      <c r="K2174" s="14"/>
      <c r="L2174" s="3"/>
    </row>
    <row r="2175" spans="1:12" ht="16.5" customHeight="1" x14ac:dyDescent="0.3">
      <c r="A2175" s="11"/>
      <c r="B2175" s="11"/>
      <c r="C2175" s="42"/>
      <c r="D2175" s="3"/>
      <c r="E2175" s="3"/>
      <c r="F2175" s="3"/>
      <c r="G2175" s="3"/>
      <c r="H2175" s="3"/>
      <c r="I2175" s="3"/>
      <c r="J2175" s="3"/>
      <c r="K2175" s="14"/>
      <c r="L2175" s="3"/>
    </row>
    <row r="2176" spans="1:12" ht="16.5" customHeight="1" x14ac:dyDescent="0.3">
      <c r="A2176" s="11"/>
      <c r="B2176" s="11"/>
      <c r="C2176" s="42"/>
      <c r="D2176" s="3"/>
      <c r="E2176" s="3"/>
      <c r="F2176" s="3"/>
      <c r="G2176" s="3"/>
      <c r="H2176" s="3"/>
      <c r="I2176" s="3"/>
      <c r="J2176" s="3"/>
      <c r="K2176" s="14"/>
      <c r="L2176" s="3"/>
    </row>
    <row r="2177" spans="1:12" ht="16.5" customHeight="1" x14ac:dyDescent="0.3">
      <c r="A2177" s="11"/>
      <c r="B2177" s="11"/>
      <c r="C2177" s="42"/>
      <c r="D2177" s="3"/>
      <c r="E2177" s="3"/>
      <c r="F2177" s="3"/>
      <c r="G2177" s="3"/>
      <c r="H2177" s="3"/>
      <c r="I2177" s="3"/>
      <c r="J2177" s="3"/>
      <c r="K2177" s="14"/>
      <c r="L2177" s="3"/>
    </row>
    <row r="2178" spans="1:12" ht="16.5" customHeight="1" x14ac:dyDescent="0.3">
      <c r="A2178" s="11"/>
      <c r="B2178" s="11"/>
      <c r="C2178" s="42"/>
      <c r="D2178" s="3"/>
      <c r="E2178" s="3"/>
      <c r="F2178" s="3"/>
      <c r="G2178" s="3"/>
      <c r="H2178" s="3"/>
      <c r="I2178" s="3"/>
      <c r="J2178" s="3"/>
      <c r="K2178" s="14"/>
      <c r="L2178" s="3"/>
    </row>
    <row r="2179" spans="1:12" ht="16.5" customHeight="1" x14ac:dyDescent="0.3">
      <c r="A2179" s="11"/>
      <c r="B2179" s="11"/>
      <c r="C2179" s="42"/>
      <c r="D2179" s="3"/>
      <c r="E2179" s="3"/>
      <c r="F2179" s="3"/>
      <c r="G2179" s="3"/>
      <c r="H2179" s="3"/>
      <c r="I2179" s="3"/>
      <c r="J2179" s="3"/>
      <c r="K2179" s="14"/>
      <c r="L2179" s="3"/>
    </row>
    <row r="2180" spans="1:12" ht="16.5" customHeight="1" x14ac:dyDescent="0.3">
      <c r="A2180" s="11"/>
      <c r="B2180" s="11"/>
      <c r="C2180" s="42"/>
      <c r="D2180" s="3"/>
      <c r="E2180" s="3"/>
      <c r="F2180" s="3"/>
      <c r="G2180" s="3"/>
      <c r="H2180" s="3"/>
      <c r="I2180" s="3"/>
      <c r="J2180" s="3"/>
      <c r="K2180" s="14"/>
      <c r="L2180" s="3"/>
    </row>
    <row r="2181" spans="1:12" ht="16.5" customHeight="1" x14ac:dyDescent="0.3">
      <c r="A2181" s="11"/>
      <c r="B2181" s="11"/>
      <c r="C2181" s="42"/>
      <c r="D2181" s="3"/>
      <c r="E2181" s="3"/>
      <c r="F2181" s="3"/>
      <c r="G2181" s="3"/>
      <c r="H2181" s="3"/>
      <c r="I2181" s="3"/>
      <c r="J2181" s="3"/>
      <c r="K2181" s="14"/>
      <c r="L2181" s="3"/>
    </row>
    <row r="2182" spans="1:12" ht="16.5" customHeight="1" x14ac:dyDescent="0.3">
      <c r="A2182" s="11"/>
      <c r="B2182" s="11"/>
      <c r="C2182" s="42"/>
      <c r="D2182" s="3"/>
      <c r="E2182" s="3"/>
      <c r="F2182" s="3"/>
      <c r="G2182" s="3"/>
      <c r="H2182" s="3"/>
      <c r="I2182" s="3"/>
      <c r="J2182" s="3"/>
      <c r="K2182" s="14"/>
      <c r="L2182" s="3"/>
    </row>
    <row r="2183" spans="1:12" ht="16.5" customHeight="1" x14ac:dyDescent="0.3">
      <c r="A2183" s="11"/>
      <c r="B2183" s="11"/>
      <c r="C2183" s="42"/>
      <c r="D2183" s="3"/>
      <c r="E2183" s="3"/>
      <c r="F2183" s="3"/>
      <c r="G2183" s="3"/>
      <c r="H2183" s="3"/>
      <c r="I2183" s="3"/>
      <c r="J2183" s="3"/>
      <c r="K2183" s="14"/>
      <c r="L2183" s="3"/>
    </row>
    <row r="2184" spans="1:12" ht="16.5" customHeight="1" x14ac:dyDescent="0.3">
      <c r="A2184" s="11"/>
      <c r="B2184" s="11"/>
      <c r="C2184" s="42"/>
      <c r="D2184" s="3"/>
      <c r="E2184" s="3"/>
      <c r="F2184" s="3"/>
      <c r="G2184" s="3"/>
      <c r="H2184" s="3"/>
      <c r="I2184" s="3"/>
      <c r="J2184" s="3"/>
      <c r="K2184" s="14"/>
      <c r="L2184" s="3"/>
    </row>
    <row r="2185" spans="1:12" ht="16.5" customHeight="1" x14ac:dyDescent="0.3">
      <c r="A2185" s="11"/>
      <c r="B2185" s="11"/>
      <c r="C2185" s="42"/>
      <c r="D2185" s="3"/>
      <c r="E2185" s="3"/>
      <c r="F2185" s="3"/>
      <c r="G2185" s="3"/>
      <c r="H2185" s="3"/>
      <c r="I2185" s="3"/>
      <c r="J2185" s="3"/>
      <c r="K2185" s="14"/>
      <c r="L2185" s="3"/>
    </row>
    <row r="2186" spans="1:12" ht="16.5" customHeight="1" x14ac:dyDescent="0.3">
      <c r="A2186" s="11"/>
      <c r="B2186" s="11"/>
      <c r="C2186" s="42"/>
      <c r="D2186" s="3"/>
      <c r="E2186" s="3"/>
      <c r="F2186" s="3"/>
      <c r="G2186" s="3"/>
      <c r="H2186" s="3"/>
      <c r="I2186" s="3"/>
      <c r="J2186" s="3"/>
      <c r="K2186" s="14"/>
      <c r="L2186" s="3"/>
    </row>
    <row r="2187" spans="1:12" ht="16.5" customHeight="1" x14ac:dyDescent="0.3">
      <c r="A2187" s="11"/>
      <c r="B2187" s="11"/>
      <c r="C2187" s="42"/>
      <c r="D2187" s="3"/>
      <c r="E2187" s="3"/>
      <c r="F2187" s="3"/>
      <c r="G2187" s="3"/>
      <c r="H2187" s="3"/>
      <c r="I2187" s="3"/>
      <c r="J2187" s="3"/>
      <c r="K2187" s="14"/>
      <c r="L2187" s="3"/>
    </row>
    <row r="2188" spans="1:12" ht="16.5" customHeight="1" x14ac:dyDescent="0.3">
      <c r="A2188" s="11"/>
      <c r="B2188" s="11"/>
      <c r="C2188" s="42"/>
      <c r="D2188" s="3"/>
      <c r="E2188" s="3"/>
      <c r="F2188" s="3"/>
      <c r="G2188" s="3"/>
      <c r="H2188" s="3"/>
      <c r="I2188" s="3"/>
      <c r="J2188" s="3"/>
      <c r="K2188" s="14"/>
      <c r="L2188" s="3"/>
    </row>
    <row r="2189" spans="1:12" ht="16.5" customHeight="1" x14ac:dyDescent="0.3">
      <c r="A2189" s="11"/>
      <c r="B2189" s="11"/>
      <c r="C2189" s="42"/>
      <c r="D2189" s="3"/>
      <c r="E2189" s="3"/>
      <c r="F2189" s="3"/>
      <c r="G2189" s="3"/>
      <c r="H2189" s="3"/>
      <c r="I2189" s="3"/>
      <c r="J2189" s="3"/>
      <c r="K2189" s="14"/>
      <c r="L2189" s="3"/>
    </row>
    <row r="2190" spans="1:12" ht="16.5" customHeight="1" x14ac:dyDescent="0.3">
      <c r="A2190" s="11"/>
      <c r="B2190" s="11"/>
      <c r="C2190" s="42"/>
      <c r="D2190" s="3"/>
      <c r="E2190" s="3"/>
      <c r="F2190" s="3"/>
      <c r="G2190" s="3"/>
      <c r="H2190" s="3"/>
      <c r="I2190" s="3"/>
      <c r="J2190" s="3"/>
      <c r="K2190" s="14"/>
      <c r="L2190" s="3"/>
    </row>
    <row r="2191" spans="1:12" ht="16.5" customHeight="1" x14ac:dyDescent="0.3">
      <c r="A2191" s="11"/>
      <c r="B2191" s="11"/>
      <c r="C2191" s="42"/>
      <c r="D2191" s="3"/>
      <c r="E2191" s="3"/>
      <c r="F2191" s="3"/>
      <c r="G2191" s="3"/>
      <c r="H2191" s="3"/>
      <c r="I2191" s="3"/>
      <c r="J2191" s="3"/>
      <c r="K2191" s="14"/>
      <c r="L2191" s="3"/>
    </row>
    <row r="2192" spans="1:12" ht="16.5" customHeight="1" x14ac:dyDescent="0.3">
      <c r="A2192" s="11"/>
      <c r="B2192" s="11"/>
      <c r="C2192" s="42"/>
      <c r="D2192" s="3"/>
      <c r="E2192" s="3"/>
      <c r="F2192" s="3"/>
      <c r="G2192" s="3"/>
      <c r="H2192" s="3"/>
      <c r="I2192" s="3"/>
      <c r="J2192" s="3"/>
      <c r="K2192" s="14"/>
      <c r="L2192" s="3"/>
    </row>
    <row r="2193" spans="1:12" ht="16.5" customHeight="1" x14ac:dyDescent="0.3">
      <c r="A2193" s="11"/>
      <c r="B2193" s="11"/>
      <c r="C2193" s="42"/>
      <c r="D2193" s="3"/>
      <c r="E2193" s="3"/>
      <c r="F2193" s="3"/>
      <c r="G2193" s="3"/>
      <c r="H2193" s="3"/>
      <c r="I2193" s="3"/>
      <c r="J2193" s="3"/>
      <c r="K2193" s="14"/>
      <c r="L2193" s="3"/>
    </row>
    <row r="2194" spans="1:12" ht="16.5" customHeight="1" x14ac:dyDescent="0.3">
      <c r="A2194" s="11"/>
      <c r="B2194" s="11"/>
      <c r="C2194" s="42"/>
      <c r="D2194" s="3"/>
      <c r="E2194" s="3"/>
      <c r="F2194" s="3"/>
      <c r="G2194" s="3"/>
      <c r="H2194" s="3"/>
      <c r="I2194" s="3"/>
      <c r="J2194" s="3"/>
      <c r="K2194" s="14"/>
      <c r="L2194" s="3"/>
    </row>
    <row r="2195" spans="1:12" ht="16.5" customHeight="1" x14ac:dyDescent="0.3">
      <c r="A2195" s="11"/>
      <c r="B2195" s="11"/>
      <c r="C2195" s="42"/>
      <c r="D2195" s="3"/>
      <c r="E2195" s="3"/>
      <c r="F2195" s="3"/>
      <c r="G2195" s="3"/>
      <c r="H2195" s="3"/>
      <c r="I2195" s="3"/>
      <c r="J2195" s="3"/>
      <c r="K2195" s="14"/>
      <c r="L2195" s="3"/>
    </row>
    <row r="2196" spans="1:12" ht="16.5" customHeight="1" x14ac:dyDescent="0.3">
      <c r="A2196" s="11"/>
      <c r="B2196" s="11"/>
      <c r="C2196" s="42"/>
      <c r="D2196" s="3"/>
      <c r="E2196" s="3"/>
      <c r="F2196" s="3"/>
      <c r="G2196" s="3"/>
      <c r="H2196" s="3"/>
      <c r="I2196" s="3"/>
      <c r="J2196" s="3"/>
      <c r="K2196" s="14"/>
      <c r="L2196" s="3"/>
    </row>
    <row r="2197" spans="1:12" ht="16.5" customHeight="1" x14ac:dyDescent="0.3">
      <c r="A2197" s="11"/>
      <c r="B2197" s="11"/>
      <c r="C2197" s="42"/>
      <c r="D2197" s="3"/>
      <c r="E2197" s="3"/>
      <c r="F2197" s="3"/>
      <c r="G2197" s="3"/>
      <c r="H2197" s="3"/>
      <c r="I2197" s="3"/>
      <c r="J2197" s="3"/>
      <c r="K2197" s="14"/>
      <c r="L2197" s="3"/>
    </row>
    <row r="2198" spans="1:12" ht="16.5" customHeight="1" x14ac:dyDescent="0.3">
      <c r="A2198" s="11"/>
      <c r="B2198" s="11"/>
      <c r="C2198" s="42"/>
      <c r="D2198" s="3"/>
      <c r="E2198" s="3"/>
      <c r="F2198" s="3"/>
      <c r="G2198" s="3"/>
      <c r="H2198" s="3"/>
      <c r="I2198" s="3"/>
      <c r="J2198" s="3"/>
      <c r="K2198" s="14"/>
      <c r="L2198" s="3"/>
    </row>
    <row r="2199" spans="1:12" ht="16.5" customHeight="1" x14ac:dyDescent="0.3">
      <c r="A2199" s="11"/>
      <c r="B2199" s="11"/>
      <c r="C2199" s="42"/>
      <c r="D2199" s="3"/>
      <c r="E2199" s="3"/>
      <c r="F2199" s="3"/>
      <c r="G2199" s="3"/>
      <c r="H2199" s="3"/>
      <c r="I2199" s="3"/>
      <c r="J2199" s="3"/>
      <c r="K2199" s="14"/>
      <c r="L2199" s="3"/>
    </row>
    <row r="2200" spans="1:12" ht="16.5" customHeight="1" x14ac:dyDescent="0.3">
      <c r="A2200" s="11"/>
      <c r="B2200" s="11"/>
      <c r="C2200" s="42"/>
      <c r="D2200" s="3"/>
      <c r="E2200" s="3"/>
      <c r="F2200" s="3"/>
      <c r="G2200" s="3"/>
      <c r="H2200" s="3"/>
      <c r="I2200" s="3"/>
      <c r="J2200" s="3"/>
      <c r="K2200" s="14"/>
      <c r="L2200" s="3"/>
    </row>
    <row r="2201" spans="1:12" ht="16.5" customHeight="1" x14ac:dyDescent="0.3">
      <c r="A2201" s="11"/>
      <c r="B2201" s="11"/>
      <c r="C2201" s="42"/>
      <c r="D2201" s="3"/>
      <c r="E2201" s="3"/>
      <c r="F2201" s="3"/>
      <c r="G2201" s="3"/>
      <c r="H2201" s="3"/>
      <c r="I2201" s="3"/>
      <c r="J2201" s="3"/>
      <c r="K2201" s="14"/>
      <c r="L2201" s="3"/>
    </row>
    <row r="2202" spans="1:12" ht="16.5" customHeight="1" x14ac:dyDescent="0.3">
      <c r="A2202" s="11"/>
      <c r="B2202" s="11"/>
      <c r="C2202" s="42"/>
      <c r="D2202" s="3"/>
      <c r="E2202" s="3"/>
      <c r="F2202" s="3"/>
      <c r="G2202" s="3"/>
      <c r="H2202" s="3"/>
      <c r="I2202" s="3"/>
      <c r="J2202" s="3"/>
      <c r="K2202" s="14"/>
      <c r="L2202" s="3"/>
    </row>
    <row r="2203" spans="1:12" ht="16.5" customHeight="1" x14ac:dyDescent="0.3">
      <c r="A2203" s="11"/>
      <c r="B2203" s="11"/>
      <c r="C2203" s="42"/>
      <c r="D2203" s="3"/>
      <c r="E2203" s="3"/>
      <c r="F2203" s="3"/>
      <c r="G2203" s="3"/>
      <c r="H2203" s="3"/>
      <c r="I2203" s="3"/>
      <c r="J2203" s="3"/>
      <c r="K2203" s="14"/>
      <c r="L2203" s="3"/>
    </row>
    <row r="2204" spans="1:12" ht="16.5" customHeight="1" x14ac:dyDescent="0.3">
      <c r="A2204" s="11"/>
      <c r="B2204" s="11"/>
      <c r="C2204" s="42"/>
      <c r="D2204" s="3"/>
      <c r="E2204" s="3"/>
      <c r="F2204" s="3"/>
      <c r="G2204" s="3"/>
      <c r="H2204" s="3"/>
      <c r="I2204" s="3"/>
      <c r="J2204" s="3"/>
      <c r="K2204" s="14"/>
      <c r="L2204" s="3"/>
    </row>
    <row r="2205" spans="1:12" ht="16.5" customHeight="1" x14ac:dyDescent="0.3">
      <c r="A2205" s="11"/>
      <c r="B2205" s="11"/>
      <c r="C2205" s="42"/>
      <c r="D2205" s="3"/>
      <c r="E2205" s="3"/>
      <c r="F2205" s="3"/>
      <c r="G2205" s="3"/>
      <c r="H2205" s="3"/>
      <c r="I2205" s="3"/>
      <c r="J2205" s="3"/>
      <c r="K2205" s="14"/>
      <c r="L2205" s="3"/>
    </row>
    <row r="2206" spans="1:12" ht="16.5" customHeight="1" x14ac:dyDescent="0.3">
      <c r="A2206" s="11"/>
      <c r="B2206" s="11"/>
      <c r="C2206" s="42"/>
      <c r="D2206" s="3"/>
      <c r="E2206" s="3"/>
      <c r="F2206" s="3"/>
      <c r="G2206" s="3"/>
      <c r="H2206" s="3"/>
      <c r="I2206" s="3"/>
      <c r="J2206" s="3"/>
      <c r="K2206" s="14"/>
      <c r="L2206" s="3"/>
    </row>
    <row r="2207" spans="1:12" ht="16.5" customHeight="1" x14ac:dyDescent="0.3">
      <c r="A2207" s="11"/>
      <c r="B2207" s="11"/>
      <c r="C2207" s="42"/>
      <c r="D2207" s="3"/>
      <c r="E2207" s="3"/>
      <c r="F2207" s="3"/>
      <c r="G2207" s="3"/>
      <c r="H2207" s="3"/>
      <c r="I2207" s="3"/>
      <c r="J2207" s="3"/>
      <c r="K2207" s="14"/>
      <c r="L2207" s="3"/>
    </row>
    <row r="2208" spans="1:12" ht="16.5" customHeight="1" x14ac:dyDescent="0.3">
      <c r="A2208" s="11"/>
      <c r="B2208" s="11"/>
      <c r="C2208" s="42"/>
      <c r="D2208" s="3"/>
      <c r="E2208" s="3"/>
      <c r="F2208" s="3"/>
      <c r="G2208" s="3"/>
      <c r="H2208" s="3"/>
      <c r="I2208" s="3"/>
      <c r="J2208" s="3"/>
      <c r="K2208" s="14"/>
      <c r="L2208" s="3"/>
    </row>
    <row r="2209" spans="1:12" ht="16.5" customHeight="1" x14ac:dyDescent="0.3">
      <c r="A2209" s="11"/>
      <c r="B2209" s="11"/>
      <c r="C2209" s="42"/>
      <c r="D2209" s="3"/>
      <c r="E2209" s="3"/>
      <c r="F2209" s="3"/>
      <c r="G2209" s="3"/>
      <c r="H2209" s="3"/>
      <c r="I2209" s="3"/>
      <c r="J2209" s="3"/>
      <c r="K2209" s="14"/>
      <c r="L2209" s="3"/>
    </row>
    <row r="2210" spans="1:12" ht="16.5" customHeight="1" x14ac:dyDescent="0.3">
      <c r="A2210" s="11"/>
      <c r="B2210" s="11"/>
      <c r="C2210" s="42"/>
      <c r="D2210" s="3"/>
      <c r="E2210" s="3"/>
      <c r="F2210" s="3"/>
      <c r="G2210" s="3"/>
      <c r="H2210" s="3"/>
      <c r="I2210" s="3"/>
      <c r="J2210" s="3"/>
      <c r="K2210" s="14"/>
      <c r="L2210" s="3"/>
    </row>
    <row r="2211" spans="1:12" ht="16.5" customHeight="1" x14ac:dyDescent="0.3">
      <c r="A2211" s="11"/>
      <c r="B2211" s="11"/>
      <c r="C2211" s="42"/>
      <c r="D2211" s="3"/>
      <c r="E2211" s="3"/>
      <c r="F2211" s="3"/>
      <c r="G2211" s="3"/>
      <c r="H2211" s="3"/>
      <c r="I2211" s="3"/>
      <c r="J2211" s="3"/>
      <c r="K2211" s="14"/>
      <c r="L2211" s="3"/>
    </row>
    <row r="2212" spans="1:12" ht="16.5" customHeight="1" x14ac:dyDescent="0.3">
      <c r="A2212" s="11"/>
      <c r="B2212" s="11"/>
      <c r="C2212" s="42"/>
      <c r="D2212" s="3"/>
      <c r="E2212" s="3"/>
      <c r="F2212" s="3"/>
      <c r="G2212" s="3"/>
      <c r="H2212" s="3"/>
      <c r="I2212" s="3"/>
      <c r="J2212" s="3"/>
      <c r="K2212" s="14"/>
      <c r="L2212" s="3"/>
    </row>
    <row r="2213" spans="1:12" ht="16.5" customHeight="1" x14ac:dyDescent="0.3">
      <c r="A2213" s="11"/>
      <c r="B2213" s="11"/>
      <c r="C2213" s="42"/>
      <c r="D2213" s="3"/>
      <c r="E2213" s="3"/>
      <c r="F2213" s="3"/>
      <c r="G2213" s="3"/>
      <c r="H2213" s="3"/>
      <c r="I2213" s="3"/>
      <c r="J2213" s="3"/>
      <c r="K2213" s="14"/>
      <c r="L2213" s="3"/>
    </row>
    <row r="2214" spans="1:12" ht="16.5" customHeight="1" x14ac:dyDescent="0.3">
      <c r="A2214" s="11"/>
      <c r="B2214" s="11"/>
      <c r="C2214" s="42"/>
      <c r="D2214" s="3"/>
      <c r="E2214" s="3"/>
      <c r="F2214" s="3"/>
      <c r="G2214" s="3"/>
      <c r="H2214" s="3"/>
      <c r="I2214" s="3"/>
      <c r="J2214" s="3"/>
      <c r="K2214" s="14"/>
      <c r="L2214" s="3"/>
    </row>
    <row r="2215" spans="1:12" ht="16.5" customHeight="1" x14ac:dyDescent="0.3">
      <c r="A2215" s="11"/>
      <c r="B2215" s="11"/>
      <c r="C2215" s="42"/>
      <c r="D2215" s="3"/>
      <c r="E2215" s="3"/>
      <c r="F2215" s="3"/>
      <c r="G2215" s="3"/>
      <c r="H2215" s="3"/>
      <c r="I2215" s="3"/>
      <c r="J2215" s="3"/>
      <c r="K2215" s="14"/>
      <c r="L2215" s="3"/>
    </row>
    <row r="2216" spans="1:12" ht="16.5" customHeight="1" x14ac:dyDescent="0.3">
      <c r="A2216" s="11"/>
      <c r="B2216" s="11"/>
      <c r="C2216" s="42"/>
      <c r="D2216" s="3"/>
      <c r="E2216" s="3"/>
      <c r="F2216" s="3"/>
      <c r="G2216" s="3"/>
      <c r="H2216" s="3"/>
      <c r="I2216" s="3"/>
      <c r="J2216" s="3"/>
      <c r="K2216" s="14"/>
      <c r="L2216" s="3"/>
    </row>
    <row r="2217" spans="1:12" ht="16.5" customHeight="1" x14ac:dyDescent="0.3">
      <c r="A2217" s="11"/>
      <c r="B2217" s="11"/>
      <c r="C2217" s="42"/>
      <c r="D2217" s="3"/>
      <c r="E2217" s="3"/>
      <c r="F2217" s="3"/>
      <c r="G2217" s="3"/>
      <c r="H2217" s="3"/>
      <c r="I2217" s="3"/>
      <c r="J2217" s="3"/>
      <c r="K2217" s="14"/>
      <c r="L2217" s="3"/>
    </row>
    <row r="2218" spans="1:12" ht="16.5" customHeight="1" x14ac:dyDescent="0.3">
      <c r="A2218" s="11"/>
      <c r="B2218" s="11"/>
      <c r="C2218" s="42"/>
      <c r="D2218" s="3"/>
      <c r="E2218" s="3"/>
      <c r="F2218" s="3"/>
      <c r="G2218" s="3"/>
      <c r="H2218" s="3"/>
      <c r="I2218" s="3"/>
      <c r="J2218" s="3"/>
      <c r="K2218" s="14"/>
      <c r="L2218" s="3"/>
    </row>
    <row r="2219" spans="1:12" ht="16.5" customHeight="1" x14ac:dyDescent="0.3">
      <c r="A2219" s="11"/>
      <c r="B2219" s="11"/>
      <c r="C2219" s="42"/>
      <c r="D2219" s="3"/>
      <c r="E2219" s="3"/>
      <c r="F2219" s="3"/>
      <c r="G2219" s="3"/>
      <c r="H2219" s="3"/>
      <c r="I2219" s="3"/>
      <c r="J2219" s="3"/>
      <c r="K2219" s="14"/>
      <c r="L2219" s="3"/>
    </row>
    <row r="2220" spans="1:12" ht="16.5" customHeight="1" x14ac:dyDescent="0.3">
      <c r="A2220" s="11"/>
      <c r="B2220" s="11"/>
      <c r="C2220" s="42"/>
      <c r="D2220" s="3"/>
      <c r="E2220" s="3"/>
      <c r="F2220" s="3"/>
      <c r="G2220" s="3"/>
      <c r="H2220" s="3"/>
      <c r="I2220" s="3"/>
      <c r="J2220" s="3"/>
      <c r="K2220" s="14"/>
      <c r="L2220" s="3"/>
    </row>
    <row r="2221" spans="1:12" ht="16.5" customHeight="1" x14ac:dyDescent="0.3">
      <c r="A2221" s="11"/>
      <c r="B2221" s="11"/>
      <c r="C2221" s="42"/>
      <c r="D2221" s="3"/>
      <c r="E2221" s="3"/>
      <c r="F2221" s="3"/>
      <c r="G2221" s="3"/>
      <c r="H2221" s="3"/>
      <c r="I2221" s="3"/>
      <c r="J2221" s="3"/>
      <c r="K2221" s="14"/>
      <c r="L2221" s="3"/>
    </row>
    <row r="2222" spans="1:12" ht="16.5" customHeight="1" x14ac:dyDescent="0.3">
      <c r="A2222" s="11"/>
      <c r="B2222" s="11"/>
      <c r="C2222" s="42"/>
      <c r="D2222" s="3"/>
      <c r="E2222" s="3"/>
      <c r="F2222" s="3"/>
      <c r="G2222" s="3"/>
      <c r="H2222" s="3"/>
      <c r="I2222" s="3"/>
      <c r="J2222" s="3"/>
      <c r="K2222" s="14"/>
      <c r="L2222" s="3"/>
    </row>
    <row r="2223" spans="1:12" ht="16.5" customHeight="1" x14ac:dyDescent="0.3">
      <c r="A2223" s="11"/>
      <c r="B2223" s="11"/>
      <c r="C2223" s="42"/>
      <c r="D2223" s="3"/>
      <c r="E2223" s="3"/>
      <c r="F2223" s="3"/>
      <c r="G2223" s="3"/>
      <c r="H2223" s="3"/>
      <c r="I2223" s="3"/>
      <c r="J2223" s="3"/>
      <c r="K2223" s="14"/>
      <c r="L2223" s="3"/>
    </row>
    <row r="2224" spans="1:12" ht="16.5" customHeight="1" x14ac:dyDescent="0.3">
      <c r="A2224" s="11"/>
      <c r="B2224" s="11"/>
      <c r="C2224" s="42"/>
      <c r="D2224" s="3"/>
      <c r="E2224" s="3"/>
      <c r="F2224" s="3"/>
      <c r="G2224" s="3"/>
      <c r="H2224" s="3"/>
      <c r="I2224" s="3"/>
      <c r="J2224" s="3"/>
      <c r="K2224" s="14"/>
      <c r="L2224" s="3"/>
    </row>
    <row r="2225" spans="1:12" ht="16.5" customHeight="1" x14ac:dyDescent="0.3">
      <c r="A2225" s="11"/>
      <c r="B2225" s="11"/>
      <c r="C2225" s="42"/>
      <c r="D2225" s="3"/>
      <c r="E2225" s="3"/>
      <c r="F2225" s="3"/>
      <c r="G2225" s="3"/>
      <c r="H2225" s="3"/>
      <c r="I2225" s="3"/>
      <c r="J2225" s="3"/>
      <c r="K2225" s="14"/>
      <c r="L2225" s="3"/>
    </row>
    <row r="2226" spans="1:12" ht="16.5" customHeight="1" x14ac:dyDescent="0.3">
      <c r="A2226" s="11"/>
      <c r="B2226" s="11"/>
      <c r="C2226" s="42"/>
      <c r="D2226" s="3"/>
      <c r="E2226" s="3"/>
      <c r="F2226" s="3"/>
      <c r="G2226" s="3"/>
      <c r="H2226" s="3"/>
      <c r="I2226" s="3"/>
      <c r="J2226" s="3"/>
      <c r="K2226" s="14"/>
      <c r="L2226" s="3"/>
    </row>
    <row r="2227" spans="1:12" ht="16.5" customHeight="1" x14ac:dyDescent="0.3">
      <c r="A2227" s="11"/>
      <c r="B2227" s="11"/>
      <c r="C2227" s="42"/>
      <c r="D2227" s="3"/>
      <c r="E2227" s="3"/>
      <c r="F2227" s="3"/>
      <c r="G2227" s="3"/>
      <c r="H2227" s="3"/>
      <c r="I2227" s="3"/>
      <c r="J2227" s="3"/>
      <c r="K2227" s="14"/>
      <c r="L2227" s="3"/>
    </row>
    <row r="2228" spans="1:12" ht="16.5" customHeight="1" x14ac:dyDescent="0.3">
      <c r="A2228" s="11"/>
      <c r="B2228" s="11"/>
      <c r="C2228" s="42"/>
      <c r="D2228" s="3"/>
      <c r="E2228" s="3"/>
      <c r="F2228" s="3"/>
      <c r="G2228" s="3"/>
      <c r="H2228" s="3"/>
      <c r="I2228" s="3"/>
      <c r="J2228" s="3"/>
      <c r="K2228" s="14"/>
      <c r="L2228" s="3"/>
    </row>
    <row r="2229" spans="1:12" ht="16.5" customHeight="1" x14ac:dyDescent="0.3">
      <c r="A2229" s="11"/>
      <c r="B2229" s="11"/>
      <c r="C2229" s="42"/>
      <c r="D2229" s="3"/>
      <c r="E2229" s="3"/>
      <c r="F2229" s="3"/>
      <c r="G2229" s="3"/>
      <c r="H2229" s="3"/>
      <c r="I2229" s="3"/>
      <c r="J2229" s="3"/>
      <c r="K2229" s="14"/>
      <c r="L2229" s="3"/>
    </row>
    <row r="2230" spans="1:12" ht="16.5" customHeight="1" x14ac:dyDescent="0.3">
      <c r="A2230" s="11"/>
      <c r="B2230" s="11"/>
      <c r="C2230" s="42"/>
      <c r="D2230" s="3"/>
      <c r="E2230" s="3"/>
      <c r="F2230" s="3"/>
      <c r="G2230" s="3"/>
      <c r="H2230" s="3"/>
      <c r="I2230" s="3"/>
      <c r="J2230" s="3"/>
      <c r="K2230" s="14"/>
      <c r="L2230" s="3"/>
    </row>
    <row r="2231" spans="1:12" ht="16.5" customHeight="1" x14ac:dyDescent="0.3">
      <c r="A2231" s="11"/>
      <c r="B2231" s="11"/>
      <c r="C2231" s="42"/>
      <c r="D2231" s="3"/>
      <c r="E2231" s="3"/>
      <c r="F2231" s="3"/>
      <c r="G2231" s="3"/>
      <c r="H2231" s="3"/>
      <c r="I2231" s="3"/>
      <c r="J2231" s="3"/>
      <c r="K2231" s="14"/>
      <c r="L2231" s="3"/>
    </row>
    <row r="2232" spans="1:12" ht="16.5" customHeight="1" x14ac:dyDescent="0.3">
      <c r="A2232" s="11"/>
      <c r="B2232" s="11"/>
      <c r="C2232" s="42"/>
      <c r="D2232" s="3"/>
      <c r="E2232" s="3"/>
      <c r="F2232" s="3"/>
      <c r="G2232" s="3"/>
      <c r="H2232" s="3"/>
      <c r="I2232" s="3"/>
      <c r="J2232" s="3"/>
      <c r="K2232" s="14"/>
      <c r="L2232" s="3"/>
    </row>
    <row r="2233" spans="1:12" ht="16.5" customHeight="1" x14ac:dyDescent="0.3">
      <c r="A2233" s="11"/>
      <c r="B2233" s="11"/>
      <c r="C2233" s="42"/>
      <c r="D2233" s="3"/>
      <c r="E2233" s="3"/>
      <c r="F2233" s="3"/>
      <c r="G2233" s="3"/>
      <c r="H2233" s="3"/>
      <c r="I2233" s="3"/>
      <c r="J2233" s="3"/>
      <c r="K2233" s="14"/>
      <c r="L2233" s="3"/>
    </row>
    <row r="2234" spans="1:12" ht="16.5" customHeight="1" x14ac:dyDescent="0.3">
      <c r="A2234" s="11"/>
      <c r="B2234" s="11"/>
      <c r="C2234" s="42"/>
      <c r="D2234" s="3"/>
      <c r="E2234" s="3"/>
      <c r="F2234" s="3"/>
      <c r="G2234" s="3"/>
      <c r="H2234" s="3"/>
      <c r="I2234" s="3"/>
      <c r="J2234" s="3"/>
      <c r="K2234" s="14"/>
      <c r="L2234" s="3"/>
    </row>
    <row r="2235" spans="1:12" ht="16.5" customHeight="1" x14ac:dyDescent="0.3">
      <c r="A2235" s="11"/>
      <c r="B2235" s="11"/>
      <c r="C2235" s="42"/>
      <c r="D2235" s="3"/>
      <c r="E2235" s="3"/>
      <c r="F2235" s="3"/>
      <c r="G2235" s="3"/>
      <c r="H2235" s="3"/>
      <c r="I2235" s="3"/>
      <c r="J2235" s="3"/>
      <c r="K2235" s="14"/>
      <c r="L2235" s="3"/>
    </row>
    <row r="2236" spans="1:12" ht="16.5" customHeight="1" x14ac:dyDescent="0.3">
      <c r="A2236" s="11"/>
      <c r="B2236" s="11"/>
      <c r="C2236" s="42"/>
      <c r="D2236" s="3"/>
      <c r="E2236" s="3"/>
      <c r="F2236" s="3"/>
      <c r="G2236" s="3"/>
      <c r="H2236" s="3"/>
      <c r="I2236" s="3"/>
      <c r="J2236" s="3"/>
      <c r="K2236" s="14"/>
      <c r="L2236" s="3"/>
    </row>
    <row r="2237" spans="1:12" ht="16.5" customHeight="1" x14ac:dyDescent="0.3">
      <c r="A2237" s="11"/>
      <c r="B2237" s="11"/>
      <c r="C2237" s="42"/>
      <c r="D2237" s="3"/>
      <c r="E2237" s="3"/>
      <c r="F2237" s="3"/>
      <c r="G2237" s="3"/>
      <c r="H2237" s="3"/>
      <c r="I2237" s="3"/>
      <c r="J2237" s="3"/>
      <c r="K2237" s="14"/>
      <c r="L2237" s="3"/>
    </row>
    <row r="2238" spans="1:12" ht="16.5" customHeight="1" x14ac:dyDescent="0.3">
      <c r="A2238" s="11"/>
      <c r="B2238" s="11"/>
      <c r="C2238" s="42"/>
      <c r="D2238" s="3"/>
      <c r="E2238" s="3"/>
      <c r="F2238" s="3"/>
      <c r="G2238" s="3"/>
      <c r="H2238" s="3"/>
      <c r="I2238" s="3"/>
      <c r="J2238" s="3"/>
      <c r="K2238" s="14"/>
      <c r="L2238" s="3"/>
    </row>
    <row r="2239" spans="1:12" ht="16.5" customHeight="1" x14ac:dyDescent="0.3">
      <c r="A2239" s="11"/>
      <c r="B2239" s="11"/>
      <c r="C2239" s="42"/>
      <c r="D2239" s="3"/>
      <c r="E2239" s="3"/>
      <c r="F2239" s="3"/>
      <c r="G2239" s="3"/>
      <c r="H2239" s="3"/>
      <c r="I2239" s="3"/>
      <c r="J2239" s="3"/>
      <c r="K2239" s="14"/>
      <c r="L2239" s="3"/>
    </row>
    <row r="2240" spans="1:12" ht="16.5" customHeight="1" x14ac:dyDescent="0.3">
      <c r="A2240" s="11"/>
      <c r="B2240" s="11"/>
      <c r="C2240" s="42"/>
      <c r="D2240" s="3"/>
      <c r="E2240" s="3"/>
      <c r="F2240" s="3"/>
      <c r="G2240" s="3"/>
      <c r="H2240" s="3"/>
      <c r="I2240" s="3"/>
      <c r="J2240" s="3"/>
      <c r="K2240" s="14"/>
      <c r="L2240" s="3"/>
    </row>
    <row r="2241" spans="1:12" ht="16.5" customHeight="1" x14ac:dyDescent="0.3">
      <c r="A2241" s="11"/>
      <c r="B2241" s="11"/>
      <c r="C2241" s="42"/>
      <c r="D2241" s="3"/>
      <c r="E2241" s="3"/>
      <c r="F2241" s="3"/>
      <c r="G2241" s="3"/>
      <c r="H2241" s="3"/>
      <c r="I2241" s="3"/>
      <c r="J2241" s="3"/>
      <c r="K2241" s="14"/>
      <c r="L2241" s="3"/>
    </row>
    <row r="2242" spans="1:12" ht="16.5" customHeight="1" x14ac:dyDescent="0.3">
      <c r="A2242" s="11"/>
      <c r="B2242" s="11"/>
      <c r="C2242" s="42"/>
      <c r="D2242" s="3"/>
      <c r="E2242" s="3"/>
      <c r="F2242" s="3"/>
      <c r="G2242" s="3"/>
      <c r="H2242" s="3"/>
      <c r="I2242" s="3"/>
      <c r="J2242" s="3"/>
      <c r="K2242" s="14"/>
      <c r="L2242" s="3"/>
    </row>
    <row r="2243" spans="1:12" ht="16.5" customHeight="1" x14ac:dyDescent="0.3">
      <c r="A2243" s="11"/>
      <c r="B2243" s="11"/>
      <c r="C2243" s="42"/>
      <c r="D2243" s="3"/>
      <c r="E2243" s="3"/>
      <c r="F2243" s="3"/>
      <c r="G2243" s="3"/>
      <c r="H2243" s="3"/>
      <c r="I2243" s="3"/>
      <c r="J2243" s="3"/>
      <c r="K2243" s="14"/>
      <c r="L2243" s="3"/>
    </row>
    <row r="2244" spans="1:12" ht="16.5" customHeight="1" x14ac:dyDescent="0.3">
      <c r="A2244" s="11"/>
      <c r="B2244" s="11"/>
      <c r="C2244" s="42"/>
      <c r="D2244" s="3"/>
      <c r="E2244" s="3"/>
      <c r="F2244" s="3"/>
      <c r="G2244" s="3"/>
      <c r="H2244" s="3"/>
      <c r="I2244" s="3"/>
      <c r="J2244" s="3"/>
      <c r="K2244" s="14"/>
      <c r="L2244" s="3"/>
    </row>
    <row r="2245" spans="1:12" ht="16.5" customHeight="1" x14ac:dyDescent="0.3">
      <c r="A2245" s="11"/>
      <c r="B2245" s="11"/>
      <c r="C2245" s="42"/>
      <c r="D2245" s="3"/>
      <c r="E2245" s="3"/>
      <c r="F2245" s="3"/>
      <c r="G2245" s="3"/>
      <c r="H2245" s="3"/>
      <c r="I2245" s="3"/>
      <c r="J2245" s="3"/>
      <c r="K2245" s="14"/>
      <c r="L2245" s="3"/>
    </row>
    <row r="2246" spans="1:12" ht="16.5" customHeight="1" x14ac:dyDescent="0.3">
      <c r="A2246" s="11"/>
      <c r="B2246" s="11"/>
      <c r="C2246" s="42"/>
      <c r="D2246" s="3"/>
      <c r="E2246" s="3"/>
      <c r="F2246" s="3"/>
      <c r="G2246" s="3"/>
      <c r="H2246" s="3"/>
      <c r="I2246" s="3"/>
      <c r="J2246" s="3"/>
      <c r="K2246" s="14"/>
      <c r="L2246" s="3"/>
    </row>
    <row r="2247" spans="1:12" ht="16.5" customHeight="1" x14ac:dyDescent="0.3">
      <c r="A2247" s="11"/>
      <c r="B2247" s="11"/>
      <c r="C2247" s="42"/>
      <c r="D2247" s="3"/>
      <c r="E2247" s="3"/>
      <c r="F2247" s="3"/>
      <c r="G2247" s="3"/>
      <c r="H2247" s="3"/>
      <c r="I2247" s="3"/>
      <c r="J2247" s="3"/>
      <c r="K2247" s="14"/>
      <c r="L2247" s="3"/>
    </row>
    <row r="2248" spans="1:12" ht="16.5" customHeight="1" x14ac:dyDescent="0.3">
      <c r="A2248" s="11"/>
      <c r="B2248" s="11"/>
      <c r="C2248" s="42"/>
      <c r="D2248" s="3"/>
      <c r="E2248" s="3"/>
      <c r="F2248" s="3"/>
      <c r="G2248" s="3"/>
      <c r="H2248" s="3"/>
      <c r="I2248" s="3"/>
      <c r="J2248" s="3"/>
      <c r="K2248" s="14"/>
      <c r="L2248" s="3"/>
    </row>
    <row r="2249" spans="1:12" ht="16.5" customHeight="1" x14ac:dyDescent="0.3">
      <c r="A2249" s="11"/>
      <c r="B2249" s="11"/>
      <c r="C2249" s="42"/>
      <c r="D2249" s="3"/>
      <c r="E2249" s="3"/>
      <c r="F2249" s="3"/>
      <c r="G2249" s="3"/>
      <c r="H2249" s="3"/>
      <c r="I2249" s="3"/>
      <c r="J2249" s="3"/>
      <c r="K2249" s="14"/>
      <c r="L2249" s="3"/>
    </row>
    <row r="2250" spans="1:12" ht="16.5" customHeight="1" x14ac:dyDescent="0.3">
      <c r="A2250" s="11"/>
      <c r="B2250" s="11"/>
      <c r="C2250" s="42"/>
      <c r="D2250" s="3"/>
      <c r="E2250" s="3"/>
      <c r="F2250" s="3"/>
      <c r="G2250" s="3"/>
      <c r="H2250" s="3"/>
      <c r="I2250" s="3"/>
      <c r="J2250" s="3"/>
      <c r="K2250" s="14"/>
      <c r="L2250" s="3"/>
    </row>
    <row r="2251" spans="1:12" ht="16.5" customHeight="1" x14ac:dyDescent="0.3">
      <c r="A2251" s="11"/>
      <c r="B2251" s="11"/>
      <c r="C2251" s="42"/>
      <c r="D2251" s="3"/>
      <c r="E2251" s="3"/>
      <c r="F2251" s="3"/>
      <c r="G2251" s="3"/>
      <c r="H2251" s="3"/>
      <c r="I2251" s="3"/>
      <c r="J2251" s="3"/>
      <c r="K2251" s="14"/>
      <c r="L2251" s="3"/>
    </row>
    <row r="2252" spans="1:12" ht="16.5" customHeight="1" x14ac:dyDescent="0.3">
      <c r="A2252" s="11"/>
      <c r="B2252" s="11"/>
      <c r="C2252" s="42"/>
      <c r="D2252" s="3"/>
      <c r="E2252" s="3"/>
      <c r="F2252" s="3"/>
      <c r="G2252" s="3"/>
      <c r="H2252" s="3"/>
      <c r="I2252" s="3"/>
      <c r="J2252" s="3"/>
      <c r="K2252" s="14"/>
      <c r="L2252" s="3"/>
    </row>
    <row r="2253" spans="1:12" ht="16.5" customHeight="1" x14ac:dyDescent="0.3">
      <c r="A2253" s="11"/>
      <c r="B2253" s="11"/>
      <c r="C2253" s="42"/>
      <c r="D2253" s="3"/>
      <c r="E2253" s="3"/>
      <c r="F2253" s="3"/>
      <c r="G2253" s="3"/>
      <c r="H2253" s="3"/>
      <c r="I2253" s="3"/>
      <c r="J2253" s="3"/>
      <c r="K2253" s="14"/>
      <c r="L2253" s="3"/>
    </row>
    <row r="2254" spans="1:12" ht="16.5" customHeight="1" x14ac:dyDescent="0.3">
      <c r="A2254" s="11"/>
      <c r="B2254" s="11"/>
      <c r="C2254" s="42"/>
      <c r="D2254" s="3"/>
      <c r="E2254" s="3"/>
      <c r="F2254" s="3"/>
      <c r="G2254" s="3"/>
      <c r="H2254" s="3"/>
      <c r="I2254" s="3"/>
      <c r="J2254" s="3"/>
      <c r="K2254" s="14"/>
      <c r="L2254" s="3"/>
    </row>
    <row r="2255" spans="1:12" ht="16.5" customHeight="1" x14ac:dyDescent="0.3">
      <c r="A2255" s="11"/>
      <c r="B2255" s="11"/>
      <c r="C2255" s="42"/>
      <c r="D2255" s="3"/>
      <c r="E2255" s="3"/>
      <c r="F2255" s="3"/>
      <c r="G2255" s="3"/>
      <c r="H2255" s="3"/>
      <c r="I2255" s="3"/>
      <c r="J2255" s="3"/>
      <c r="K2255" s="14"/>
      <c r="L2255" s="3"/>
    </row>
    <row r="2256" spans="1:12" ht="16.5" customHeight="1" x14ac:dyDescent="0.3">
      <c r="A2256" s="11"/>
      <c r="B2256" s="11"/>
      <c r="C2256" s="42"/>
      <c r="D2256" s="3"/>
      <c r="E2256" s="3"/>
      <c r="F2256" s="3"/>
      <c r="G2256" s="3"/>
      <c r="H2256" s="3"/>
      <c r="I2256" s="3"/>
      <c r="J2256" s="3"/>
      <c r="K2256" s="14"/>
      <c r="L2256" s="3"/>
    </row>
    <row r="2257" spans="1:12" ht="16.5" customHeight="1" x14ac:dyDescent="0.3">
      <c r="A2257" s="11"/>
      <c r="B2257" s="11"/>
      <c r="C2257" s="42"/>
      <c r="D2257" s="3"/>
      <c r="E2257" s="3"/>
      <c r="F2257" s="3"/>
      <c r="G2257" s="3"/>
      <c r="H2257" s="3"/>
      <c r="I2257" s="3"/>
      <c r="J2257" s="3"/>
      <c r="K2257" s="14"/>
      <c r="L2257" s="3"/>
    </row>
    <row r="2258" spans="1:12" ht="16.5" customHeight="1" x14ac:dyDescent="0.3">
      <c r="A2258" s="11"/>
      <c r="B2258" s="11"/>
      <c r="C2258" s="42"/>
      <c r="D2258" s="3"/>
      <c r="E2258" s="3"/>
      <c r="F2258" s="3"/>
      <c r="G2258" s="3"/>
      <c r="H2258" s="3"/>
      <c r="I2258" s="3"/>
      <c r="J2258" s="3"/>
      <c r="K2258" s="14"/>
      <c r="L2258" s="3"/>
    </row>
    <row r="2259" spans="1:12" ht="16.5" customHeight="1" x14ac:dyDescent="0.3">
      <c r="A2259" s="11"/>
      <c r="B2259" s="11"/>
      <c r="C2259" s="42"/>
      <c r="D2259" s="3"/>
      <c r="E2259" s="3"/>
      <c r="F2259" s="3"/>
      <c r="G2259" s="3"/>
      <c r="H2259" s="3"/>
      <c r="I2259" s="3"/>
      <c r="J2259" s="3"/>
      <c r="K2259" s="14"/>
      <c r="L2259" s="3"/>
    </row>
    <row r="2260" spans="1:12" ht="16.5" customHeight="1" x14ac:dyDescent="0.3">
      <c r="A2260" s="11"/>
      <c r="B2260" s="11"/>
      <c r="C2260" s="42"/>
      <c r="D2260" s="3"/>
      <c r="E2260" s="3"/>
      <c r="F2260" s="3"/>
      <c r="G2260" s="3"/>
      <c r="H2260" s="3"/>
      <c r="I2260" s="3"/>
      <c r="J2260" s="3"/>
      <c r="K2260" s="14"/>
      <c r="L2260" s="3"/>
    </row>
    <row r="2261" spans="1:12" ht="16.5" customHeight="1" x14ac:dyDescent="0.3">
      <c r="A2261" s="11"/>
      <c r="B2261" s="11"/>
      <c r="C2261" s="42"/>
      <c r="D2261" s="3"/>
      <c r="E2261" s="3"/>
      <c r="F2261" s="3"/>
      <c r="G2261" s="3"/>
      <c r="H2261" s="3"/>
      <c r="I2261" s="3"/>
      <c r="J2261" s="3"/>
      <c r="K2261" s="14"/>
      <c r="L2261" s="3"/>
    </row>
    <row r="2262" spans="1:12" ht="16.5" customHeight="1" x14ac:dyDescent="0.3">
      <c r="A2262" s="11"/>
      <c r="B2262" s="11"/>
      <c r="C2262" s="42"/>
      <c r="D2262" s="3"/>
      <c r="E2262" s="3"/>
      <c r="F2262" s="3"/>
      <c r="G2262" s="3"/>
      <c r="H2262" s="3"/>
      <c r="I2262" s="3"/>
      <c r="J2262" s="3"/>
      <c r="K2262" s="14"/>
      <c r="L2262" s="3"/>
    </row>
    <row r="2263" spans="1:12" ht="16.5" customHeight="1" x14ac:dyDescent="0.3">
      <c r="A2263" s="11"/>
      <c r="B2263" s="11"/>
      <c r="C2263" s="42"/>
      <c r="D2263" s="3"/>
      <c r="E2263" s="3"/>
      <c r="F2263" s="3"/>
      <c r="G2263" s="3"/>
      <c r="H2263" s="3"/>
      <c r="I2263" s="3"/>
      <c r="J2263" s="3"/>
      <c r="K2263" s="14"/>
      <c r="L2263" s="3"/>
    </row>
    <row r="2264" spans="1:12" ht="16.5" customHeight="1" x14ac:dyDescent="0.3">
      <c r="A2264" s="11"/>
      <c r="B2264" s="11"/>
      <c r="C2264" s="42"/>
      <c r="D2264" s="3"/>
      <c r="E2264" s="3"/>
      <c r="F2264" s="3"/>
      <c r="G2264" s="3"/>
      <c r="H2264" s="3"/>
      <c r="I2264" s="3"/>
      <c r="J2264" s="3"/>
      <c r="K2264" s="14"/>
      <c r="L2264" s="3"/>
    </row>
    <row r="2265" spans="1:12" ht="16.5" customHeight="1" x14ac:dyDescent="0.3">
      <c r="A2265" s="11"/>
      <c r="B2265" s="11"/>
      <c r="C2265" s="42"/>
      <c r="D2265" s="3"/>
      <c r="E2265" s="3"/>
      <c r="F2265" s="3"/>
      <c r="G2265" s="3"/>
      <c r="H2265" s="3"/>
      <c r="I2265" s="3"/>
      <c r="J2265" s="3"/>
      <c r="K2265" s="14"/>
      <c r="L2265" s="3"/>
    </row>
    <row r="2266" spans="1:12" ht="16.5" customHeight="1" x14ac:dyDescent="0.3">
      <c r="A2266" s="11"/>
      <c r="B2266" s="11"/>
      <c r="C2266" s="42"/>
      <c r="D2266" s="3"/>
      <c r="E2266" s="3"/>
      <c r="F2266" s="3"/>
      <c r="G2266" s="3"/>
      <c r="H2266" s="3"/>
      <c r="I2266" s="3"/>
      <c r="J2266" s="3"/>
      <c r="K2266" s="14"/>
      <c r="L2266" s="3"/>
    </row>
    <row r="2267" spans="1:12" ht="16.5" customHeight="1" x14ac:dyDescent="0.3">
      <c r="A2267" s="11"/>
      <c r="B2267" s="11"/>
      <c r="C2267" s="42"/>
      <c r="D2267" s="3"/>
      <c r="E2267" s="3"/>
      <c r="F2267" s="3"/>
      <c r="G2267" s="3"/>
      <c r="H2267" s="3"/>
      <c r="I2267" s="3"/>
      <c r="J2267" s="3"/>
      <c r="K2267" s="14"/>
      <c r="L2267" s="3"/>
    </row>
    <row r="2268" spans="1:12" ht="16.5" customHeight="1" x14ac:dyDescent="0.3">
      <c r="A2268" s="11"/>
      <c r="B2268" s="11"/>
      <c r="C2268" s="42"/>
      <c r="D2268" s="3"/>
      <c r="E2268" s="3"/>
      <c r="F2268" s="3"/>
      <c r="G2268" s="3"/>
      <c r="H2268" s="3"/>
      <c r="I2268" s="3"/>
      <c r="J2268" s="3"/>
      <c r="K2268" s="14"/>
      <c r="L2268" s="3"/>
    </row>
    <row r="2269" spans="1:12" ht="16.5" customHeight="1" x14ac:dyDescent="0.3">
      <c r="A2269" s="11"/>
      <c r="B2269" s="11"/>
      <c r="C2269" s="42"/>
      <c r="D2269" s="3"/>
      <c r="E2269" s="3"/>
      <c r="F2269" s="3"/>
      <c r="G2269" s="3"/>
      <c r="H2269" s="3"/>
      <c r="I2269" s="3"/>
      <c r="J2269" s="3"/>
      <c r="K2269" s="14"/>
      <c r="L2269" s="3"/>
    </row>
    <row r="2270" spans="1:12" ht="16.5" customHeight="1" x14ac:dyDescent="0.3">
      <c r="A2270" s="11"/>
      <c r="B2270" s="11"/>
      <c r="C2270" s="42"/>
      <c r="D2270" s="3"/>
      <c r="E2270" s="3"/>
      <c r="F2270" s="3"/>
      <c r="G2270" s="3"/>
      <c r="H2270" s="3"/>
      <c r="I2270" s="3"/>
      <c r="J2270" s="3"/>
      <c r="K2270" s="14"/>
      <c r="L2270" s="3"/>
    </row>
    <row r="2271" spans="1:12" ht="16.5" customHeight="1" x14ac:dyDescent="0.3">
      <c r="A2271" s="11"/>
      <c r="B2271" s="11"/>
      <c r="C2271" s="42"/>
      <c r="D2271" s="3"/>
      <c r="E2271" s="3"/>
      <c r="F2271" s="3"/>
      <c r="G2271" s="3"/>
      <c r="H2271" s="3"/>
      <c r="I2271" s="3"/>
      <c r="J2271" s="3"/>
      <c r="K2271" s="14"/>
      <c r="L2271" s="3"/>
    </row>
    <row r="2272" spans="1:12" ht="16.5" customHeight="1" x14ac:dyDescent="0.3">
      <c r="A2272" s="11"/>
      <c r="B2272" s="11"/>
      <c r="C2272" s="42"/>
      <c r="D2272" s="3"/>
      <c r="E2272" s="3"/>
      <c r="F2272" s="3"/>
      <c r="G2272" s="3"/>
      <c r="H2272" s="3"/>
      <c r="I2272" s="3"/>
      <c r="J2272" s="3"/>
      <c r="K2272" s="14"/>
      <c r="L2272" s="3"/>
    </row>
    <row r="2273" spans="1:12" ht="16.5" customHeight="1" x14ac:dyDescent="0.3">
      <c r="A2273" s="11"/>
      <c r="B2273" s="11"/>
      <c r="C2273" s="42"/>
      <c r="D2273" s="3"/>
      <c r="E2273" s="3"/>
      <c r="F2273" s="3"/>
      <c r="G2273" s="3"/>
      <c r="H2273" s="3"/>
      <c r="I2273" s="3"/>
      <c r="J2273" s="3"/>
      <c r="K2273" s="14"/>
      <c r="L2273" s="3"/>
    </row>
    <row r="2274" spans="1:12" ht="16.5" customHeight="1" x14ac:dyDescent="0.3">
      <c r="A2274" s="11"/>
      <c r="B2274" s="11"/>
      <c r="C2274" s="42"/>
      <c r="D2274" s="3"/>
      <c r="E2274" s="3"/>
      <c r="F2274" s="3"/>
      <c r="G2274" s="3"/>
      <c r="H2274" s="3"/>
      <c r="I2274" s="3"/>
      <c r="J2274" s="3"/>
      <c r="K2274" s="14"/>
      <c r="L2274" s="3"/>
    </row>
    <row r="2275" spans="1:12" ht="16.5" customHeight="1" x14ac:dyDescent="0.3">
      <c r="A2275" s="11"/>
      <c r="B2275" s="11"/>
      <c r="C2275" s="42"/>
      <c r="D2275" s="3"/>
      <c r="E2275" s="3"/>
      <c r="F2275" s="3"/>
      <c r="G2275" s="3"/>
      <c r="H2275" s="3"/>
      <c r="I2275" s="3"/>
      <c r="J2275" s="3"/>
      <c r="K2275" s="14"/>
      <c r="L2275" s="3"/>
    </row>
    <row r="2276" spans="1:12" ht="16.5" customHeight="1" x14ac:dyDescent="0.3">
      <c r="A2276" s="11"/>
      <c r="B2276" s="11"/>
      <c r="C2276" s="42"/>
      <c r="D2276" s="3"/>
      <c r="E2276" s="3"/>
      <c r="F2276" s="3"/>
      <c r="G2276" s="3"/>
      <c r="H2276" s="3"/>
      <c r="I2276" s="3"/>
      <c r="J2276" s="3"/>
      <c r="K2276" s="14"/>
      <c r="L2276" s="3"/>
    </row>
    <row r="2277" spans="1:12" ht="16.5" customHeight="1" x14ac:dyDescent="0.3">
      <c r="A2277" s="11"/>
      <c r="B2277" s="11"/>
      <c r="C2277" s="42"/>
      <c r="D2277" s="3"/>
      <c r="E2277" s="3"/>
      <c r="F2277" s="3"/>
      <c r="G2277" s="3"/>
      <c r="H2277" s="3"/>
      <c r="I2277" s="3"/>
      <c r="J2277" s="3"/>
      <c r="K2277" s="14"/>
      <c r="L2277" s="3"/>
    </row>
    <row r="2278" spans="1:12" ht="16.5" customHeight="1" x14ac:dyDescent="0.3">
      <c r="A2278" s="11"/>
      <c r="B2278" s="11"/>
      <c r="C2278" s="42"/>
      <c r="D2278" s="3"/>
      <c r="E2278" s="3"/>
      <c r="F2278" s="3"/>
      <c r="G2278" s="3"/>
      <c r="H2278" s="3"/>
      <c r="I2278" s="3"/>
      <c r="J2278" s="3"/>
      <c r="K2278" s="14"/>
      <c r="L2278" s="3"/>
    </row>
    <row r="2279" spans="1:12" ht="16.5" customHeight="1" x14ac:dyDescent="0.3">
      <c r="A2279" s="11"/>
      <c r="B2279" s="11"/>
      <c r="C2279" s="42"/>
      <c r="D2279" s="3"/>
      <c r="E2279" s="3"/>
      <c r="F2279" s="3"/>
      <c r="G2279" s="3"/>
      <c r="H2279" s="3"/>
      <c r="I2279" s="3"/>
      <c r="J2279" s="3"/>
      <c r="K2279" s="14"/>
      <c r="L2279" s="3"/>
    </row>
    <row r="2280" spans="1:12" ht="16.5" customHeight="1" x14ac:dyDescent="0.3">
      <c r="A2280" s="11"/>
      <c r="B2280" s="11"/>
      <c r="C2280" s="42"/>
      <c r="D2280" s="3"/>
      <c r="E2280" s="3"/>
      <c r="F2280" s="3"/>
      <c r="G2280" s="3"/>
      <c r="H2280" s="3"/>
      <c r="I2280" s="3"/>
      <c r="J2280" s="3"/>
      <c r="K2280" s="14"/>
      <c r="L2280" s="3"/>
    </row>
    <row r="2281" spans="1:12" ht="16.5" customHeight="1" x14ac:dyDescent="0.3">
      <c r="A2281" s="11"/>
      <c r="B2281" s="11"/>
      <c r="C2281" s="42"/>
      <c r="D2281" s="3"/>
      <c r="E2281" s="3"/>
      <c r="F2281" s="3"/>
      <c r="G2281" s="3"/>
      <c r="H2281" s="3"/>
      <c r="I2281" s="3"/>
      <c r="J2281" s="3"/>
      <c r="K2281" s="14"/>
      <c r="L2281" s="3"/>
    </row>
    <row r="2282" spans="1:12" ht="16.5" customHeight="1" x14ac:dyDescent="0.3">
      <c r="A2282" s="11"/>
      <c r="B2282" s="11"/>
      <c r="C2282" s="42"/>
      <c r="D2282" s="3"/>
      <c r="E2282" s="3"/>
      <c r="F2282" s="3"/>
      <c r="G2282" s="3"/>
      <c r="H2282" s="3"/>
      <c r="I2282" s="3"/>
      <c r="J2282" s="3"/>
      <c r="K2282" s="14"/>
      <c r="L2282" s="3"/>
    </row>
    <row r="2283" spans="1:12" ht="16.5" customHeight="1" x14ac:dyDescent="0.3">
      <c r="A2283" s="11"/>
      <c r="B2283" s="11"/>
      <c r="C2283" s="42"/>
      <c r="D2283" s="3"/>
      <c r="E2283" s="3"/>
      <c r="F2283" s="3"/>
      <c r="G2283" s="3"/>
      <c r="H2283" s="3"/>
      <c r="I2283" s="3"/>
      <c r="J2283" s="3"/>
      <c r="K2283" s="14"/>
      <c r="L2283" s="3"/>
    </row>
    <row r="2284" spans="1:12" ht="16.5" customHeight="1" x14ac:dyDescent="0.3">
      <c r="A2284" s="11"/>
      <c r="B2284" s="11"/>
      <c r="C2284" s="42"/>
      <c r="D2284" s="3"/>
      <c r="E2284" s="3"/>
      <c r="F2284" s="3"/>
      <c r="G2284" s="3"/>
      <c r="H2284" s="3"/>
      <c r="I2284" s="3"/>
      <c r="J2284" s="3"/>
      <c r="K2284" s="14"/>
      <c r="L2284" s="3"/>
    </row>
    <row r="2285" spans="1:12" ht="16.5" customHeight="1" x14ac:dyDescent="0.3">
      <c r="A2285" s="11"/>
      <c r="B2285" s="11"/>
      <c r="C2285" s="42"/>
      <c r="D2285" s="3"/>
      <c r="E2285" s="3"/>
      <c r="F2285" s="3"/>
      <c r="G2285" s="3"/>
      <c r="H2285" s="3"/>
      <c r="I2285" s="3"/>
      <c r="J2285" s="3"/>
      <c r="K2285" s="14"/>
      <c r="L2285" s="3"/>
    </row>
    <row r="2286" spans="1:12" ht="16.5" customHeight="1" x14ac:dyDescent="0.3">
      <c r="A2286" s="11"/>
      <c r="B2286" s="11"/>
      <c r="C2286" s="42"/>
      <c r="D2286" s="3"/>
      <c r="E2286" s="3"/>
      <c r="F2286" s="3"/>
      <c r="G2286" s="3"/>
      <c r="H2286" s="3"/>
      <c r="I2286" s="3"/>
      <c r="J2286" s="3"/>
      <c r="K2286" s="14"/>
      <c r="L2286" s="3"/>
    </row>
    <row r="2287" spans="1:12" ht="16.5" customHeight="1" x14ac:dyDescent="0.3">
      <c r="A2287" s="11"/>
      <c r="B2287" s="11"/>
      <c r="C2287" s="42"/>
      <c r="D2287" s="3"/>
      <c r="E2287" s="3"/>
      <c r="F2287" s="3"/>
      <c r="G2287" s="3"/>
      <c r="H2287" s="3"/>
      <c r="I2287" s="3"/>
      <c r="J2287" s="3"/>
      <c r="K2287" s="14"/>
      <c r="L2287" s="3"/>
    </row>
    <row r="2288" spans="1:12" ht="16.5" customHeight="1" x14ac:dyDescent="0.3">
      <c r="A2288" s="11"/>
      <c r="B2288" s="11"/>
      <c r="C2288" s="42"/>
      <c r="D2288" s="3"/>
      <c r="E2288" s="3"/>
      <c r="F2288" s="3"/>
      <c r="G2288" s="3"/>
      <c r="H2288" s="3"/>
      <c r="I2288" s="3"/>
      <c r="J2288" s="3"/>
      <c r="K2288" s="14"/>
      <c r="L2288" s="3"/>
    </row>
    <row r="2289" spans="1:12" ht="16.5" customHeight="1" x14ac:dyDescent="0.3">
      <c r="A2289" s="11"/>
      <c r="B2289" s="11"/>
      <c r="C2289" s="42"/>
      <c r="D2289" s="3"/>
      <c r="E2289" s="3"/>
      <c r="F2289" s="3"/>
      <c r="G2289" s="3"/>
      <c r="H2289" s="3"/>
      <c r="I2289" s="3"/>
      <c r="J2289" s="3"/>
      <c r="K2289" s="14"/>
      <c r="L2289" s="3"/>
    </row>
    <row r="2290" spans="1:12" ht="16.5" customHeight="1" x14ac:dyDescent="0.3">
      <c r="A2290" s="11"/>
      <c r="B2290" s="11"/>
      <c r="C2290" s="42"/>
      <c r="D2290" s="3"/>
      <c r="E2290" s="3"/>
      <c r="F2290" s="3"/>
      <c r="G2290" s="3"/>
      <c r="H2290" s="3"/>
      <c r="I2290" s="3"/>
      <c r="J2290" s="3"/>
      <c r="K2290" s="14"/>
      <c r="L2290" s="3"/>
    </row>
    <row r="2291" spans="1:12" ht="16.5" customHeight="1" x14ac:dyDescent="0.3">
      <c r="A2291" s="11"/>
      <c r="B2291" s="11"/>
      <c r="C2291" s="42"/>
      <c r="D2291" s="3"/>
      <c r="E2291" s="3"/>
      <c r="F2291" s="3"/>
      <c r="G2291" s="3"/>
      <c r="H2291" s="3"/>
      <c r="I2291" s="3"/>
      <c r="J2291" s="3"/>
      <c r="K2291" s="14"/>
      <c r="L2291" s="3"/>
    </row>
    <row r="2292" spans="1:12" ht="16.5" customHeight="1" x14ac:dyDescent="0.3">
      <c r="A2292" s="11"/>
      <c r="B2292" s="11"/>
      <c r="C2292" s="42"/>
      <c r="D2292" s="3"/>
      <c r="E2292" s="3"/>
      <c r="F2292" s="3"/>
      <c r="G2292" s="3"/>
      <c r="H2292" s="3"/>
      <c r="I2292" s="3"/>
      <c r="J2292" s="3"/>
      <c r="K2292" s="14"/>
      <c r="L2292" s="3"/>
    </row>
    <row r="2293" spans="1:12" ht="16.5" customHeight="1" x14ac:dyDescent="0.3">
      <c r="A2293" s="11"/>
      <c r="B2293" s="11"/>
      <c r="C2293" s="42"/>
      <c r="D2293" s="3"/>
      <c r="E2293" s="3"/>
      <c r="F2293" s="3"/>
      <c r="G2293" s="3"/>
      <c r="H2293" s="3"/>
      <c r="I2293" s="3"/>
      <c r="J2293" s="3"/>
      <c r="K2293" s="14"/>
      <c r="L2293" s="3"/>
    </row>
    <row r="2294" spans="1:12" ht="16.5" customHeight="1" x14ac:dyDescent="0.3">
      <c r="A2294" s="11"/>
      <c r="B2294" s="11"/>
      <c r="C2294" s="42"/>
      <c r="D2294" s="3"/>
      <c r="E2294" s="3"/>
      <c r="F2294" s="3"/>
      <c r="G2294" s="3"/>
      <c r="H2294" s="3"/>
      <c r="I2294" s="3"/>
      <c r="J2294" s="3"/>
      <c r="K2294" s="14"/>
      <c r="L2294" s="3"/>
    </row>
    <row r="2295" spans="1:12" ht="16.5" customHeight="1" x14ac:dyDescent="0.3">
      <c r="A2295" s="11"/>
      <c r="B2295" s="11"/>
      <c r="C2295" s="42"/>
      <c r="D2295" s="3"/>
      <c r="E2295" s="3"/>
      <c r="F2295" s="3"/>
      <c r="G2295" s="3"/>
      <c r="H2295" s="3"/>
      <c r="I2295" s="3"/>
      <c r="J2295" s="3"/>
      <c r="K2295" s="14"/>
      <c r="L2295" s="3"/>
    </row>
    <row r="2296" spans="1:12" ht="16.5" customHeight="1" x14ac:dyDescent="0.3">
      <c r="A2296" s="11"/>
      <c r="B2296" s="11"/>
      <c r="C2296" s="42"/>
      <c r="D2296" s="3"/>
      <c r="E2296" s="3"/>
      <c r="F2296" s="3"/>
      <c r="G2296" s="3"/>
      <c r="H2296" s="3"/>
      <c r="I2296" s="3"/>
      <c r="J2296" s="3"/>
      <c r="K2296" s="14"/>
      <c r="L2296" s="3"/>
    </row>
    <row r="2297" spans="1:12" ht="16.5" customHeight="1" x14ac:dyDescent="0.3">
      <c r="A2297" s="11"/>
      <c r="B2297" s="11"/>
      <c r="C2297" s="42"/>
      <c r="D2297" s="3"/>
      <c r="E2297" s="3"/>
      <c r="F2297" s="3"/>
      <c r="G2297" s="3"/>
      <c r="H2297" s="3"/>
      <c r="I2297" s="3"/>
      <c r="J2297" s="3"/>
      <c r="K2297" s="14"/>
      <c r="L2297" s="3"/>
    </row>
    <row r="2298" spans="1:12" ht="16.5" customHeight="1" x14ac:dyDescent="0.3">
      <c r="A2298" s="11"/>
      <c r="B2298" s="11"/>
      <c r="C2298" s="42"/>
      <c r="D2298" s="3"/>
      <c r="E2298" s="3"/>
      <c r="F2298" s="3"/>
      <c r="G2298" s="3"/>
      <c r="H2298" s="3"/>
      <c r="I2298" s="3"/>
      <c r="J2298" s="3"/>
      <c r="K2298" s="14"/>
      <c r="L2298" s="3"/>
    </row>
    <row r="2299" spans="1:12" ht="16.5" customHeight="1" x14ac:dyDescent="0.3">
      <c r="A2299" s="11"/>
      <c r="B2299" s="11"/>
      <c r="C2299" s="42"/>
      <c r="D2299" s="3"/>
      <c r="E2299" s="3"/>
      <c r="F2299" s="3"/>
      <c r="G2299" s="3"/>
      <c r="H2299" s="3"/>
      <c r="I2299" s="3"/>
      <c r="J2299" s="3"/>
      <c r="K2299" s="14"/>
      <c r="L2299" s="3"/>
    </row>
    <row r="2300" spans="1:12" ht="16.5" customHeight="1" x14ac:dyDescent="0.3">
      <c r="A2300" s="11"/>
      <c r="B2300" s="11"/>
      <c r="C2300" s="42"/>
      <c r="D2300" s="3"/>
      <c r="E2300" s="3"/>
      <c r="F2300" s="3"/>
      <c r="G2300" s="3"/>
      <c r="H2300" s="3"/>
      <c r="I2300" s="3"/>
      <c r="J2300" s="3"/>
      <c r="K2300" s="14"/>
      <c r="L2300" s="3"/>
    </row>
    <row r="2301" spans="1:12" ht="16.5" customHeight="1" x14ac:dyDescent="0.3">
      <c r="A2301" s="11"/>
      <c r="B2301" s="11"/>
      <c r="C2301" s="42"/>
      <c r="D2301" s="3"/>
      <c r="E2301" s="3"/>
      <c r="F2301" s="3"/>
      <c r="G2301" s="3"/>
      <c r="H2301" s="3"/>
      <c r="I2301" s="3"/>
      <c r="J2301" s="3"/>
      <c r="K2301" s="14"/>
      <c r="L2301" s="3"/>
    </row>
    <row r="2302" spans="1:12" ht="16.5" customHeight="1" x14ac:dyDescent="0.3">
      <c r="A2302" s="11"/>
      <c r="B2302" s="11"/>
      <c r="C2302" s="42"/>
      <c r="D2302" s="3"/>
      <c r="E2302" s="3"/>
      <c r="F2302" s="3"/>
      <c r="G2302" s="3"/>
      <c r="H2302" s="3"/>
      <c r="I2302" s="3"/>
      <c r="J2302" s="3"/>
      <c r="K2302" s="14"/>
      <c r="L2302" s="3"/>
    </row>
    <row r="2303" spans="1:12" ht="16.5" customHeight="1" x14ac:dyDescent="0.3">
      <c r="A2303" s="11"/>
      <c r="B2303" s="11"/>
      <c r="C2303" s="42"/>
      <c r="D2303" s="3"/>
      <c r="E2303" s="3"/>
      <c r="F2303" s="3"/>
      <c r="G2303" s="3"/>
      <c r="H2303" s="3"/>
      <c r="I2303" s="3"/>
      <c r="J2303" s="3"/>
      <c r="K2303" s="14"/>
      <c r="L2303" s="3"/>
    </row>
    <row r="2304" spans="1:12" ht="16.5" customHeight="1" x14ac:dyDescent="0.3">
      <c r="A2304" s="11"/>
      <c r="B2304" s="11"/>
      <c r="C2304" s="42"/>
      <c r="D2304" s="3"/>
      <c r="E2304" s="3"/>
      <c r="F2304" s="3"/>
      <c r="G2304" s="3"/>
      <c r="H2304" s="3"/>
      <c r="I2304" s="3"/>
      <c r="J2304" s="3"/>
      <c r="K2304" s="14"/>
      <c r="L2304" s="3"/>
    </row>
    <row r="2305" spans="1:12" ht="16.5" customHeight="1" x14ac:dyDescent="0.3">
      <c r="A2305" s="11"/>
      <c r="B2305" s="11"/>
      <c r="C2305" s="42"/>
      <c r="D2305" s="3"/>
      <c r="E2305" s="3"/>
      <c r="F2305" s="3"/>
      <c r="G2305" s="3"/>
      <c r="H2305" s="3"/>
      <c r="I2305" s="3"/>
      <c r="J2305" s="3"/>
      <c r="K2305" s="14"/>
      <c r="L2305" s="3"/>
    </row>
    <row r="2306" spans="1:12" ht="16.5" customHeight="1" x14ac:dyDescent="0.3">
      <c r="A2306" s="11"/>
      <c r="B2306" s="11"/>
      <c r="C2306" s="42"/>
      <c r="D2306" s="3"/>
      <c r="E2306" s="3"/>
      <c r="F2306" s="3"/>
      <c r="G2306" s="3"/>
      <c r="H2306" s="3"/>
      <c r="I2306" s="3"/>
      <c r="J2306" s="3"/>
      <c r="K2306" s="14"/>
      <c r="L2306" s="3"/>
    </row>
    <row r="2307" spans="1:12" ht="16.5" customHeight="1" x14ac:dyDescent="0.3">
      <c r="A2307" s="11"/>
      <c r="B2307" s="11"/>
      <c r="C2307" s="42"/>
      <c r="D2307" s="3"/>
      <c r="E2307" s="3"/>
      <c r="F2307" s="3"/>
      <c r="G2307" s="3"/>
      <c r="H2307" s="3"/>
      <c r="I2307" s="3"/>
      <c r="J2307" s="3"/>
      <c r="K2307" s="14"/>
      <c r="L2307" s="3"/>
    </row>
    <row r="2308" spans="1:12" ht="16.5" customHeight="1" x14ac:dyDescent="0.3">
      <c r="A2308" s="11"/>
      <c r="B2308" s="11"/>
      <c r="C2308" s="42"/>
      <c r="D2308" s="3"/>
      <c r="E2308" s="3"/>
      <c r="F2308" s="3"/>
      <c r="G2308" s="3"/>
      <c r="H2308" s="3"/>
      <c r="I2308" s="3"/>
      <c r="J2308" s="3"/>
      <c r="K2308" s="14"/>
      <c r="L2308" s="3"/>
    </row>
    <row r="2309" spans="1:12" ht="16.5" customHeight="1" x14ac:dyDescent="0.3">
      <c r="A2309" s="11"/>
      <c r="B2309" s="11"/>
      <c r="C2309" s="42"/>
      <c r="D2309" s="3"/>
      <c r="E2309" s="3"/>
      <c r="F2309" s="3"/>
      <c r="G2309" s="3"/>
      <c r="H2309" s="3"/>
      <c r="I2309" s="3"/>
      <c r="J2309" s="3"/>
      <c r="K2309" s="14"/>
      <c r="L2309" s="3"/>
    </row>
    <row r="2310" spans="1:12" ht="16.5" customHeight="1" x14ac:dyDescent="0.3">
      <c r="A2310" s="11"/>
      <c r="B2310" s="11"/>
      <c r="C2310" s="42"/>
      <c r="D2310" s="3"/>
      <c r="E2310" s="3"/>
      <c r="F2310" s="3"/>
      <c r="G2310" s="3"/>
      <c r="H2310" s="3"/>
      <c r="I2310" s="3"/>
      <c r="J2310" s="3"/>
      <c r="K2310" s="14"/>
      <c r="L2310" s="3"/>
    </row>
    <row r="2311" spans="1:12" ht="16.5" customHeight="1" x14ac:dyDescent="0.3">
      <c r="A2311" s="11"/>
      <c r="B2311" s="11"/>
      <c r="C2311" s="42"/>
      <c r="D2311" s="3"/>
      <c r="E2311" s="3"/>
      <c r="F2311" s="3"/>
      <c r="G2311" s="3"/>
      <c r="H2311" s="3"/>
      <c r="I2311" s="3"/>
      <c r="J2311" s="3"/>
      <c r="K2311" s="14"/>
      <c r="L2311" s="3"/>
    </row>
    <row r="2312" spans="1:12" ht="16.5" customHeight="1" x14ac:dyDescent="0.3">
      <c r="A2312" s="11"/>
      <c r="B2312" s="11"/>
      <c r="C2312" s="42"/>
      <c r="D2312" s="3"/>
      <c r="E2312" s="3"/>
      <c r="F2312" s="3"/>
      <c r="G2312" s="3"/>
      <c r="H2312" s="3"/>
      <c r="I2312" s="3"/>
      <c r="J2312" s="3"/>
      <c r="K2312" s="14"/>
      <c r="L2312" s="3"/>
    </row>
    <row r="2313" spans="1:12" ht="16.5" customHeight="1" x14ac:dyDescent="0.3">
      <c r="A2313" s="11"/>
      <c r="B2313" s="11"/>
      <c r="C2313" s="42"/>
      <c r="D2313" s="3"/>
      <c r="E2313" s="3"/>
      <c r="F2313" s="3"/>
      <c r="G2313" s="3"/>
      <c r="H2313" s="3"/>
      <c r="I2313" s="3"/>
      <c r="J2313" s="3"/>
      <c r="K2313" s="14"/>
      <c r="L2313" s="3"/>
    </row>
    <row r="2314" spans="1:12" ht="16.5" customHeight="1" x14ac:dyDescent="0.3">
      <c r="A2314" s="11"/>
      <c r="B2314" s="11"/>
      <c r="C2314" s="42"/>
      <c r="D2314" s="3"/>
      <c r="E2314" s="3"/>
      <c r="F2314" s="3"/>
      <c r="G2314" s="3"/>
      <c r="H2314" s="3"/>
      <c r="I2314" s="3"/>
      <c r="J2314" s="3"/>
      <c r="K2314" s="14"/>
      <c r="L2314" s="3"/>
    </row>
    <row r="2315" spans="1:12" ht="16.5" customHeight="1" x14ac:dyDescent="0.3">
      <c r="A2315" s="11"/>
      <c r="B2315" s="11"/>
      <c r="C2315" s="42"/>
      <c r="D2315" s="3"/>
      <c r="E2315" s="3"/>
      <c r="F2315" s="3"/>
      <c r="G2315" s="3"/>
      <c r="H2315" s="3"/>
      <c r="I2315" s="3"/>
      <c r="J2315" s="3"/>
      <c r="K2315" s="14"/>
      <c r="L2315" s="3"/>
    </row>
    <row r="2316" spans="1:12" ht="16.5" customHeight="1" x14ac:dyDescent="0.3">
      <c r="A2316" s="11"/>
      <c r="B2316" s="11"/>
      <c r="C2316" s="42"/>
      <c r="D2316" s="3"/>
      <c r="E2316" s="3"/>
      <c r="F2316" s="3"/>
      <c r="G2316" s="3"/>
      <c r="H2316" s="3"/>
      <c r="I2316" s="3"/>
      <c r="J2316" s="3"/>
      <c r="K2316" s="14"/>
      <c r="L2316" s="3"/>
    </row>
    <row r="2317" spans="1:12" ht="16.5" customHeight="1" x14ac:dyDescent="0.3">
      <c r="A2317" s="11"/>
      <c r="B2317" s="11"/>
      <c r="C2317" s="42"/>
      <c r="D2317" s="3"/>
      <c r="E2317" s="3"/>
      <c r="F2317" s="3"/>
      <c r="G2317" s="3"/>
      <c r="H2317" s="3"/>
      <c r="I2317" s="3"/>
      <c r="J2317" s="3"/>
      <c r="K2317" s="14"/>
      <c r="L2317" s="3"/>
    </row>
    <row r="2318" spans="1:12" ht="16.5" customHeight="1" x14ac:dyDescent="0.3">
      <c r="A2318" s="11"/>
      <c r="B2318" s="11"/>
      <c r="C2318" s="42"/>
      <c r="D2318" s="3"/>
      <c r="E2318" s="3"/>
      <c r="F2318" s="3"/>
      <c r="G2318" s="3"/>
      <c r="H2318" s="3"/>
      <c r="I2318" s="3"/>
      <c r="J2318" s="3"/>
      <c r="K2318" s="14"/>
      <c r="L2318" s="3"/>
    </row>
    <row r="2319" spans="1:12" ht="16.5" customHeight="1" x14ac:dyDescent="0.3">
      <c r="A2319" s="11"/>
      <c r="B2319" s="11"/>
      <c r="C2319" s="42"/>
      <c r="D2319" s="3"/>
      <c r="E2319" s="3"/>
      <c r="F2319" s="3"/>
      <c r="G2319" s="3"/>
      <c r="H2319" s="3"/>
      <c r="I2319" s="3"/>
      <c r="J2319" s="3"/>
      <c r="K2319" s="14"/>
      <c r="L2319" s="3"/>
    </row>
    <row r="2320" spans="1:12" ht="16.5" customHeight="1" x14ac:dyDescent="0.3">
      <c r="A2320" s="11"/>
      <c r="B2320" s="11"/>
      <c r="C2320" s="42"/>
      <c r="D2320" s="3"/>
      <c r="E2320" s="3"/>
      <c r="F2320" s="3"/>
      <c r="G2320" s="3"/>
      <c r="H2320" s="3"/>
      <c r="I2320" s="3"/>
      <c r="J2320" s="3"/>
      <c r="K2320" s="14"/>
      <c r="L2320" s="3"/>
    </row>
    <row r="2321" spans="1:12" ht="16.5" customHeight="1" x14ac:dyDescent="0.3">
      <c r="A2321" s="11"/>
      <c r="B2321" s="11"/>
      <c r="C2321" s="42"/>
      <c r="D2321" s="3"/>
      <c r="E2321" s="3"/>
      <c r="F2321" s="3"/>
      <c r="G2321" s="3"/>
      <c r="H2321" s="3"/>
      <c r="I2321" s="3"/>
      <c r="J2321" s="3"/>
      <c r="K2321" s="14"/>
      <c r="L2321" s="3"/>
    </row>
    <row r="2322" spans="1:12" ht="16.5" customHeight="1" x14ac:dyDescent="0.3">
      <c r="A2322" s="11"/>
      <c r="B2322" s="11"/>
      <c r="C2322" s="42"/>
      <c r="D2322" s="3"/>
      <c r="E2322" s="3"/>
      <c r="F2322" s="3"/>
      <c r="G2322" s="3"/>
      <c r="H2322" s="3"/>
      <c r="I2322" s="3"/>
      <c r="J2322" s="3"/>
      <c r="K2322" s="14"/>
      <c r="L2322" s="3"/>
    </row>
    <row r="2323" spans="1:12" ht="16.5" customHeight="1" x14ac:dyDescent="0.3">
      <c r="A2323" s="11"/>
      <c r="B2323" s="11"/>
      <c r="C2323" s="42"/>
      <c r="D2323" s="3"/>
      <c r="E2323" s="3"/>
      <c r="F2323" s="3"/>
      <c r="G2323" s="3"/>
      <c r="H2323" s="3"/>
      <c r="I2323" s="3"/>
      <c r="J2323" s="3"/>
      <c r="K2323" s="14"/>
      <c r="L2323" s="3"/>
    </row>
    <row r="2324" spans="1:12" ht="16.5" customHeight="1" x14ac:dyDescent="0.3">
      <c r="A2324" s="11"/>
      <c r="B2324" s="11"/>
      <c r="C2324" s="42"/>
      <c r="D2324" s="3"/>
      <c r="E2324" s="3"/>
      <c r="F2324" s="3"/>
      <c r="G2324" s="3"/>
      <c r="H2324" s="3"/>
      <c r="I2324" s="3"/>
      <c r="J2324" s="3"/>
      <c r="K2324" s="14"/>
      <c r="L2324" s="3"/>
    </row>
    <row r="2325" spans="1:12" ht="16.5" customHeight="1" x14ac:dyDescent="0.3">
      <c r="A2325" s="11"/>
      <c r="B2325" s="11"/>
      <c r="C2325" s="42"/>
      <c r="D2325" s="3"/>
      <c r="E2325" s="3"/>
      <c r="F2325" s="3"/>
      <c r="G2325" s="3"/>
      <c r="H2325" s="3"/>
      <c r="I2325" s="3"/>
      <c r="J2325" s="3"/>
      <c r="K2325" s="14"/>
      <c r="L2325" s="3"/>
    </row>
    <row r="2326" spans="1:12" ht="16.5" customHeight="1" x14ac:dyDescent="0.3">
      <c r="A2326" s="11"/>
      <c r="B2326" s="11"/>
      <c r="C2326" s="42"/>
      <c r="D2326" s="3"/>
      <c r="E2326" s="3"/>
      <c r="F2326" s="3"/>
      <c r="G2326" s="3"/>
      <c r="H2326" s="3"/>
      <c r="I2326" s="3"/>
      <c r="J2326" s="3"/>
      <c r="K2326" s="14"/>
      <c r="L2326" s="3"/>
    </row>
    <row r="2327" spans="1:12" ht="16.5" customHeight="1" x14ac:dyDescent="0.3">
      <c r="A2327" s="11"/>
      <c r="B2327" s="11"/>
      <c r="C2327" s="42"/>
      <c r="D2327" s="3"/>
      <c r="E2327" s="3"/>
      <c r="F2327" s="3"/>
      <c r="G2327" s="3"/>
      <c r="H2327" s="3"/>
      <c r="I2327" s="3"/>
      <c r="J2327" s="3"/>
      <c r="K2327" s="14"/>
      <c r="L2327" s="3"/>
    </row>
    <row r="2328" spans="1:12" ht="16.5" customHeight="1" x14ac:dyDescent="0.3">
      <c r="A2328" s="11"/>
      <c r="B2328" s="11"/>
      <c r="C2328" s="42"/>
      <c r="D2328" s="3"/>
      <c r="E2328" s="3"/>
      <c r="F2328" s="3"/>
      <c r="G2328" s="3"/>
      <c r="H2328" s="3"/>
      <c r="I2328" s="3"/>
      <c r="J2328" s="3"/>
      <c r="K2328" s="14"/>
      <c r="L2328" s="3"/>
    </row>
    <row r="2329" spans="1:12" ht="16.5" customHeight="1" x14ac:dyDescent="0.3">
      <c r="A2329" s="11"/>
      <c r="B2329" s="11"/>
      <c r="C2329" s="42"/>
      <c r="D2329" s="3"/>
      <c r="E2329" s="3"/>
      <c r="F2329" s="3"/>
      <c r="G2329" s="3"/>
      <c r="H2329" s="3"/>
      <c r="I2329" s="3"/>
      <c r="J2329" s="3"/>
      <c r="K2329" s="14"/>
      <c r="L2329" s="3"/>
    </row>
    <row r="2330" spans="1:12" ht="16.5" customHeight="1" x14ac:dyDescent="0.3">
      <c r="A2330" s="11"/>
      <c r="B2330" s="11"/>
      <c r="C2330" s="42"/>
      <c r="D2330" s="3"/>
      <c r="E2330" s="3"/>
      <c r="F2330" s="3"/>
      <c r="G2330" s="3"/>
      <c r="H2330" s="3"/>
      <c r="I2330" s="3"/>
      <c r="J2330" s="3"/>
      <c r="K2330" s="14"/>
      <c r="L2330" s="3"/>
    </row>
    <row r="2331" spans="1:12" ht="16.5" customHeight="1" x14ac:dyDescent="0.3">
      <c r="A2331" s="11"/>
      <c r="B2331" s="11"/>
      <c r="C2331" s="42"/>
      <c r="D2331" s="3"/>
      <c r="E2331" s="3"/>
      <c r="F2331" s="3"/>
      <c r="G2331" s="3"/>
      <c r="H2331" s="3"/>
      <c r="I2331" s="3"/>
      <c r="J2331" s="3"/>
      <c r="K2331" s="14"/>
      <c r="L2331" s="3"/>
    </row>
    <row r="2332" spans="1:12" ht="16.5" customHeight="1" x14ac:dyDescent="0.3">
      <c r="A2332" s="11"/>
      <c r="B2332" s="11"/>
      <c r="C2332" s="42"/>
      <c r="D2332" s="3"/>
      <c r="E2332" s="3"/>
      <c r="F2332" s="3"/>
      <c r="G2332" s="3"/>
      <c r="H2332" s="3"/>
      <c r="I2332" s="3"/>
      <c r="J2332" s="3"/>
      <c r="K2332" s="14"/>
      <c r="L2332" s="3"/>
    </row>
    <row r="2333" spans="1:12" ht="16.5" customHeight="1" x14ac:dyDescent="0.3">
      <c r="A2333" s="11"/>
      <c r="B2333" s="11"/>
      <c r="C2333" s="42"/>
      <c r="D2333" s="3"/>
      <c r="E2333" s="3"/>
      <c r="F2333" s="3"/>
      <c r="G2333" s="3"/>
      <c r="H2333" s="3"/>
      <c r="I2333" s="3"/>
      <c r="J2333" s="3"/>
      <c r="K2333" s="14"/>
      <c r="L2333" s="3"/>
    </row>
    <row r="2334" spans="1:12" ht="16.5" customHeight="1" x14ac:dyDescent="0.3">
      <c r="A2334" s="11"/>
      <c r="B2334" s="11"/>
      <c r="C2334" s="42"/>
      <c r="D2334" s="3"/>
      <c r="E2334" s="3"/>
      <c r="F2334" s="3"/>
      <c r="G2334" s="3"/>
      <c r="H2334" s="3"/>
      <c r="I2334" s="3"/>
      <c r="J2334" s="3"/>
      <c r="K2334" s="14"/>
      <c r="L2334" s="3"/>
    </row>
    <row r="2335" spans="1:12" ht="16.5" customHeight="1" x14ac:dyDescent="0.3">
      <c r="A2335" s="11"/>
      <c r="B2335" s="11"/>
      <c r="C2335" s="42"/>
      <c r="D2335" s="3"/>
      <c r="E2335" s="3"/>
      <c r="F2335" s="3"/>
      <c r="G2335" s="3"/>
      <c r="H2335" s="3"/>
      <c r="I2335" s="3"/>
      <c r="J2335" s="3"/>
      <c r="K2335" s="14"/>
      <c r="L2335" s="3"/>
    </row>
    <row r="2336" spans="1:12" ht="16.5" customHeight="1" x14ac:dyDescent="0.3">
      <c r="A2336" s="11"/>
      <c r="B2336" s="11"/>
      <c r="C2336" s="42"/>
      <c r="D2336" s="3"/>
      <c r="E2336" s="3"/>
      <c r="F2336" s="3"/>
      <c r="G2336" s="3"/>
      <c r="H2336" s="3"/>
      <c r="I2336" s="3"/>
      <c r="J2336" s="3"/>
      <c r="K2336" s="14"/>
      <c r="L2336" s="3"/>
    </row>
    <row r="2337" spans="1:12" ht="16.5" customHeight="1" x14ac:dyDescent="0.3">
      <c r="A2337" s="11"/>
      <c r="B2337" s="11"/>
      <c r="C2337" s="42"/>
      <c r="D2337" s="3"/>
      <c r="E2337" s="3"/>
      <c r="F2337" s="3"/>
      <c r="G2337" s="3"/>
      <c r="H2337" s="3"/>
      <c r="I2337" s="3"/>
      <c r="J2337" s="3"/>
      <c r="K2337" s="14"/>
      <c r="L2337" s="3"/>
    </row>
    <row r="2338" spans="1:12" ht="16.5" customHeight="1" x14ac:dyDescent="0.3">
      <c r="A2338" s="11"/>
      <c r="B2338" s="11"/>
      <c r="C2338" s="42"/>
      <c r="D2338" s="3"/>
      <c r="E2338" s="3"/>
      <c r="F2338" s="3"/>
      <c r="G2338" s="3"/>
      <c r="H2338" s="3"/>
      <c r="I2338" s="3"/>
      <c r="J2338" s="3"/>
      <c r="K2338" s="14"/>
      <c r="L2338" s="3"/>
    </row>
    <row r="2339" spans="1:12" ht="16.5" customHeight="1" x14ac:dyDescent="0.3">
      <c r="A2339" s="11"/>
      <c r="B2339" s="11"/>
      <c r="C2339" s="42"/>
      <c r="D2339" s="3"/>
      <c r="E2339" s="3"/>
      <c r="F2339" s="3"/>
      <c r="G2339" s="3"/>
      <c r="H2339" s="3"/>
      <c r="I2339" s="3"/>
      <c r="J2339" s="3"/>
      <c r="K2339" s="14"/>
      <c r="L2339" s="3"/>
    </row>
    <row r="2340" spans="1:12" ht="16.5" customHeight="1" x14ac:dyDescent="0.3">
      <c r="A2340" s="11"/>
      <c r="B2340" s="11"/>
      <c r="C2340" s="42"/>
      <c r="D2340" s="3"/>
      <c r="E2340" s="3"/>
      <c r="F2340" s="3"/>
      <c r="G2340" s="3"/>
      <c r="H2340" s="3"/>
      <c r="I2340" s="3"/>
      <c r="J2340" s="3"/>
      <c r="K2340" s="14"/>
      <c r="L2340" s="3"/>
    </row>
    <row r="2341" spans="1:12" ht="16.5" customHeight="1" x14ac:dyDescent="0.3">
      <c r="A2341" s="11"/>
      <c r="B2341" s="11"/>
      <c r="C2341" s="42"/>
      <c r="D2341" s="3"/>
      <c r="E2341" s="3"/>
      <c r="F2341" s="3"/>
      <c r="G2341" s="3"/>
      <c r="H2341" s="3"/>
      <c r="I2341" s="3"/>
      <c r="J2341" s="3"/>
      <c r="K2341" s="14"/>
      <c r="L2341" s="3"/>
    </row>
    <row r="2342" spans="1:12" ht="16.5" customHeight="1" x14ac:dyDescent="0.3">
      <c r="A2342" s="11"/>
      <c r="B2342" s="11"/>
      <c r="C2342" s="42"/>
      <c r="D2342" s="3"/>
      <c r="E2342" s="3"/>
      <c r="F2342" s="3"/>
      <c r="G2342" s="3"/>
      <c r="H2342" s="3"/>
      <c r="I2342" s="3"/>
      <c r="J2342" s="3"/>
      <c r="K2342" s="14"/>
      <c r="L2342" s="3"/>
    </row>
    <row r="2343" spans="1:12" ht="16.5" customHeight="1" x14ac:dyDescent="0.3">
      <c r="A2343" s="11"/>
      <c r="B2343" s="11"/>
      <c r="C2343" s="42"/>
      <c r="D2343" s="3"/>
      <c r="E2343" s="3"/>
      <c r="F2343" s="3"/>
      <c r="G2343" s="3"/>
      <c r="H2343" s="3"/>
      <c r="I2343" s="3"/>
      <c r="J2343" s="3"/>
      <c r="K2343" s="14"/>
      <c r="L2343" s="3"/>
    </row>
    <row r="2344" spans="1:12" ht="16.5" customHeight="1" x14ac:dyDescent="0.3">
      <c r="A2344" s="11"/>
      <c r="B2344" s="11"/>
      <c r="C2344" s="42"/>
      <c r="D2344" s="3"/>
      <c r="E2344" s="3"/>
      <c r="F2344" s="3"/>
      <c r="G2344" s="3"/>
      <c r="H2344" s="3"/>
      <c r="I2344" s="3"/>
      <c r="J2344" s="3"/>
      <c r="K2344" s="14"/>
      <c r="L2344" s="3"/>
    </row>
    <row r="2345" spans="1:12" ht="16.5" customHeight="1" x14ac:dyDescent="0.3">
      <c r="A2345" s="11"/>
      <c r="B2345" s="11"/>
      <c r="C2345" s="42"/>
      <c r="D2345" s="3"/>
      <c r="E2345" s="3"/>
      <c r="F2345" s="3"/>
      <c r="G2345" s="3"/>
      <c r="H2345" s="3"/>
      <c r="I2345" s="3"/>
      <c r="J2345" s="3"/>
      <c r="K2345" s="14"/>
      <c r="L2345" s="3"/>
    </row>
    <row r="2346" spans="1:12" ht="16.5" customHeight="1" x14ac:dyDescent="0.3">
      <c r="A2346" s="11"/>
      <c r="B2346" s="11"/>
      <c r="C2346" s="42"/>
      <c r="D2346" s="3"/>
      <c r="E2346" s="3"/>
      <c r="F2346" s="3"/>
      <c r="G2346" s="3"/>
      <c r="H2346" s="3"/>
      <c r="I2346" s="3"/>
      <c r="J2346" s="3"/>
      <c r="K2346" s="14"/>
      <c r="L2346" s="3"/>
    </row>
    <row r="2347" spans="1:12" ht="16.5" customHeight="1" x14ac:dyDescent="0.3">
      <c r="A2347" s="11"/>
      <c r="B2347" s="11"/>
      <c r="C2347" s="42"/>
      <c r="D2347" s="3"/>
      <c r="E2347" s="3"/>
      <c r="F2347" s="3"/>
      <c r="G2347" s="3"/>
      <c r="H2347" s="3"/>
      <c r="I2347" s="3"/>
      <c r="J2347" s="3"/>
      <c r="K2347" s="14"/>
      <c r="L2347" s="3"/>
    </row>
    <row r="2348" spans="1:12" ht="16.5" customHeight="1" x14ac:dyDescent="0.3">
      <c r="A2348" s="11"/>
      <c r="B2348" s="11"/>
      <c r="C2348" s="42"/>
      <c r="D2348" s="3"/>
      <c r="E2348" s="3"/>
      <c r="F2348" s="3"/>
      <c r="G2348" s="3"/>
      <c r="H2348" s="3"/>
      <c r="I2348" s="3"/>
      <c r="J2348" s="3"/>
      <c r="K2348" s="14"/>
      <c r="L2348" s="3"/>
    </row>
    <row r="2349" spans="1:12" ht="16.5" customHeight="1" x14ac:dyDescent="0.3">
      <c r="A2349" s="11"/>
      <c r="B2349" s="11"/>
      <c r="C2349" s="42"/>
      <c r="D2349" s="3"/>
      <c r="E2349" s="3"/>
      <c r="F2349" s="3"/>
      <c r="G2349" s="3"/>
      <c r="H2349" s="3"/>
      <c r="I2349" s="3"/>
      <c r="J2349" s="3"/>
      <c r="K2349" s="14"/>
      <c r="L2349" s="3"/>
    </row>
    <row r="2350" spans="1:12" ht="16.5" customHeight="1" x14ac:dyDescent="0.3">
      <c r="A2350" s="11"/>
      <c r="B2350" s="11"/>
      <c r="C2350" s="42"/>
      <c r="D2350" s="3"/>
      <c r="E2350" s="3"/>
      <c r="F2350" s="3"/>
      <c r="G2350" s="3"/>
      <c r="H2350" s="3"/>
      <c r="I2350" s="3"/>
      <c r="J2350" s="3"/>
      <c r="K2350" s="14"/>
      <c r="L2350" s="3"/>
    </row>
    <row r="2351" spans="1:12" ht="16.5" customHeight="1" x14ac:dyDescent="0.3">
      <c r="A2351" s="11"/>
      <c r="B2351" s="11"/>
      <c r="C2351" s="42"/>
      <c r="D2351" s="3"/>
      <c r="E2351" s="3"/>
      <c r="F2351" s="3"/>
      <c r="G2351" s="3"/>
      <c r="H2351" s="3"/>
      <c r="I2351" s="3"/>
      <c r="J2351" s="3"/>
      <c r="K2351" s="14"/>
      <c r="L2351" s="3"/>
    </row>
    <row r="2352" spans="1:12" ht="16.5" customHeight="1" x14ac:dyDescent="0.3">
      <c r="A2352" s="11"/>
      <c r="B2352" s="11"/>
      <c r="C2352" s="42"/>
      <c r="D2352" s="3"/>
      <c r="E2352" s="3"/>
      <c r="F2352" s="3"/>
      <c r="G2352" s="3"/>
      <c r="H2352" s="3"/>
      <c r="I2352" s="3"/>
      <c r="J2352" s="3"/>
      <c r="K2352" s="14"/>
      <c r="L2352" s="3"/>
    </row>
    <row r="2353" spans="1:12" ht="16.5" customHeight="1" x14ac:dyDescent="0.3">
      <c r="A2353" s="11"/>
      <c r="B2353" s="11"/>
      <c r="C2353" s="42"/>
      <c r="D2353" s="3"/>
      <c r="E2353" s="3"/>
      <c r="F2353" s="3"/>
      <c r="G2353" s="3"/>
      <c r="H2353" s="3"/>
      <c r="I2353" s="3"/>
      <c r="J2353" s="3"/>
      <c r="K2353" s="14"/>
      <c r="L2353" s="3"/>
    </row>
    <row r="2354" spans="1:12" ht="16.5" customHeight="1" x14ac:dyDescent="0.3">
      <c r="A2354" s="11"/>
      <c r="B2354" s="11"/>
      <c r="C2354" s="42"/>
      <c r="D2354" s="3"/>
      <c r="E2354" s="3"/>
      <c r="F2354" s="3"/>
      <c r="G2354" s="3"/>
      <c r="H2354" s="3"/>
      <c r="I2354" s="3"/>
      <c r="J2354" s="3"/>
      <c r="K2354" s="14"/>
      <c r="L2354" s="3"/>
    </row>
    <row r="2355" spans="1:12" ht="16.5" customHeight="1" x14ac:dyDescent="0.3">
      <c r="A2355" s="11"/>
      <c r="B2355" s="11"/>
      <c r="C2355" s="42"/>
      <c r="D2355" s="3"/>
      <c r="E2355" s="3"/>
      <c r="F2355" s="3"/>
      <c r="G2355" s="3"/>
      <c r="H2355" s="3"/>
      <c r="I2355" s="3"/>
      <c r="J2355" s="3"/>
      <c r="K2355" s="14"/>
      <c r="L2355" s="3"/>
    </row>
    <row r="2356" spans="1:12" ht="16.5" customHeight="1" x14ac:dyDescent="0.3">
      <c r="A2356" s="11"/>
      <c r="B2356" s="11"/>
      <c r="C2356" s="42"/>
      <c r="D2356" s="3"/>
      <c r="E2356" s="3"/>
      <c r="F2356" s="3"/>
      <c r="G2356" s="3"/>
      <c r="H2356" s="3"/>
      <c r="I2356" s="3"/>
      <c r="J2356" s="3"/>
      <c r="K2356" s="14"/>
      <c r="L2356" s="3"/>
    </row>
    <row r="2357" spans="1:12" ht="16.5" customHeight="1" x14ac:dyDescent="0.3">
      <c r="A2357" s="11"/>
      <c r="B2357" s="11"/>
      <c r="C2357" s="42"/>
      <c r="D2357" s="3"/>
      <c r="E2357" s="3"/>
      <c r="F2357" s="3"/>
      <c r="G2357" s="3"/>
      <c r="H2357" s="3"/>
      <c r="I2357" s="3"/>
      <c r="J2357" s="3"/>
      <c r="K2357" s="14"/>
      <c r="L2357" s="3"/>
    </row>
    <row r="2358" spans="1:12" ht="16.5" customHeight="1" x14ac:dyDescent="0.3">
      <c r="A2358" s="11"/>
      <c r="B2358" s="11"/>
      <c r="C2358" s="42"/>
      <c r="D2358" s="3"/>
      <c r="E2358" s="3"/>
      <c r="F2358" s="3"/>
      <c r="G2358" s="3"/>
      <c r="H2358" s="3"/>
      <c r="I2358" s="3"/>
      <c r="J2358" s="3"/>
      <c r="K2358" s="14"/>
      <c r="L2358" s="3"/>
    </row>
    <row r="2359" spans="1:12" ht="16.5" customHeight="1" x14ac:dyDescent="0.3">
      <c r="A2359" s="11"/>
      <c r="B2359" s="11"/>
      <c r="C2359" s="42"/>
      <c r="D2359" s="3"/>
      <c r="E2359" s="3"/>
      <c r="F2359" s="3"/>
      <c r="G2359" s="3"/>
      <c r="H2359" s="3"/>
      <c r="I2359" s="3"/>
      <c r="J2359" s="3"/>
      <c r="K2359" s="14"/>
      <c r="L2359" s="3"/>
    </row>
    <row r="2360" spans="1:12" ht="16.5" customHeight="1" x14ac:dyDescent="0.3">
      <c r="A2360" s="11"/>
      <c r="B2360" s="11"/>
      <c r="C2360" s="42"/>
      <c r="D2360" s="3"/>
      <c r="E2360" s="3"/>
      <c r="F2360" s="3"/>
      <c r="G2360" s="3"/>
      <c r="H2360" s="3"/>
      <c r="I2360" s="3"/>
      <c r="J2360" s="3"/>
      <c r="K2360" s="14"/>
      <c r="L2360" s="3"/>
    </row>
    <row r="2361" spans="1:12" ht="16.5" customHeight="1" x14ac:dyDescent="0.3">
      <c r="A2361" s="11"/>
      <c r="B2361" s="11"/>
      <c r="C2361" s="42"/>
      <c r="D2361" s="3"/>
      <c r="E2361" s="3"/>
      <c r="F2361" s="3"/>
      <c r="G2361" s="3"/>
      <c r="H2361" s="3"/>
      <c r="I2361" s="3"/>
      <c r="J2361" s="3"/>
      <c r="K2361" s="14"/>
      <c r="L2361" s="3"/>
    </row>
    <row r="2362" spans="1:12" ht="16.5" customHeight="1" x14ac:dyDescent="0.3">
      <c r="A2362" s="11"/>
      <c r="B2362" s="11"/>
      <c r="C2362" s="42"/>
      <c r="D2362" s="3"/>
      <c r="E2362" s="3"/>
      <c r="F2362" s="3"/>
      <c r="G2362" s="3"/>
      <c r="H2362" s="3"/>
      <c r="I2362" s="3"/>
      <c r="J2362" s="3"/>
      <c r="K2362" s="14"/>
      <c r="L2362" s="3"/>
    </row>
    <row r="2363" spans="1:12" ht="16.5" customHeight="1" x14ac:dyDescent="0.3">
      <c r="A2363" s="11"/>
      <c r="B2363" s="11"/>
      <c r="C2363" s="42"/>
      <c r="D2363" s="3"/>
      <c r="E2363" s="3"/>
      <c r="F2363" s="3"/>
      <c r="G2363" s="3"/>
      <c r="H2363" s="3"/>
      <c r="I2363" s="3"/>
      <c r="J2363" s="3"/>
      <c r="K2363" s="14"/>
      <c r="L2363" s="3"/>
    </row>
    <row r="2364" spans="1:12" ht="16.5" customHeight="1" x14ac:dyDescent="0.3">
      <c r="A2364" s="11"/>
      <c r="B2364" s="11"/>
      <c r="C2364" s="42"/>
      <c r="D2364" s="3"/>
      <c r="E2364" s="3"/>
      <c r="F2364" s="3"/>
      <c r="G2364" s="3"/>
      <c r="H2364" s="3"/>
      <c r="I2364" s="3"/>
      <c r="J2364" s="3"/>
      <c r="K2364" s="14"/>
      <c r="L2364" s="3"/>
    </row>
    <row r="2365" spans="1:12" ht="16.5" customHeight="1" x14ac:dyDescent="0.3">
      <c r="A2365" s="11"/>
      <c r="B2365" s="11"/>
      <c r="C2365" s="42"/>
      <c r="D2365" s="3"/>
      <c r="E2365" s="3"/>
      <c r="F2365" s="3"/>
      <c r="G2365" s="3"/>
      <c r="H2365" s="3"/>
      <c r="I2365" s="3"/>
      <c r="J2365" s="3"/>
      <c r="K2365" s="14"/>
      <c r="L2365" s="3"/>
    </row>
    <row r="2366" spans="1:12" ht="16.5" customHeight="1" x14ac:dyDescent="0.3">
      <c r="A2366" s="11"/>
      <c r="B2366" s="11"/>
      <c r="C2366" s="42"/>
      <c r="D2366" s="3"/>
      <c r="E2366" s="3"/>
      <c r="F2366" s="3"/>
      <c r="G2366" s="3"/>
      <c r="H2366" s="3"/>
      <c r="I2366" s="3"/>
      <c r="J2366" s="3"/>
      <c r="K2366" s="14"/>
      <c r="L2366" s="3"/>
    </row>
    <row r="2367" spans="1:12" ht="16.5" customHeight="1" x14ac:dyDescent="0.3">
      <c r="A2367" s="11"/>
      <c r="B2367" s="11"/>
      <c r="C2367" s="42"/>
      <c r="D2367" s="3"/>
      <c r="E2367" s="3"/>
      <c r="F2367" s="3"/>
      <c r="G2367" s="3"/>
      <c r="H2367" s="3"/>
      <c r="I2367" s="3"/>
      <c r="J2367" s="3"/>
      <c r="K2367" s="14"/>
      <c r="L2367" s="3"/>
    </row>
    <row r="2368" spans="1:12" ht="16.5" customHeight="1" x14ac:dyDescent="0.3">
      <c r="A2368" s="11"/>
      <c r="B2368" s="11"/>
      <c r="C2368" s="42"/>
      <c r="D2368" s="3"/>
      <c r="E2368" s="3"/>
      <c r="F2368" s="3"/>
      <c r="G2368" s="3"/>
      <c r="H2368" s="3"/>
      <c r="I2368" s="3"/>
      <c r="J2368" s="3"/>
      <c r="K2368" s="14"/>
      <c r="L2368" s="3"/>
    </row>
    <row r="2369" spans="1:12" ht="16.5" customHeight="1" x14ac:dyDescent="0.3">
      <c r="A2369" s="11"/>
      <c r="B2369" s="11"/>
      <c r="C2369" s="42"/>
      <c r="D2369" s="3"/>
      <c r="E2369" s="3"/>
      <c r="F2369" s="3"/>
      <c r="G2369" s="3"/>
      <c r="H2369" s="3"/>
      <c r="I2369" s="3"/>
      <c r="J2369" s="3"/>
      <c r="K2369" s="14"/>
      <c r="L2369" s="3"/>
    </row>
    <row r="2370" spans="1:12" ht="16.5" customHeight="1" x14ac:dyDescent="0.3">
      <c r="A2370" s="11"/>
      <c r="B2370" s="11"/>
      <c r="C2370" s="42"/>
      <c r="D2370" s="3"/>
      <c r="E2370" s="3"/>
      <c r="F2370" s="3"/>
      <c r="G2370" s="3"/>
      <c r="H2370" s="3"/>
      <c r="I2370" s="3"/>
      <c r="J2370" s="3"/>
      <c r="K2370" s="14"/>
      <c r="L2370" s="3"/>
    </row>
    <row r="2371" spans="1:12" ht="16.5" customHeight="1" x14ac:dyDescent="0.3">
      <c r="A2371" s="11"/>
      <c r="B2371" s="11"/>
      <c r="C2371" s="42"/>
      <c r="D2371" s="3"/>
      <c r="E2371" s="3"/>
      <c r="F2371" s="3"/>
      <c r="G2371" s="3"/>
      <c r="H2371" s="3"/>
      <c r="I2371" s="3"/>
      <c r="J2371" s="3"/>
      <c r="K2371" s="14"/>
      <c r="L2371" s="3"/>
    </row>
    <row r="2372" spans="1:12" ht="16.5" customHeight="1" x14ac:dyDescent="0.3">
      <c r="A2372" s="11"/>
      <c r="B2372" s="11"/>
      <c r="C2372" s="42"/>
      <c r="D2372" s="3"/>
      <c r="E2372" s="3"/>
      <c r="F2372" s="3"/>
      <c r="G2372" s="3"/>
      <c r="H2372" s="3"/>
      <c r="I2372" s="3"/>
      <c r="J2372" s="3"/>
      <c r="K2372" s="14"/>
      <c r="L2372" s="3"/>
    </row>
    <row r="2373" spans="1:12" ht="16.5" customHeight="1" x14ac:dyDescent="0.3">
      <c r="A2373" s="11"/>
      <c r="B2373" s="11"/>
      <c r="C2373" s="42"/>
      <c r="D2373" s="3"/>
      <c r="E2373" s="3"/>
      <c r="F2373" s="3"/>
      <c r="G2373" s="3"/>
      <c r="H2373" s="3"/>
      <c r="I2373" s="3"/>
      <c r="J2373" s="3"/>
      <c r="K2373" s="14"/>
      <c r="L2373" s="3"/>
    </row>
    <row r="2374" spans="1:12" ht="16.5" customHeight="1" x14ac:dyDescent="0.3">
      <c r="A2374" s="11"/>
      <c r="B2374" s="11"/>
      <c r="C2374" s="42"/>
      <c r="D2374" s="3"/>
      <c r="E2374" s="3"/>
      <c r="F2374" s="3"/>
      <c r="G2374" s="3"/>
      <c r="H2374" s="3"/>
      <c r="I2374" s="3"/>
      <c r="J2374" s="3"/>
      <c r="K2374" s="14"/>
      <c r="L2374" s="3"/>
    </row>
    <row r="2375" spans="1:12" ht="16.5" customHeight="1" x14ac:dyDescent="0.3">
      <c r="A2375" s="11"/>
      <c r="B2375" s="11"/>
      <c r="C2375" s="42"/>
      <c r="D2375" s="3"/>
      <c r="E2375" s="3"/>
      <c r="F2375" s="3"/>
      <c r="G2375" s="3"/>
      <c r="H2375" s="3"/>
      <c r="I2375" s="3"/>
      <c r="J2375" s="3"/>
      <c r="K2375" s="14"/>
      <c r="L2375" s="3"/>
    </row>
    <row r="2376" spans="1:12" ht="16.5" customHeight="1" x14ac:dyDescent="0.3">
      <c r="A2376" s="11"/>
      <c r="B2376" s="11"/>
      <c r="C2376" s="42"/>
      <c r="D2376" s="3"/>
      <c r="E2376" s="3"/>
      <c r="F2376" s="3"/>
      <c r="G2376" s="3"/>
      <c r="H2376" s="3"/>
      <c r="I2376" s="3"/>
      <c r="J2376" s="3"/>
      <c r="K2376" s="14"/>
      <c r="L2376" s="3"/>
    </row>
    <row r="2377" spans="1:12" ht="16.5" customHeight="1" x14ac:dyDescent="0.3">
      <c r="A2377" s="11"/>
      <c r="B2377" s="11"/>
      <c r="C2377" s="42"/>
      <c r="D2377" s="3"/>
      <c r="E2377" s="3"/>
      <c r="F2377" s="3"/>
      <c r="G2377" s="3"/>
      <c r="H2377" s="3"/>
      <c r="I2377" s="3"/>
      <c r="J2377" s="3"/>
      <c r="K2377" s="14"/>
      <c r="L2377" s="3"/>
    </row>
    <row r="2378" spans="1:12" ht="16.5" customHeight="1" x14ac:dyDescent="0.3">
      <c r="A2378" s="11"/>
      <c r="B2378" s="11"/>
      <c r="C2378" s="42"/>
      <c r="D2378" s="3"/>
      <c r="E2378" s="3"/>
      <c r="F2378" s="3"/>
      <c r="G2378" s="3"/>
      <c r="H2378" s="3"/>
      <c r="I2378" s="3"/>
      <c r="J2378" s="3"/>
      <c r="K2378" s="14"/>
      <c r="L2378" s="3"/>
    </row>
    <row r="2379" spans="1:12" ht="16.5" customHeight="1" x14ac:dyDescent="0.3">
      <c r="A2379" s="11"/>
      <c r="B2379" s="11"/>
      <c r="C2379" s="42"/>
      <c r="D2379" s="3"/>
      <c r="E2379" s="3"/>
      <c r="F2379" s="3"/>
      <c r="G2379" s="3"/>
      <c r="H2379" s="3"/>
      <c r="I2379" s="3"/>
      <c r="J2379" s="3"/>
      <c r="K2379" s="14"/>
      <c r="L2379" s="3"/>
    </row>
    <row r="2380" spans="1:12" ht="16.5" customHeight="1" x14ac:dyDescent="0.3">
      <c r="A2380" s="11"/>
      <c r="B2380" s="11"/>
      <c r="C2380" s="42"/>
      <c r="D2380" s="3"/>
      <c r="E2380" s="3"/>
      <c r="F2380" s="3"/>
      <c r="G2380" s="3"/>
      <c r="H2380" s="3"/>
      <c r="I2380" s="3"/>
      <c r="J2380" s="3"/>
      <c r="K2380" s="14"/>
      <c r="L2380" s="3"/>
    </row>
    <row r="2381" spans="1:12" ht="16.5" customHeight="1" x14ac:dyDescent="0.3">
      <c r="A2381" s="11"/>
      <c r="B2381" s="11"/>
      <c r="C2381" s="42"/>
      <c r="D2381" s="3"/>
      <c r="E2381" s="3"/>
      <c r="F2381" s="3"/>
      <c r="G2381" s="3"/>
      <c r="H2381" s="3"/>
      <c r="I2381" s="3"/>
      <c r="J2381" s="3"/>
      <c r="K2381" s="14"/>
      <c r="L2381" s="3"/>
    </row>
    <row r="2382" spans="1:12" ht="16.5" customHeight="1" x14ac:dyDescent="0.3">
      <c r="A2382" s="11"/>
      <c r="B2382" s="11"/>
      <c r="C2382" s="42"/>
      <c r="D2382" s="3"/>
      <c r="E2382" s="3"/>
      <c r="F2382" s="3"/>
      <c r="G2382" s="3"/>
      <c r="H2382" s="3"/>
      <c r="I2382" s="3"/>
      <c r="J2382" s="3"/>
      <c r="K2382" s="14"/>
      <c r="L2382" s="3"/>
    </row>
    <row r="2383" spans="1:12" ht="16.5" customHeight="1" x14ac:dyDescent="0.3">
      <c r="A2383" s="11"/>
      <c r="B2383" s="11"/>
      <c r="C2383" s="42"/>
      <c r="D2383" s="3"/>
      <c r="E2383" s="3"/>
      <c r="F2383" s="3"/>
      <c r="G2383" s="3"/>
      <c r="H2383" s="3"/>
      <c r="I2383" s="3"/>
      <c r="J2383" s="3"/>
      <c r="K2383" s="14"/>
      <c r="L2383" s="3"/>
    </row>
    <row r="2384" spans="1:12" ht="16.5" customHeight="1" x14ac:dyDescent="0.3">
      <c r="A2384" s="11"/>
      <c r="B2384" s="11"/>
      <c r="C2384" s="42"/>
      <c r="D2384" s="3"/>
      <c r="E2384" s="3"/>
      <c r="F2384" s="3"/>
      <c r="G2384" s="3"/>
      <c r="H2384" s="3"/>
      <c r="I2384" s="3"/>
      <c r="J2384" s="3"/>
      <c r="K2384" s="14"/>
      <c r="L2384" s="3"/>
    </row>
    <row r="2385" spans="1:12" ht="16.5" customHeight="1" x14ac:dyDescent="0.3">
      <c r="A2385" s="11"/>
      <c r="B2385" s="11"/>
      <c r="C2385" s="42"/>
      <c r="D2385" s="3"/>
      <c r="E2385" s="3"/>
      <c r="F2385" s="3"/>
      <c r="G2385" s="3"/>
      <c r="H2385" s="3"/>
      <c r="I2385" s="3"/>
      <c r="J2385" s="3"/>
      <c r="K2385" s="14"/>
      <c r="L2385" s="3"/>
    </row>
    <row r="2386" spans="1:12" ht="16.5" customHeight="1" x14ac:dyDescent="0.3">
      <c r="A2386" s="11"/>
      <c r="B2386" s="11"/>
      <c r="C2386" s="42"/>
      <c r="D2386" s="3"/>
      <c r="E2386" s="3"/>
      <c r="F2386" s="3"/>
      <c r="G2386" s="3"/>
      <c r="H2386" s="3"/>
      <c r="I2386" s="3"/>
      <c r="J2386" s="3"/>
      <c r="K2386" s="14"/>
      <c r="L2386" s="3"/>
    </row>
    <row r="2387" spans="1:12" ht="16.5" customHeight="1" x14ac:dyDescent="0.3">
      <c r="A2387" s="11"/>
      <c r="B2387" s="11"/>
      <c r="C2387" s="42"/>
      <c r="D2387" s="3"/>
      <c r="E2387" s="3"/>
      <c r="F2387" s="3"/>
      <c r="G2387" s="3"/>
      <c r="H2387" s="3"/>
      <c r="I2387" s="3"/>
      <c r="J2387" s="3"/>
      <c r="K2387" s="14"/>
      <c r="L2387" s="3"/>
    </row>
    <row r="2388" spans="1:12" ht="16.5" customHeight="1" x14ac:dyDescent="0.3">
      <c r="A2388" s="11"/>
      <c r="B2388" s="11"/>
      <c r="C2388" s="42"/>
      <c r="D2388" s="3"/>
      <c r="E2388" s="3"/>
      <c r="F2388" s="3"/>
      <c r="G2388" s="3"/>
      <c r="H2388" s="3"/>
      <c r="I2388" s="3"/>
      <c r="J2388" s="3"/>
      <c r="K2388" s="14"/>
      <c r="L2388" s="3"/>
    </row>
    <row r="2389" spans="1:12" ht="16.5" customHeight="1" x14ac:dyDescent="0.3">
      <c r="A2389" s="11"/>
      <c r="B2389" s="11"/>
      <c r="C2389" s="42"/>
      <c r="D2389" s="3"/>
      <c r="E2389" s="3"/>
      <c r="F2389" s="3"/>
      <c r="G2389" s="3"/>
      <c r="H2389" s="3"/>
      <c r="I2389" s="3"/>
      <c r="J2389" s="3"/>
      <c r="K2389" s="14"/>
      <c r="L2389" s="3"/>
    </row>
    <row r="2390" spans="1:12" ht="16.5" customHeight="1" x14ac:dyDescent="0.3">
      <c r="A2390" s="11"/>
      <c r="B2390" s="11"/>
      <c r="C2390" s="42"/>
      <c r="D2390" s="3"/>
      <c r="E2390" s="3"/>
      <c r="F2390" s="3"/>
      <c r="G2390" s="3"/>
      <c r="H2390" s="3"/>
      <c r="I2390" s="3"/>
      <c r="J2390" s="3"/>
      <c r="K2390" s="14"/>
      <c r="L2390" s="3"/>
    </row>
    <row r="2391" spans="1:12" ht="16.5" customHeight="1" x14ac:dyDescent="0.3">
      <c r="A2391" s="11"/>
      <c r="B2391" s="11"/>
      <c r="C2391" s="42"/>
      <c r="D2391" s="3"/>
      <c r="E2391" s="3"/>
      <c r="F2391" s="3"/>
      <c r="G2391" s="3"/>
      <c r="H2391" s="3"/>
      <c r="I2391" s="3"/>
      <c r="J2391" s="3"/>
      <c r="K2391" s="14"/>
      <c r="L2391" s="3"/>
    </row>
    <row r="2392" spans="1:12" ht="16.5" customHeight="1" x14ac:dyDescent="0.3">
      <c r="A2392" s="11"/>
      <c r="B2392" s="11"/>
      <c r="C2392" s="42"/>
      <c r="D2392" s="3"/>
      <c r="E2392" s="3"/>
      <c r="F2392" s="3"/>
      <c r="G2392" s="3"/>
      <c r="H2392" s="3"/>
      <c r="I2392" s="3"/>
      <c r="J2392" s="3"/>
      <c r="K2392" s="14"/>
      <c r="L2392" s="3"/>
    </row>
    <row r="2393" spans="1:12" ht="16.5" customHeight="1" x14ac:dyDescent="0.3">
      <c r="A2393" s="11"/>
      <c r="B2393" s="11"/>
      <c r="C2393" s="42"/>
      <c r="D2393" s="3"/>
      <c r="E2393" s="3"/>
      <c r="F2393" s="3"/>
      <c r="G2393" s="3"/>
      <c r="H2393" s="3"/>
      <c r="I2393" s="3"/>
      <c r="J2393" s="3"/>
      <c r="K2393" s="14"/>
      <c r="L2393" s="3"/>
    </row>
    <row r="2394" spans="1:12" ht="16.5" customHeight="1" x14ac:dyDescent="0.3">
      <c r="A2394" s="11"/>
      <c r="B2394" s="11"/>
      <c r="C2394" s="42"/>
      <c r="D2394" s="3"/>
      <c r="E2394" s="3"/>
      <c r="F2394" s="3"/>
      <c r="G2394" s="3"/>
      <c r="H2394" s="3"/>
      <c r="I2394" s="3"/>
      <c r="J2394" s="3"/>
      <c r="K2394" s="14"/>
      <c r="L2394" s="3"/>
    </row>
    <row r="2395" spans="1:12" ht="16.5" customHeight="1" x14ac:dyDescent="0.3">
      <c r="A2395" s="11"/>
      <c r="B2395" s="11"/>
      <c r="C2395" s="42"/>
      <c r="D2395" s="3"/>
      <c r="E2395" s="3"/>
      <c r="F2395" s="3"/>
      <c r="G2395" s="3"/>
      <c r="H2395" s="3"/>
      <c r="I2395" s="3"/>
      <c r="J2395" s="3"/>
      <c r="K2395" s="14"/>
      <c r="L2395" s="3"/>
    </row>
    <row r="2396" spans="1:12" ht="16.5" customHeight="1" x14ac:dyDescent="0.3">
      <c r="A2396" s="11"/>
      <c r="B2396" s="11"/>
      <c r="C2396" s="42"/>
      <c r="D2396" s="3"/>
      <c r="E2396" s="3"/>
      <c r="F2396" s="3"/>
      <c r="G2396" s="3"/>
      <c r="H2396" s="3"/>
      <c r="I2396" s="3"/>
      <c r="J2396" s="3"/>
      <c r="K2396" s="14"/>
      <c r="L2396" s="3"/>
    </row>
    <row r="2397" spans="1:12" ht="16.5" customHeight="1" x14ac:dyDescent="0.3">
      <c r="A2397" s="11"/>
      <c r="B2397" s="11"/>
      <c r="C2397" s="42"/>
      <c r="D2397" s="3"/>
      <c r="E2397" s="3"/>
      <c r="F2397" s="3"/>
      <c r="G2397" s="3"/>
      <c r="H2397" s="3"/>
      <c r="I2397" s="3"/>
      <c r="J2397" s="3"/>
      <c r="K2397" s="14"/>
      <c r="L2397" s="3"/>
    </row>
    <row r="2398" spans="1:12" ht="16.5" customHeight="1" x14ac:dyDescent="0.3">
      <c r="A2398" s="11"/>
      <c r="B2398" s="11"/>
      <c r="C2398" s="42"/>
      <c r="D2398" s="3"/>
      <c r="E2398" s="3"/>
      <c r="F2398" s="3"/>
      <c r="G2398" s="3"/>
      <c r="H2398" s="3"/>
      <c r="I2398" s="3"/>
      <c r="J2398" s="3"/>
      <c r="K2398" s="14"/>
      <c r="L2398" s="3"/>
    </row>
    <row r="2399" spans="1:12" ht="16.5" customHeight="1" x14ac:dyDescent="0.3">
      <c r="A2399" s="11"/>
      <c r="B2399" s="11"/>
      <c r="C2399" s="42"/>
      <c r="D2399" s="3"/>
      <c r="E2399" s="3"/>
      <c r="F2399" s="3"/>
      <c r="G2399" s="3"/>
      <c r="H2399" s="3"/>
      <c r="I2399" s="3"/>
      <c r="J2399" s="3"/>
      <c r="K2399" s="14"/>
      <c r="L2399" s="3"/>
    </row>
    <row r="2400" spans="1:12" ht="16.5" customHeight="1" x14ac:dyDescent="0.3">
      <c r="A2400" s="11"/>
      <c r="B2400" s="11"/>
      <c r="C2400" s="42"/>
      <c r="D2400" s="3"/>
      <c r="E2400" s="3"/>
      <c r="F2400" s="3"/>
      <c r="G2400" s="3"/>
      <c r="H2400" s="3"/>
      <c r="I2400" s="3"/>
      <c r="J2400" s="3"/>
      <c r="K2400" s="14"/>
      <c r="L2400" s="3"/>
    </row>
    <row r="2401" spans="1:12" ht="16.5" customHeight="1" x14ac:dyDescent="0.3">
      <c r="A2401" s="11"/>
      <c r="B2401" s="11"/>
      <c r="C2401" s="42"/>
      <c r="D2401" s="3"/>
      <c r="E2401" s="3"/>
      <c r="F2401" s="3"/>
      <c r="G2401" s="3"/>
      <c r="H2401" s="3"/>
      <c r="I2401" s="3"/>
      <c r="J2401" s="3"/>
      <c r="K2401" s="14"/>
      <c r="L2401" s="3"/>
    </row>
    <row r="2402" spans="1:12" ht="16.5" customHeight="1" x14ac:dyDescent="0.3">
      <c r="A2402" s="11"/>
      <c r="B2402" s="11"/>
      <c r="C2402" s="42"/>
      <c r="D2402" s="3"/>
      <c r="E2402" s="3"/>
      <c r="F2402" s="3"/>
      <c r="G2402" s="3"/>
      <c r="H2402" s="3"/>
      <c r="I2402" s="3"/>
      <c r="J2402" s="3"/>
      <c r="K2402" s="14"/>
      <c r="L2402" s="3"/>
    </row>
    <row r="2403" spans="1:12" ht="16.5" customHeight="1" x14ac:dyDescent="0.3">
      <c r="A2403" s="11"/>
      <c r="B2403" s="11"/>
      <c r="C2403" s="42"/>
      <c r="D2403" s="3"/>
      <c r="E2403" s="3"/>
      <c r="F2403" s="3"/>
      <c r="G2403" s="3"/>
      <c r="H2403" s="3"/>
      <c r="I2403" s="3"/>
      <c r="J2403" s="3"/>
      <c r="K2403" s="14"/>
      <c r="L2403" s="3"/>
    </row>
    <row r="2404" spans="1:12" ht="16.5" customHeight="1" x14ac:dyDescent="0.3">
      <c r="A2404" s="11"/>
      <c r="B2404" s="11"/>
      <c r="C2404" s="42"/>
      <c r="D2404" s="3"/>
      <c r="E2404" s="3"/>
      <c r="F2404" s="3"/>
      <c r="G2404" s="3"/>
      <c r="H2404" s="3"/>
      <c r="I2404" s="3"/>
      <c r="J2404" s="3"/>
      <c r="K2404" s="14"/>
      <c r="L2404" s="3"/>
    </row>
    <row r="2405" spans="1:12" ht="16.5" customHeight="1" x14ac:dyDescent="0.3">
      <c r="A2405" s="11"/>
      <c r="B2405" s="11"/>
      <c r="C2405" s="42"/>
      <c r="D2405" s="3"/>
      <c r="E2405" s="3"/>
      <c r="F2405" s="3"/>
      <c r="G2405" s="3"/>
      <c r="H2405" s="3"/>
      <c r="I2405" s="3"/>
      <c r="J2405" s="3"/>
      <c r="K2405" s="14"/>
      <c r="L2405" s="3"/>
    </row>
    <row r="2406" spans="1:12" ht="16.5" customHeight="1" x14ac:dyDescent="0.3">
      <c r="A2406" s="11"/>
      <c r="B2406" s="11"/>
      <c r="C2406" s="42"/>
      <c r="D2406" s="3"/>
      <c r="E2406" s="3"/>
      <c r="F2406" s="3"/>
      <c r="G2406" s="3"/>
      <c r="H2406" s="3"/>
      <c r="I2406" s="3"/>
      <c r="J2406" s="3"/>
      <c r="K2406" s="14"/>
      <c r="L2406" s="3"/>
    </row>
    <row r="2407" spans="1:12" ht="16.5" customHeight="1" x14ac:dyDescent="0.3">
      <c r="A2407" s="11"/>
      <c r="B2407" s="11"/>
      <c r="C2407" s="42"/>
      <c r="D2407" s="3"/>
      <c r="E2407" s="3"/>
      <c r="F2407" s="3"/>
      <c r="G2407" s="3"/>
      <c r="H2407" s="3"/>
      <c r="I2407" s="3"/>
      <c r="J2407" s="3"/>
      <c r="K2407" s="14"/>
      <c r="L2407" s="3"/>
    </row>
    <row r="2408" spans="1:12" ht="16.5" customHeight="1" x14ac:dyDescent="0.3">
      <c r="A2408" s="11"/>
      <c r="B2408" s="11"/>
      <c r="C2408" s="42"/>
      <c r="D2408" s="3"/>
      <c r="E2408" s="3"/>
      <c r="F2408" s="3"/>
      <c r="G2408" s="3"/>
      <c r="H2408" s="3"/>
      <c r="I2408" s="3"/>
      <c r="J2408" s="3"/>
      <c r="K2408" s="14"/>
      <c r="L2408" s="3"/>
    </row>
    <row r="2409" spans="1:12" ht="16.5" customHeight="1" x14ac:dyDescent="0.3">
      <c r="A2409" s="11"/>
      <c r="B2409" s="11"/>
      <c r="C2409" s="42"/>
      <c r="D2409" s="3"/>
      <c r="E2409" s="3"/>
      <c r="F2409" s="3"/>
      <c r="G2409" s="3"/>
      <c r="H2409" s="3"/>
      <c r="I2409" s="3"/>
      <c r="J2409" s="3"/>
      <c r="K2409" s="14"/>
      <c r="L2409" s="3"/>
    </row>
    <row r="2410" spans="1:12" ht="16.5" customHeight="1" x14ac:dyDescent="0.3">
      <c r="A2410" s="11"/>
      <c r="B2410" s="11"/>
      <c r="C2410" s="42"/>
      <c r="D2410" s="3"/>
      <c r="E2410" s="3"/>
      <c r="F2410" s="3"/>
      <c r="G2410" s="3"/>
      <c r="H2410" s="3"/>
      <c r="I2410" s="3"/>
      <c r="J2410" s="3"/>
      <c r="K2410" s="14"/>
      <c r="L2410" s="3"/>
    </row>
    <row r="2411" spans="1:12" ht="16.5" customHeight="1" x14ac:dyDescent="0.3">
      <c r="A2411" s="11"/>
      <c r="B2411" s="11"/>
      <c r="C2411" s="42"/>
      <c r="D2411" s="3"/>
      <c r="E2411" s="3"/>
      <c r="F2411" s="3"/>
      <c r="G2411" s="3"/>
      <c r="H2411" s="3"/>
      <c r="I2411" s="3"/>
      <c r="J2411" s="3"/>
      <c r="K2411" s="14"/>
      <c r="L2411" s="3"/>
    </row>
    <row r="2412" spans="1:12" ht="16.5" customHeight="1" x14ac:dyDescent="0.3">
      <c r="A2412" s="11"/>
      <c r="B2412" s="11"/>
      <c r="C2412" s="42"/>
      <c r="D2412" s="3"/>
      <c r="E2412" s="3"/>
      <c r="F2412" s="3"/>
      <c r="G2412" s="3"/>
      <c r="H2412" s="3"/>
      <c r="I2412" s="3"/>
      <c r="J2412" s="3"/>
      <c r="K2412" s="14"/>
      <c r="L2412" s="3"/>
    </row>
    <row r="2413" spans="1:12" ht="16.5" customHeight="1" x14ac:dyDescent="0.3">
      <c r="A2413" s="11"/>
      <c r="B2413" s="11"/>
      <c r="C2413" s="42"/>
      <c r="D2413" s="3"/>
      <c r="E2413" s="3"/>
      <c r="F2413" s="3"/>
      <c r="G2413" s="3"/>
      <c r="H2413" s="3"/>
      <c r="I2413" s="3"/>
      <c r="J2413" s="3"/>
      <c r="K2413" s="14"/>
      <c r="L2413" s="3"/>
    </row>
    <row r="2414" spans="1:12" ht="16.5" customHeight="1" x14ac:dyDescent="0.3">
      <c r="A2414" s="11"/>
      <c r="B2414" s="11"/>
      <c r="C2414" s="42"/>
      <c r="D2414" s="3"/>
      <c r="E2414" s="3"/>
      <c r="F2414" s="3"/>
      <c r="G2414" s="3"/>
      <c r="H2414" s="3"/>
      <c r="I2414" s="3"/>
      <c r="J2414" s="3"/>
      <c r="K2414" s="14"/>
      <c r="L2414" s="3"/>
    </row>
    <row r="2415" spans="1:12" ht="16.5" customHeight="1" x14ac:dyDescent="0.3">
      <c r="A2415" s="11"/>
      <c r="B2415" s="11"/>
      <c r="C2415" s="42"/>
      <c r="D2415" s="3"/>
      <c r="E2415" s="3"/>
      <c r="F2415" s="3"/>
      <c r="G2415" s="3"/>
      <c r="H2415" s="3"/>
      <c r="I2415" s="3"/>
      <c r="J2415" s="3"/>
      <c r="K2415" s="14"/>
      <c r="L2415" s="3"/>
    </row>
    <row r="2416" spans="1:12" ht="16.5" customHeight="1" x14ac:dyDescent="0.3">
      <c r="A2416" s="11"/>
      <c r="B2416" s="11"/>
      <c r="C2416" s="42"/>
      <c r="D2416" s="3"/>
      <c r="E2416" s="3"/>
      <c r="F2416" s="3"/>
      <c r="G2416" s="3"/>
      <c r="H2416" s="3"/>
      <c r="I2416" s="3"/>
      <c r="J2416" s="3"/>
      <c r="K2416" s="14"/>
      <c r="L2416" s="3"/>
    </row>
    <row r="2417" spans="1:12" ht="16.5" customHeight="1" x14ac:dyDescent="0.3">
      <c r="A2417" s="11"/>
      <c r="B2417" s="11"/>
      <c r="C2417" s="42"/>
      <c r="D2417" s="3"/>
      <c r="E2417" s="3"/>
      <c r="F2417" s="3"/>
      <c r="G2417" s="3"/>
      <c r="H2417" s="3"/>
      <c r="I2417" s="3"/>
      <c r="J2417" s="3"/>
      <c r="K2417" s="14"/>
      <c r="L2417" s="3"/>
    </row>
    <row r="2418" spans="1:12" ht="16.5" customHeight="1" x14ac:dyDescent="0.3">
      <c r="A2418" s="11"/>
      <c r="B2418" s="11"/>
      <c r="C2418" s="42"/>
      <c r="D2418" s="3"/>
      <c r="E2418" s="3"/>
      <c r="F2418" s="3"/>
      <c r="G2418" s="3"/>
      <c r="H2418" s="3"/>
      <c r="I2418" s="3"/>
      <c r="J2418" s="3"/>
      <c r="K2418" s="14"/>
      <c r="L2418" s="3"/>
    </row>
    <row r="2419" spans="1:12" ht="16.5" customHeight="1" x14ac:dyDescent="0.3">
      <c r="A2419" s="11"/>
      <c r="B2419" s="11"/>
      <c r="C2419" s="42"/>
      <c r="D2419" s="3"/>
      <c r="E2419" s="3"/>
      <c r="F2419" s="3"/>
      <c r="G2419" s="3"/>
      <c r="H2419" s="3"/>
      <c r="I2419" s="3"/>
      <c r="J2419" s="3"/>
      <c r="K2419" s="14"/>
      <c r="L2419" s="3"/>
    </row>
    <row r="2420" spans="1:12" ht="16.5" customHeight="1" x14ac:dyDescent="0.3">
      <c r="A2420" s="11"/>
      <c r="B2420" s="11"/>
      <c r="C2420" s="42"/>
      <c r="D2420" s="3"/>
      <c r="E2420" s="3"/>
      <c r="F2420" s="3"/>
      <c r="G2420" s="3"/>
      <c r="H2420" s="3"/>
      <c r="I2420" s="3"/>
      <c r="J2420" s="3"/>
      <c r="K2420" s="14"/>
      <c r="L2420" s="3"/>
    </row>
    <row r="2421" spans="1:12" ht="16.5" customHeight="1" x14ac:dyDescent="0.3">
      <c r="A2421" s="11"/>
      <c r="B2421" s="11"/>
      <c r="C2421" s="42"/>
      <c r="D2421" s="3"/>
      <c r="E2421" s="3"/>
      <c r="F2421" s="3"/>
      <c r="G2421" s="3"/>
      <c r="H2421" s="3"/>
      <c r="I2421" s="3"/>
      <c r="J2421" s="3"/>
      <c r="K2421" s="14"/>
      <c r="L2421" s="3"/>
    </row>
    <row r="2422" spans="1:12" ht="16.5" customHeight="1" x14ac:dyDescent="0.3">
      <c r="A2422" s="11"/>
      <c r="B2422" s="11"/>
      <c r="C2422" s="42"/>
      <c r="D2422" s="3"/>
      <c r="E2422" s="3"/>
      <c r="F2422" s="3"/>
      <c r="G2422" s="3"/>
      <c r="H2422" s="3"/>
      <c r="I2422" s="3"/>
      <c r="J2422" s="3"/>
      <c r="K2422" s="14"/>
      <c r="L2422" s="3"/>
    </row>
    <row r="2423" spans="1:12" ht="16.5" customHeight="1" x14ac:dyDescent="0.3">
      <c r="A2423" s="11"/>
      <c r="B2423" s="11"/>
      <c r="C2423" s="42"/>
      <c r="D2423" s="3"/>
      <c r="E2423" s="3"/>
      <c r="F2423" s="3"/>
      <c r="G2423" s="3"/>
      <c r="H2423" s="3"/>
      <c r="I2423" s="3"/>
      <c r="J2423" s="3"/>
      <c r="K2423" s="14"/>
      <c r="L2423" s="3"/>
    </row>
    <row r="2424" spans="1:12" ht="16.5" customHeight="1" x14ac:dyDescent="0.3">
      <c r="A2424" s="11"/>
      <c r="B2424" s="11"/>
      <c r="C2424" s="42"/>
      <c r="D2424" s="3"/>
      <c r="E2424" s="3"/>
      <c r="F2424" s="3"/>
      <c r="G2424" s="3"/>
      <c r="H2424" s="3"/>
      <c r="I2424" s="3"/>
      <c r="J2424" s="3"/>
      <c r="K2424" s="14"/>
      <c r="L2424" s="3"/>
    </row>
    <row r="2425" spans="1:12" ht="16.5" customHeight="1" x14ac:dyDescent="0.3">
      <c r="A2425" s="11"/>
      <c r="B2425" s="11"/>
      <c r="C2425" s="42"/>
      <c r="D2425" s="3"/>
      <c r="E2425" s="3"/>
      <c r="F2425" s="3"/>
      <c r="G2425" s="3"/>
      <c r="H2425" s="3"/>
      <c r="I2425" s="3"/>
      <c r="J2425" s="3"/>
      <c r="K2425" s="14"/>
      <c r="L2425" s="3"/>
    </row>
    <row r="2426" spans="1:12" ht="16.5" customHeight="1" x14ac:dyDescent="0.3">
      <c r="A2426" s="11"/>
      <c r="B2426" s="11"/>
      <c r="C2426" s="42"/>
      <c r="D2426" s="3"/>
      <c r="E2426" s="3"/>
      <c r="F2426" s="3"/>
      <c r="G2426" s="3"/>
      <c r="H2426" s="3"/>
      <c r="I2426" s="3"/>
      <c r="J2426" s="3"/>
      <c r="K2426" s="14"/>
      <c r="L2426" s="3"/>
    </row>
    <row r="2427" spans="1:12" ht="16.5" customHeight="1" x14ac:dyDescent="0.3">
      <c r="A2427" s="11"/>
      <c r="B2427" s="11"/>
      <c r="C2427" s="42"/>
      <c r="D2427" s="3"/>
      <c r="E2427" s="3"/>
      <c r="F2427" s="3"/>
      <c r="G2427" s="3"/>
      <c r="H2427" s="3"/>
      <c r="I2427" s="3"/>
      <c r="J2427" s="3"/>
      <c r="K2427" s="14"/>
      <c r="L2427" s="3"/>
    </row>
    <row r="2428" spans="1:12" ht="16.5" customHeight="1" x14ac:dyDescent="0.3">
      <c r="A2428" s="11"/>
      <c r="B2428" s="11"/>
      <c r="C2428" s="42"/>
      <c r="D2428" s="3"/>
      <c r="E2428" s="3"/>
      <c r="F2428" s="3"/>
      <c r="G2428" s="3"/>
      <c r="H2428" s="3"/>
      <c r="I2428" s="3"/>
      <c r="J2428" s="3"/>
      <c r="K2428" s="14"/>
      <c r="L2428" s="3"/>
    </row>
    <row r="2429" spans="1:12" ht="16.5" customHeight="1" x14ac:dyDescent="0.3">
      <c r="A2429" s="11"/>
      <c r="B2429" s="11"/>
      <c r="C2429" s="42"/>
      <c r="D2429" s="3"/>
      <c r="E2429" s="3"/>
      <c r="F2429" s="3"/>
      <c r="G2429" s="3"/>
      <c r="H2429" s="3"/>
      <c r="I2429" s="3"/>
      <c r="J2429" s="3"/>
      <c r="K2429" s="14"/>
      <c r="L2429" s="3"/>
    </row>
    <row r="2430" spans="1:12" ht="16.5" customHeight="1" x14ac:dyDescent="0.3">
      <c r="A2430" s="11"/>
      <c r="B2430" s="11"/>
      <c r="C2430" s="42"/>
      <c r="D2430" s="3"/>
      <c r="E2430" s="3"/>
      <c r="F2430" s="3"/>
      <c r="G2430" s="3"/>
      <c r="H2430" s="3"/>
      <c r="I2430" s="3"/>
      <c r="J2430" s="3"/>
      <c r="K2430" s="14"/>
      <c r="L2430" s="3"/>
    </row>
    <row r="2431" spans="1:12" ht="16.5" customHeight="1" x14ac:dyDescent="0.3">
      <c r="A2431" s="11"/>
      <c r="B2431" s="11"/>
      <c r="C2431" s="42"/>
      <c r="D2431" s="3"/>
      <c r="E2431" s="3"/>
      <c r="F2431" s="3"/>
      <c r="G2431" s="3"/>
      <c r="H2431" s="3"/>
      <c r="I2431" s="3"/>
      <c r="J2431" s="3"/>
      <c r="K2431" s="14"/>
      <c r="L2431" s="3"/>
    </row>
    <row r="2432" spans="1:12" ht="16.5" customHeight="1" x14ac:dyDescent="0.3">
      <c r="A2432" s="11"/>
      <c r="B2432" s="11"/>
      <c r="C2432" s="42"/>
      <c r="D2432" s="3"/>
      <c r="E2432" s="3"/>
      <c r="F2432" s="3"/>
      <c r="G2432" s="3"/>
      <c r="H2432" s="3"/>
      <c r="I2432" s="3"/>
      <c r="J2432" s="3"/>
      <c r="K2432" s="14"/>
      <c r="L2432" s="3"/>
    </row>
    <row r="2433" spans="1:12" ht="16.5" customHeight="1" x14ac:dyDescent="0.3">
      <c r="A2433" s="11"/>
      <c r="B2433" s="11"/>
      <c r="C2433" s="42"/>
      <c r="D2433" s="3"/>
      <c r="E2433" s="3"/>
      <c r="F2433" s="3"/>
      <c r="G2433" s="3"/>
      <c r="H2433" s="3"/>
      <c r="I2433" s="3"/>
      <c r="J2433" s="3"/>
      <c r="K2433" s="14"/>
      <c r="L2433" s="3"/>
    </row>
    <row r="2434" spans="1:12" ht="16.5" customHeight="1" x14ac:dyDescent="0.3">
      <c r="A2434" s="11"/>
      <c r="B2434" s="11"/>
      <c r="C2434" s="42"/>
      <c r="D2434" s="3"/>
      <c r="E2434" s="3"/>
      <c r="F2434" s="3"/>
      <c r="G2434" s="3"/>
      <c r="H2434" s="3"/>
      <c r="I2434" s="3"/>
      <c r="J2434" s="3"/>
      <c r="K2434" s="14"/>
      <c r="L2434" s="3"/>
    </row>
    <row r="2435" spans="1:12" ht="16.5" customHeight="1" x14ac:dyDescent="0.3">
      <c r="A2435" s="11"/>
      <c r="B2435" s="11"/>
      <c r="C2435" s="42"/>
      <c r="D2435" s="3"/>
      <c r="E2435" s="3"/>
      <c r="F2435" s="3"/>
      <c r="G2435" s="3"/>
      <c r="H2435" s="3"/>
      <c r="I2435" s="3"/>
      <c r="J2435" s="3"/>
      <c r="K2435" s="14"/>
      <c r="L2435" s="3"/>
    </row>
    <row r="2436" spans="1:12" ht="16.5" customHeight="1" x14ac:dyDescent="0.3">
      <c r="A2436" s="11"/>
      <c r="B2436" s="11"/>
      <c r="C2436" s="42"/>
      <c r="D2436" s="3"/>
      <c r="E2436" s="3"/>
      <c r="F2436" s="3"/>
      <c r="G2436" s="3"/>
      <c r="H2436" s="3"/>
      <c r="I2436" s="3"/>
      <c r="J2436" s="3"/>
      <c r="K2436" s="14"/>
      <c r="L2436" s="3"/>
    </row>
    <row r="2437" spans="1:12" ht="16.5" customHeight="1" x14ac:dyDescent="0.3">
      <c r="A2437" s="11"/>
      <c r="B2437" s="11"/>
      <c r="C2437" s="42"/>
      <c r="D2437" s="3"/>
      <c r="E2437" s="3"/>
      <c r="F2437" s="3"/>
      <c r="G2437" s="3"/>
      <c r="H2437" s="3"/>
      <c r="I2437" s="3"/>
      <c r="J2437" s="3"/>
      <c r="K2437" s="14"/>
      <c r="L2437" s="3"/>
    </row>
    <row r="2438" spans="1:12" ht="16.5" customHeight="1" x14ac:dyDescent="0.3">
      <c r="A2438" s="11"/>
      <c r="B2438" s="11"/>
      <c r="C2438" s="42"/>
      <c r="D2438" s="3"/>
      <c r="E2438" s="3"/>
      <c r="F2438" s="3"/>
      <c r="G2438" s="3"/>
      <c r="H2438" s="3"/>
      <c r="I2438" s="3"/>
      <c r="J2438" s="3"/>
      <c r="K2438" s="14"/>
      <c r="L2438" s="3"/>
    </row>
    <row r="2439" spans="1:12" ht="16.5" customHeight="1" x14ac:dyDescent="0.3">
      <c r="A2439" s="11"/>
      <c r="B2439" s="11"/>
      <c r="C2439" s="42"/>
      <c r="D2439" s="3"/>
      <c r="E2439" s="3"/>
      <c r="F2439" s="3"/>
      <c r="G2439" s="3"/>
      <c r="H2439" s="3"/>
      <c r="I2439" s="3"/>
      <c r="J2439" s="3"/>
      <c r="K2439" s="14"/>
      <c r="L2439" s="3"/>
    </row>
    <row r="2440" spans="1:12" ht="16.5" customHeight="1" x14ac:dyDescent="0.3">
      <c r="A2440" s="11"/>
      <c r="B2440" s="11"/>
      <c r="C2440" s="42"/>
      <c r="D2440" s="3"/>
      <c r="E2440" s="3"/>
      <c r="F2440" s="3"/>
      <c r="G2440" s="3"/>
      <c r="H2440" s="3"/>
      <c r="I2440" s="3"/>
      <c r="J2440" s="3"/>
      <c r="K2440" s="14"/>
      <c r="L2440" s="3"/>
    </row>
    <row r="2441" spans="1:12" ht="16.5" customHeight="1" x14ac:dyDescent="0.3">
      <c r="A2441" s="11"/>
      <c r="B2441" s="11"/>
      <c r="C2441" s="42"/>
      <c r="D2441" s="3"/>
      <c r="E2441" s="3"/>
      <c r="F2441" s="3"/>
      <c r="G2441" s="3"/>
      <c r="H2441" s="3"/>
      <c r="I2441" s="3"/>
      <c r="J2441" s="3"/>
      <c r="K2441" s="14"/>
      <c r="L2441" s="3"/>
    </row>
    <row r="2442" spans="1:12" ht="16.5" customHeight="1" x14ac:dyDescent="0.3">
      <c r="A2442" s="11"/>
      <c r="B2442" s="11"/>
      <c r="C2442" s="42"/>
      <c r="D2442" s="3"/>
      <c r="E2442" s="3"/>
      <c r="F2442" s="3"/>
      <c r="G2442" s="3"/>
      <c r="H2442" s="3"/>
      <c r="I2442" s="3"/>
      <c r="J2442" s="3"/>
      <c r="K2442" s="14"/>
      <c r="L2442" s="3"/>
    </row>
    <row r="2443" spans="1:12" ht="16.5" customHeight="1" x14ac:dyDescent="0.3">
      <c r="A2443" s="11"/>
      <c r="B2443" s="11"/>
      <c r="C2443" s="42"/>
      <c r="D2443" s="3"/>
      <c r="E2443" s="3"/>
      <c r="F2443" s="3"/>
      <c r="G2443" s="3"/>
      <c r="H2443" s="3"/>
      <c r="I2443" s="3"/>
      <c r="J2443" s="3"/>
      <c r="K2443" s="14"/>
      <c r="L2443" s="3"/>
    </row>
    <row r="2444" spans="1:12" ht="16.5" customHeight="1" x14ac:dyDescent="0.3">
      <c r="A2444" s="11"/>
      <c r="B2444" s="11"/>
      <c r="C2444" s="42"/>
      <c r="D2444" s="3"/>
      <c r="E2444" s="3"/>
      <c r="F2444" s="3"/>
      <c r="G2444" s="3"/>
      <c r="H2444" s="3"/>
      <c r="I2444" s="3"/>
      <c r="J2444" s="3"/>
      <c r="K2444" s="14"/>
      <c r="L2444" s="3"/>
    </row>
    <row r="2445" spans="1:12" ht="16.5" customHeight="1" x14ac:dyDescent="0.3">
      <c r="A2445" s="11"/>
      <c r="B2445" s="11"/>
      <c r="C2445" s="42"/>
      <c r="D2445" s="3"/>
      <c r="E2445" s="3"/>
      <c r="F2445" s="3"/>
      <c r="G2445" s="3"/>
      <c r="H2445" s="3"/>
      <c r="I2445" s="3"/>
      <c r="J2445" s="3"/>
      <c r="K2445" s="14"/>
      <c r="L2445" s="3"/>
    </row>
    <row r="2446" spans="1:12" ht="16.5" customHeight="1" x14ac:dyDescent="0.3">
      <c r="A2446" s="11"/>
      <c r="B2446" s="11"/>
      <c r="C2446" s="42"/>
      <c r="D2446" s="3"/>
      <c r="E2446" s="3"/>
      <c r="F2446" s="3"/>
      <c r="G2446" s="3"/>
      <c r="H2446" s="3"/>
      <c r="I2446" s="3"/>
      <c r="J2446" s="3"/>
      <c r="K2446" s="14"/>
      <c r="L2446" s="3"/>
    </row>
    <row r="2447" spans="1:12" ht="16.5" customHeight="1" x14ac:dyDescent="0.3">
      <c r="A2447" s="11"/>
      <c r="B2447" s="11"/>
      <c r="C2447" s="42"/>
      <c r="D2447" s="3"/>
      <c r="E2447" s="3"/>
      <c r="F2447" s="3"/>
      <c r="G2447" s="3"/>
      <c r="H2447" s="3"/>
      <c r="I2447" s="3"/>
      <c r="J2447" s="3"/>
      <c r="K2447" s="14"/>
      <c r="L2447" s="3"/>
    </row>
    <row r="2448" spans="1:12" ht="16.5" customHeight="1" x14ac:dyDescent="0.3">
      <c r="A2448" s="11"/>
      <c r="B2448" s="11"/>
      <c r="C2448" s="42"/>
      <c r="D2448" s="3"/>
      <c r="E2448" s="3"/>
      <c r="F2448" s="3"/>
      <c r="G2448" s="3"/>
      <c r="H2448" s="3"/>
      <c r="I2448" s="3"/>
      <c r="J2448" s="3"/>
      <c r="K2448" s="14"/>
      <c r="L2448" s="3"/>
    </row>
    <row r="2449" spans="1:12" ht="16.5" customHeight="1" x14ac:dyDescent="0.3">
      <c r="A2449" s="11"/>
      <c r="B2449" s="11"/>
      <c r="C2449" s="42"/>
      <c r="D2449" s="3"/>
      <c r="E2449" s="3"/>
      <c r="F2449" s="3"/>
      <c r="G2449" s="3"/>
      <c r="H2449" s="3"/>
      <c r="I2449" s="3"/>
      <c r="J2449" s="3"/>
      <c r="K2449" s="14"/>
      <c r="L2449" s="3"/>
    </row>
    <row r="2450" spans="1:12" ht="16.5" customHeight="1" x14ac:dyDescent="0.3">
      <c r="A2450" s="11"/>
      <c r="B2450" s="11"/>
      <c r="C2450" s="42"/>
      <c r="D2450" s="3"/>
      <c r="E2450" s="3"/>
      <c r="F2450" s="3"/>
      <c r="G2450" s="3"/>
      <c r="H2450" s="3"/>
      <c r="I2450" s="3"/>
      <c r="J2450" s="3"/>
      <c r="K2450" s="14"/>
      <c r="L2450" s="3"/>
    </row>
    <row r="2451" spans="1:12" ht="16.5" customHeight="1" x14ac:dyDescent="0.3">
      <c r="A2451" s="11"/>
      <c r="B2451" s="11"/>
      <c r="C2451" s="42"/>
      <c r="D2451" s="3"/>
      <c r="E2451" s="3"/>
      <c r="F2451" s="3"/>
      <c r="G2451" s="3"/>
      <c r="H2451" s="3"/>
      <c r="I2451" s="3"/>
      <c r="J2451" s="3"/>
      <c r="K2451" s="14"/>
      <c r="L2451" s="3"/>
    </row>
    <row r="2452" spans="1:12" ht="16.5" customHeight="1" x14ac:dyDescent="0.3">
      <c r="A2452" s="11"/>
      <c r="B2452" s="11"/>
      <c r="C2452" s="42"/>
      <c r="D2452" s="3"/>
      <c r="E2452" s="3"/>
      <c r="F2452" s="3"/>
      <c r="G2452" s="3"/>
      <c r="H2452" s="3"/>
      <c r="I2452" s="3"/>
      <c r="J2452" s="3"/>
      <c r="K2452" s="14"/>
      <c r="L2452" s="3"/>
    </row>
    <row r="2453" spans="1:12" ht="16.5" customHeight="1" x14ac:dyDescent="0.3">
      <c r="A2453" s="11"/>
      <c r="B2453" s="11"/>
      <c r="C2453" s="42"/>
      <c r="D2453" s="3"/>
      <c r="E2453" s="3"/>
      <c r="F2453" s="3"/>
      <c r="G2453" s="3"/>
      <c r="H2453" s="3"/>
      <c r="I2453" s="3"/>
      <c r="J2453" s="3"/>
      <c r="K2453" s="14"/>
      <c r="L2453" s="3"/>
    </row>
    <row r="2454" spans="1:12" ht="16.5" customHeight="1" x14ac:dyDescent="0.3">
      <c r="A2454" s="11"/>
      <c r="B2454" s="11"/>
      <c r="C2454" s="42"/>
      <c r="D2454" s="3"/>
      <c r="E2454" s="3"/>
      <c r="F2454" s="3"/>
      <c r="G2454" s="3"/>
      <c r="H2454" s="3"/>
      <c r="I2454" s="3"/>
      <c r="J2454" s="3"/>
      <c r="K2454" s="14"/>
      <c r="L2454" s="3"/>
    </row>
    <row r="2455" spans="1:12" ht="16.5" customHeight="1" x14ac:dyDescent="0.3">
      <c r="A2455" s="11"/>
      <c r="B2455" s="11"/>
      <c r="C2455" s="42"/>
      <c r="D2455" s="3"/>
      <c r="E2455" s="3"/>
      <c r="F2455" s="3"/>
      <c r="G2455" s="3"/>
      <c r="H2455" s="3"/>
      <c r="I2455" s="3"/>
      <c r="J2455" s="3"/>
      <c r="K2455" s="14"/>
      <c r="L2455" s="3"/>
    </row>
    <row r="2456" spans="1:12" ht="16.5" customHeight="1" x14ac:dyDescent="0.3">
      <c r="A2456" s="11"/>
      <c r="B2456" s="11"/>
      <c r="C2456" s="42"/>
      <c r="D2456" s="3"/>
      <c r="E2456" s="3"/>
      <c r="F2456" s="3"/>
      <c r="G2456" s="3"/>
      <c r="H2456" s="3"/>
      <c r="I2456" s="3"/>
      <c r="J2456" s="3"/>
      <c r="K2456" s="14"/>
      <c r="L2456" s="3"/>
    </row>
    <row r="2457" spans="1:12" ht="16.5" customHeight="1" x14ac:dyDescent="0.3">
      <c r="A2457" s="11"/>
      <c r="B2457" s="11"/>
      <c r="C2457" s="42"/>
      <c r="D2457" s="3"/>
      <c r="E2457" s="3"/>
      <c r="F2457" s="3"/>
      <c r="G2457" s="3"/>
      <c r="H2457" s="3"/>
      <c r="I2457" s="3"/>
      <c r="J2457" s="3"/>
      <c r="K2457" s="14"/>
      <c r="L2457" s="3"/>
    </row>
    <row r="2458" spans="1:12" ht="16.5" customHeight="1" x14ac:dyDescent="0.3">
      <c r="A2458" s="11"/>
      <c r="B2458" s="11"/>
      <c r="C2458" s="42"/>
      <c r="D2458" s="3"/>
      <c r="E2458" s="3"/>
      <c r="F2458" s="3"/>
      <c r="G2458" s="3"/>
      <c r="H2458" s="3"/>
      <c r="I2458" s="3"/>
      <c r="J2458" s="3"/>
      <c r="K2458" s="14"/>
      <c r="L2458" s="3"/>
    </row>
    <row r="2459" spans="1:12" ht="16.5" customHeight="1" x14ac:dyDescent="0.3">
      <c r="A2459" s="11"/>
      <c r="B2459" s="11"/>
      <c r="C2459" s="42"/>
      <c r="D2459" s="3"/>
      <c r="E2459" s="3"/>
      <c r="F2459" s="3"/>
      <c r="G2459" s="3"/>
      <c r="H2459" s="3"/>
      <c r="I2459" s="3"/>
      <c r="J2459" s="3"/>
      <c r="K2459" s="14"/>
      <c r="L2459" s="3"/>
    </row>
    <row r="2460" spans="1:12" ht="16.5" customHeight="1" x14ac:dyDescent="0.3">
      <c r="A2460" s="11"/>
      <c r="B2460" s="11"/>
      <c r="C2460" s="42"/>
      <c r="D2460" s="3"/>
      <c r="E2460" s="3"/>
      <c r="F2460" s="3"/>
      <c r="G2460" s="3"/>
      <c r="H2460" s="3"/>
      <c r="I2460" s="3"/>
      <c r="J2460" s="3"/>
      <c r="K2460" s="14"/>
      <c r="L2460" s="3"/>
    </row>
    <row r="2461" spans="1:12" ht="16.5" customHeight="1" x14ac:dyDescent="0.3">
      <c r="A2461" s="11"/>
      <c r="B2461" s="11"/>
      <c r="C2461" s="42"/>
      <c r="D2461" s="3"/>
      <c r="E2461" s="3"/>
      <c r="F2461" s="3"/>
      <c r="G2461" s="3"/>
      <c r="H2461" s="3"/>
      <c r="I2461" s="3"/>
      <c r="J2461" s="3"/>
      <c r="K2461" s="14"/>
      <c r="L2461" s="3"/>
    </row>
    <row r="2462" spans="1:12" ht="16.5" customHeight="1" x14ac:dyDescent="0.3">
      <c r="A2462" s="11"/>
      <c r="B2462" s="11"/>
      <c r="C2462" s="42"/>
      <c r="D2462" s="3"/>
      <c r="E2462" s="3"/>
      <c r="F2462" s="3"/>
      <c r="G2462" s="3"/>
      <c r="H2462" s="3"/>
      <c r="I2462" s="3"/>
      <c r="J2462" s="3"/>
      <c r="K2462" s="14"/>
      <c r="L2462" s="3"/>
    </row>
    <row r="2463" spans="1:12" ht="16.5" customHeight="1" x14ac:dyDescent="0.3">
      <c r="A2463" s="11"/>
      <c r="B2463" s="11"/>
      <c r="C2463" s="42"/>
      <c r="D2463" s="3"/>
      <c r="E2463" s="3"/>
      <c r="F2463" s="3"/>
      <c r="G2463" s="3"/>
      <c r="H2463" s="3"/>
      <c r="I2463" s="3"/>
      <c r="J2463" s="3"/>
      <c r="K2463" s="14"/>
      <c r="L2463" s="3"/>
    </row>
    <row r="2464" spans="1:12" ht="16.5" customHeight="1" x14ac:dyDescent="0.3">
      <c r="A2464" s="11"/>
      <c r="B2464" s="11"/>
      <c r="C2464" s="42"/>
      <c r="D2464" s="3"/>
      <c r="E2464" s="3"/>
      <c r="F2464" s="3"/>
      <c r="G2464" s="3"/>
      <c r="H2464" s="3"/>
      <c r="I2464" s="3"/>
      <c r="J2464" s="3"/>
      <c r="K2464" s="14"/>
      <c r="L2464" s="3"/>
    </row>
    <row r="2465" spans="1:12" ht="16.5" customHeight="1" x14ac:dyDescent="0.3">
      <c r="A2465" s="11"/>
      <c r="B2465" s="11"/>
      <c r="C2465" s="42"/>
      <c r="D2465" s="3"/>
      <c r="E2465" s="3"/>
      <c r="F2465" s="3"/>
      <c r="G2465" s="3"/>
      <c r="H2465" s="3"/>
      <c r="I2465" s="3"/>
      <c r="J2465" s="3"/>
      <c r="K2465" s="14"/>
      <c r="L2465" s="3"/>
    </row>
    <row r="2466" spans="1:12" ht="16.5" customHeight="1" x14ac:dyDescent="0.3">
      <c r="A2466" s="11"/>
      <c r="B2466" s="11"/>
      <c r="C2466" s="42"/>
      <c r="D2466" s="3"/>
      <c r="E2466" s="3"/>
      <c r="F2466" s="3"/>
      <c r="G2466" s="3"/>
      <c r="H2466" s="3"/>
      <c r="I2466" s="3"/>
      <c r="J2466" s="3"/>
      <c r="K2466" s="14"/>
      <c r="L2466" s="3"/>
    </row>
    <row r="2467" spans="1:12" ht="16.5" customHeight="1" x14ac:dyDescent="0.3">
      <c r="A2467" s="11"/>
      <c r="B2467" s="11"/>
      <c r="C2467" s="42"/>
      <c r="D2467" s="3"/>
      <c r="E2467" s="3"/>
      <c r="F2467" s="3"/>
      <c r="G2467" s="3"/>
      <c r="H2467" s="3"/>
      <c r="I2467" s="3"/>
      <c r="J2467" s="3"/>
      <c r="K2467" s="14"/>
      <c r="L2467" s="3"/>
    </row>
    <row r="2468" spans="1:12" ht="16.5" customHeight="1" x14ac:dyDescent="0.3">
      <c r="A2468" s="11"/>
      <c r="B2468" s="11"/>
      <c r="C2468" s="42"/>
      <c r="D2468" s="3"/>
      <c r="E2468" s="3"/>
      <c r="F2468" s="3"/>
      <c r="G2468" s="3"/>
      <c r="H2468" s="3"/>
      <c r="I2468" s="3"/>
      <c r="J2468" s="3"/>
      <c r="K2468" s="14"/>
      <c r="L2468" s="3"/>
    </row>
    <row r="2469" spans="1:12" ht="16.5" customHeight="1" x14ac:dyDescent="0.3">
      <c r="A2469" s="11"/>
      <c r="B2469" s="11"/>
      <c r="C2469" s="42"/>
      <c r="D2469" s="3"/>
      <c r="E2469" s="3"/>
      <c r="F2469" s="3"/>
      <c r="G2469" s="3"/>
      <c r="H2469" s="3"/>
      <c r="I2469" s="3"/>
      <c r="J2469" s="3"/>
      <c r="K2469" s="14"/>
      <c r="L2469" s="3"/>
    </row>
    <row r="2470" spans="1:12" ht="16.5" customHeight="1" x14ac:dyDescent="0.3">
      <c r="A2470" s="11"/>
      <c r="B2470" s="11"/>
      <c r="C2470" s="42"/>
      <c r="D2470" s="3"/>
      <c r="E2470" s="3"/>
      <c r="F2470" s="3"/>
      <c r="G2470" s="3"/>
      <c r="H2470" s="3"/>
      <c r="I2470" s="3"/>
      <c r="J2470" s="3"/>
      <c r="K2470" s="14"/>
      <c r="L2470" s="3"/>
    </row>
    <row r="2471" spans="1:12" ht="16.5" customHeight="1" x14ac:dyDescent="0.3">
      <c r="A2471" s="11"/>
      <c r="B2471" s="11"/>
      <c r="C2471" s="42"/>
      <c r="D2471" s="3"/>
      <c r="E2471" s="3"/>
      <c r="F2471" s="3"/>
      <c r="G2471" s="3"/>
      <c r="H2471" s="3"/>
      <c r="I2471" s="3"/>
      <c r="J2471" s="3"/>
      <c r="K2471" s="14"/>
      <c r="L2471" s="3"/>
    </row>
    <row r="2472" spans="1:12" ht="16.5" customHeight="1" x14ac:dyDescent="0.3">
      <c r="A2472" s="11"/>
      <c r="B2472" s="11"/>
      <c r="C2472" s="42"/>
      <c r="D2472" s="3"/>
      <c r="E2472" s="3"/>
      <c r="F2472" s="3"/>
      <c r="G2472" s="3"/>
      <c r="H2472" s="3"/>
      <c r="I2472" s="3"/>
      <c r="J2472" s="3"/>
      <c r="K2472" s="14"/>
      <c r="L2472" s="3"/>
    </row>
    <row r="2473" spans="1:12" ht="16.5" customHeight="1" x14ac:dyDescent="0.3">
      <c r="A2473" s="11"/>
      <c r="B2473" s="11"/>
      <c r="C2473" s="42"/>
      <c r="D2473" s="3"/>
      <c r="E2473" s="3"/>
      <c r="F2473" s="3"/>
      <c r="G2473" s="3"/>
      <c r="H2473" s="3"/>
      <c r="I2473" s="3"/>
      <c r="J2473" s="3"/>
      <c r="K2473" s="14"/>
      <c r="L2473" s="3"/>
    </row>
    <row r="2474" spans="1:12" ht="16.5" customHeight="1" x14ac:dyDescent="0.3">
      <c r="A2474" s="11"/>
      <c r="B2474" s="11"/>
      <c r="C2474" s="42"/>
      <c r="D2474" s="3"/>
      <c r="E2474" s="3"/>
      <c r="F2474" s="3"/>
      <c r="G2474" s="3"/>
      <c r="H2474" s="3"/>
      <c r="I2474" s="3"/>
      <c r="J2474" s="3"/>
      <c r="K2474" s="14"/>
      <c r="L2474" s="3"/>
    </row>
    <row r="2475" spans="1:12" ht="16.5" customHeight="1" x14ac:dyDescent="0.3">
      <c r="A2475" s="11"/>
      <c r="B2475" s="11"/>
      <c r="C2475" s="42"/>
      <c r="D2475" s="3"/>
      <c r="E2475" s="3"/>
      <c r="F2475" s="3"/>
      <c r="G2475" s="3"/>
      <c r="H2475" s="3"/>
      <c r="I2475" s="3"/>
      <c r="J2475" s="3"/>
      <c r="K2475" s="14"/>
      <c r="L2475" s="3"/>
    </row>
    <row r="2476" spans="1:12" ht="16.5" customHeight="1" x14ac:dyDescent="0.3">
      <c r="A2476" s="11"/>
      <c r="B2476" s="11"/>
      <c r="C2476" s="42"/>
      <c r="D2476" s="3"/>
      <c r="E2476" s="3"/>
      <c r="F2476" s="3"/>
      <c r="G2476" s="3"/>
      <c r="H2476" s="3"/>
      <c r="I2476" s="3"/>
      <c r="J2476" s="3"/>
      <c r="K2476" s="14"/>
      <c r="L2476" s="3"/>
    </row>
    <row r="2477" spans="1:12" ht="16.5" customHeight="1" x14ac:dyDescent="0.3">
      <c r="A2477" s="11"/>
      <c r="B2477" s="11"/>
      <c r="C2477" s="42"/>
      <c r="D2477" s="3"/>
      <c r="E2477" s="3"/>
      <c r="F2477" s="3"/>
      <c r="G2477" s="3"/>
      <c r="H2477" s="3"/>
      <c r="I2477" s="3"/>
      <c r="J2477" s="3"/>
      <c r="K2477" s="14"/>
      <c r="L2477" s="3"/>
    </row>
    <row r="2478" spans="1:12" ht="16.5" customHeight="1" x14ac:dyDescent="0.3">
      <c r="A2478" s="11"/>
      <c r="B2478" s="11"/>
      <c r="C2478" s="42"/>
      <c r="D2478" s="3"/>
      <c r="E2478" s="3"/>
      <c r="F2478" s="3"/>
      <c r="G2478" s="3"/>
      <c r="H2478" s="3"/>
      <c r="I2478" s="3"/>
      <c r="J2478" s="3"/>
      <c r="K2478" s="14"/>
      <c r="L2478" s="3"/>
    </row>
    <row r="2479" spans="1:12" ht="16.5" customHeight="1" x14ac:dyDescent="0.3">
      <c r="A2479" s="11"/>
      <c r="B2479" s="11"/>
      <c r="C2479" s="42"/>
      <c r="D2479" s="3"/>
      <c r="E2479" s="3"/>
      <c r="F2479" s="3"/>
      <c r="G2479" s="3"/>
      <c r="H2479" s="3"/>
      <c r="I2479" s="3"/>
      <c r="J2479" s="3"/>
      <c r="K2479" s="14"/>
      <c r="L2479" s="3"/>
    </row>
    <row r="2480" spans="1:12" ht="16.5" customHeight="1" x14ac:dyDescent="0.3">
      <c r="A2480" s="11"/>
      <c r="B2480" s="11"/>
      <c r="C2480" s="42"/>
      <c r="D2480" s="3"/>
      <c r="E2480" s="3"/>
      <c r="F2480" s="3"/>
      <c r="G2480" s="3"/>
      <c r="H2480" s="3"/>
      <c r="I2480" s="3"/>
      <c r="J2480" s="3"/>
      <c r="K2480" s="14"/>
      <c r="L2480" s="3"/>
    </row>
    <row r="2481" spans="1:12" ht="16.5" customHeight="1" x14ac:dyDescent="0.3">
      <c r="A2481" s="11"/>
      <c r="B2481" s="11"/>
      <c r="C2481" s="42"/>
      <c r="D2481" s="3"/>
      <c r="E2481" s="3"/>
      <c r="F2481" s="3"/>
      <c r="G2481" s="3"/>
      <c r="H2481" s="3"/>
      <c r="I2481" s="3"/>
      <c r="J2481" s="3"/>
      <c r="K2481" s="14"/>
      <c r="L2481" s="3"/>
    </row>
    <row r="2482" spans="1:12" ht="16.5" customHeight="1" x14ac:dyDescent="0.3">
      <c r="A2482" s="11"/>
      <c r="B2482" s="11"/>
      <c r="C2482" s="42"/>
      <c r="D2482" s="3"/>
      <c r="E2482" s="3"/>
      <c r="F2482" s="3"/>
      <c r="G2482" s="3"/>
      <c r="H2482" s="3"/>
      <c r="I2482" s="3"/>
      <c r="J2482" s="3"/>
      <c r="K2482" s="14"/>
      <c r="L2482" s="3"/>
    </row>
    <row r="2483" spans="1:12" ht="16.5" customHeight="1" x14ac:dyDescent="0.3">
      <c r="A2483" s="11"/>
      <c r="B2483" s="11"/>
      <c r="C2483" s="42"/>
      <c r="D2483" s="3"/>
      <c r="E2483" s="3"/>
      <c r="F2483" s="3"/>
      <c r="G2483" s="3"/>
      <c r="H2483" s="3"/>
      <c r="I2483" s="3"/>
      <c r="J2483" s="3"/>
      <c r="K2483" s="14"/>
      <c r="L2483" s="3"/>
    </row>
    <row r="2484" spans="1:12" ht="16.5" customHeight="1" x14ac:dyDescent="0.3">
      <c r="A2484" s="11"/>
      <c r="B2484" s="11"/>
      <c r="C2484" s="42"/>
      <c r="D2484" s="3"/>
      <c r="E2484" s="3"/>
      <c r="F2484" s="3"/>
      <c r="G2484" s="3"/>
      <c r="H2484" s="3"/>
      <c r="I2484" s="3"/>
      <c r="J2484" s="3"/>
      <c r="K2484" s="14"/>
      <c r="L2484" s="3"/>
    </row>
    <row r="2485" spans="1:12" ht="16.5" customHeight="1" x14ac:dyDescent="0.3">
      <c r="A2485" s="11"/>
      <c r="B2485" s="11"/>
      <c r="C2485" s="42"/>
      <c r="D2485" s="3"/>
      <c r="E2485" s="3"/>
      <c r="F2485" s="3"/>
      <c r="G2485" s="3"/>
      <c r="H2485" s="3"/>
      <c r="I2485" s="3"/>
      <c r="J2485" s="3"/>
      <c r="K2485" s="14"/>
      <c r="L2485" s="3"/>
    </row>
    <row r="2486" spans="1:12" ht="16.5" customHeight="1" x14ac:dyDescent="0.3">
      <c r="A2486" s="11"/>
      <c r="B2486" s="11"/>
      <c r="C2486" s="42"/>
      <c r="D2486" s="3"/>
      <c r="E2486" s="3"/>
      <c r="F2486" s="3"/>
      <c r="G2486" s="3"/>
      <c r="H2486" s="3"/>
      <c r="I2486" s="3"/>
      <c r="J2486" s="3"/>
      <c r="K2486" s="14"/>
      <c r="L2486" s="3"/>
    </row>
    <row r="2487" spans="1:12" ht="16.5" customHeight="1" x14ac:dyDescent="0.3">
      <c r="A2487" s="11"/>
      <c r="B2487" s="11"/>
      <c r="C2487" s="42"/>
      <c r="D2487" s="3"/>
      <c r="E2487" s="3"/>
      <c r="F2487" s="3"/>
      <c r="G2487" s="3"/>
      <c r="H2487" s="3"/>
      <c r="I2487" s="3"/>
      <c r="J2487" s="3"/>
      <c r="K2487" s="14"/>
      <c r="L2487" s="3"/>
    </row>
    <row r="2488" spans="1:12" ht="16.5" customHeight="1" x14ac:dyDescent="0.3">
      <c r="A2488" s="11"/>
      <c r="B2488" s="11"/>
      <c r="C2488" s="42"/>
      <c r="D2488" s="3"/>
      <c r="E2488" s="3"/>
      <c r="F2488" s="3"/>
      <c r="G2488" s="3"/>
      <c r="H2488" s="3"/>
      <c r="I2488" s="3"/>
      <c r="J2488" s="3"/>
      <c r="K2488" s="14"/>
      <c r="L2488" s="3"/>
    </row>
    <row r="2489" spans="1:12" ht="16.5" customHeight="1" x14ac:dyDescent="0.3">
      <c r="A2489" s="11"/>
      <c r="B2489" s="11"/>
      <c r="C2489" s="42"/>
      <c r="D2489" s="3"/>
      <c r="E2489" s="3"/>
      <c r="F2489" s="3"/>
      <c r="G2489" s="3"/>
      <c r="H2489" s="3"/>
      <c r="I2489" s="3"/>
      <c r="J2489" s="3"/>
      <c r="K2489" s="14"/>
      <c r="L2489" s="3"/>
    </row>
    <row r="2490" spans="1:12" ht="16.5" customHeight="1" x14ac:dyDescent="0.3">
      <c r="A2490" s="11"/>
      <c r="B2490" s="11"/>
      <c r="C2490" s="42"/>
      <c r="D2490" s="3"/>
      <c r="E2490" s="3"/>
      <c r="F2490" s="3"/>
      <c r="G2490" s="3"/>
      <c r="H2490" s="3"/>
      <c r="I2490" s="3"/>
      <c r="J2490" s="3"/>
      <c r="K2490" s="14"/>
      <c r="L2490" s="3"/>
    </row>
    <row r="2491" spans="1:12" ht="16.5" customHeight="1" x14ac:dyDescent="0.3">
      <c r="A2491" s="11"/>
      <c r="B2491" s="11"/>
      <c r="C2491" s="42"/>
      <c r="D2491" s="3"/>
      <c r="E2491" s="3"/>
      <c r="F2491" s="3"/>
      <c r="G2491" s="3"/>
      <c r="H2491" s="3"/>
      <c r="I2491" s="3"/>
      <c r="J2491" s="3"/>
      <c r="K2491" s="14"/>
      <c r="L2491" s="3"/>
    </row>
    <row r="2492" spans="1:12" ht="16.5" customHeight="1" x14ac:dyDescent="0.3">
      <c r="A2492" s="11"/>
      <c r="B2492" s="11"/>
      <c r="C2492" s="42"/>
      <c r="D2492" s="3"/>
      <c r="E2492" s="3"/>
      <c r="F2492" s="3"/>
      <c r="G2492" s="3"/>
      <c r="H2492" s="3"/>
      <c r="I2492" s="3"/>
      <c r="J2492" s="3"/>
      <c r="K2492" s="14"/>
      <c r="L2492" s="3"/>
    </row>
    <row r="2493" spans="1:12" ht="16.5" customHeight="1" x14ac:dyDescent="0.3">
      <c r="A2493" s="11"/>
      <c r="B2493" s="11"/>
      <c r="C2493" s="42"/>
      <c r="D2493" s="3"/>
      <c r="E2493" s="3"/>
      <c r="F2493" s="3"/>
      <c r="G2493" s="3"/>
      <c r="H2493" s="3"/>
      <c r="I2493" s="3"/>
      <c r="J2493" s="3"/>
      <c r="K2493" s="14"/>
      <c r="L2493" s="3"/>
    </row>
    <row r="2494" spans="1:12" ht="16.5" customHeight="1" x14ac:dyDescent="0.3">
      <c r="A2494" s="11"/>
      <c r="B2494" s="11"/>
      <c r="C2494" s="42"/>
      <c r="D2494" s="3"/>
      <c r="E2494" s="3"/>
      <c r="F2494" s="3"/>
      <c r="G2494" s="3"/>
      <c r="H2494" s="3"/>
      <c r="I2494" s="3"/>
      <c r="J2494" s="3"/>
      <c r="K2494" s="14"/>
      <c r="L2494" s="3"/>
    </row>
    <row r="2495" spans="1:12" ht="16.5" customHeight="1" x14ac:dyDescent="0.3">
      <c r="A2495" s="11"/>
      <c r="B2495" s="11"/>
      <c r="C2495" s="42"/>
      <c r="D2495" s="3"/>
      <c r="E2495" s="3"/>
      <c r="F2495" s="3"/>
      <c r="G2495" s="3"/>
      <c r="H2495" s="3"/>
      <c r="I2495" s="3"/>
      <c r="J2495" s="3"/>
      <c r="K2495" s="14"/>
      <c r="L2495" s="3"/>
    </row>
    <row r="2496" spans="1:12" ht="16.5" customHeight="1" x14ac:dyDescent="0.3">
      <c r="A2496" s="11"/>
      <c r="B2496" s="11"/>
      <c r="C2496" s="42"/>
      <c r="D2496" s="3"/>
      <c r="E2496" s="3"/>
      <c r="F2496" s="3"/>
      <c r="G2496" s="3"/>
      <c r="H2496" s="3"/>
      <c r="I2496" s="3"/>
      <c r="J2496" s="3"/>
      <c r="K2496" s="14"/>
      <c r="L2496" s="3"/>
    </row>
    <row r="2497" spans="1:12" ht="16.5" customHeight="1" x14ac:dyDescent="0.3">
      <c r="A2497" s="11"/>
      <c r="B2497" s="11"/>
      <c r="C2497" s="42"/>
      <c r="D2497" s="3"/>
      <c r="E2497" s="3"/>
      <c r="F2497" s="3"/>
      <c r="G2497" s="3"/>
      <c r="H2497" s="3"/>
      <c r="I2497" s="3"/>
      <c r="J2497" s="3"/>
      <c r="K2497" s="14"/>
      <c r="L2497" s="3"/>
    </row>
    <row r="2498" spans="1:12" ht="16.5" customHeight="1" x14ac:dyDescent="0.3">
      <c r="A2498" s="11"/>
      <c r="B2498" s="11"/>
      <c r="C2498" s="42"/>
      <c r="D2498" s="3"/>
      <c r="E2498" s="3"/>
      <c r="F2498" s="3"/>
      <c r="G2498" s="3"/>
      <c r="H2498" s="3"/>
      <c r="I2498" s="3"/>
      <c r="J2498" s="3"/>
      <c r="K2498" s="14"/>
      <c r="L2498" s="3"/>
    </row>
    <row r="2499" spans="1:12" ht="16.5" customHeight="1" x14ac:dyDescent="0.3">
      <c r="A2499" s="11"/>
      <c r="B2499" s="11"/>
      <c r="C2499" s="42"/>
      <c r="D2499" s="3"/>
      <c r="E2499" s="3"/>
      <c r="F2499" s="3"/>
      <c r="G2499" s="3"/>
      <c r="H2499" s="3"/>
      <c r="I2499" s="3"/>
      <c r="J2499" s="3"/>
      <c r="K2499" s="14"/>
      <c r="L2499" s="3"/>
    </row>
    <row r="2500" spans="1:12" ht="16.5" customHeight="1" x14ac:dyDescent="0.3">
      <c r="A2500" s="11"/>
      <c r="B2500" s="11"/>
      <c r="C2500" s="42"/>
      <c r="D2500" s="3"/>
      <c r="E2500" s="3"/>
      <c r="F2500" s="3"/>
      <c r="G2500" s="3"/>
      <c r="H2500" s="3"/>
      <c r="I2500" s="3"/>
      <c r="J2500" s="3"/>
      <c r="K2500" s="14"/>
      <c r="L2500" s="3"/>
    </row>
    <row r="2501" spans="1:12" ht="16.5" customHeight="1" x14ac:dyDescent="0.3">
      <c r="A2501" s="11"/>
      <c r="B2501" s="11"/>
      <c r="C2501" s="42"/>
      <c r="D2501" s="3"/>
      <c r="E2501" s="3"/>
      <c r="F2501" s="3"/>
      <c r="G2501" s="3"/>
      <c r="H2501" s="3"/>
      <c r="I2501" s="3"/>
      <c r="J2501" s="3"/>
      <c r="K2501" s="14"/>
      <c r="L2501" s="3"/>
    </row>
    <row r="2502" spans="1:12" ht="16.5" customHeight="1" x14ac:dyDescent="0.3">
      <c r="A2502" s="11"/>
      <c r="B2502" s="11"/>
      <c r="C2502" s="42"/>
      <c r="D2502" s="3"/>
      <c r="E2502" s="3"/>
      <c r="F2502" s="3"/>
      <c r="G2502" s="3"/>
      <c r="H2502" s="3"/>
      <c r="I2502" s="3"/>
      <c r="J2502" s="3"/>
      <c r="K2502" s="14"/>
      <c r="L2502" s="3"/>
    </row>
    <row r="2503" spans="1:12" ht="16.5" customHeight="1" x14ac:dyDescent="0.3">
      <c r="A2503" s="11"/>
      <c r="B2503" s="11"/>
      <c r="C2503" s="42"/>
      <c r="D2503" s="3"/>
      <c r="E2503" s="3"/>
      <c r="F2503" s="3"/>
      <c r="G2503" s="3"/>
      <c r="H2503" s="3"/>
      <c r="I2503" s="3"/>
      <c r="J2503" s="3"/>
      <c r="K2503" s="14"/>
      <c r="L2503" s="3"/>
    </row>
    <row r="2504" spans="1:12" ht="16.5" customHeight="1" x14ac:dyDescent="0.3">
      <c r="A2504" s="11"/>
      <c r="B2504" s="11"/>
      <c r="C2504" s="42"/>
      <c r="D2504" s="3"/>
      <c r="E2504" s="3"/>
      <c r="F2504" s="3"/>
      <c r="G2504" s="3"/>
      <c r="H2504" s="3"/>
      <c r="I2504" s="3"/>
      <c r="J2504" s="3"/>
      <c r="K2504" s="14"/>
      <c r="L2504" s="3"/>
    </row>
    <row r="2505" spans="1:12" ht="16.5" customHeight="1" x14ac:dyDescent="0.3">
      <c r="A2505" s="11"/>
      <c r="B2505" s="11"/>
      <c r="C2505" s="42"/>
      <c r="D2505" s="3"/>
      <c r="E2505" s="3"/>
      <c r="F2505" s="3"/>
      <c r="G2505" s="3"/>
      <c r="H2505" s="3"/>
      <c r="I2505" s="3"/>
      <c r="J2505" s="3"/>
      <c r="K2505" s="14"/>
      <c r="L2505" s="3"/>
    </row>
    <row r="2506" spans="1:12" ht="16.5" customHeight="1" x14ac:dyDescent="0.3">
      <c r="A2506" s="11"/>
      <c r="B2506" s="11"/>
      <c r="C2506" s="42"/>
      <c r="D2506" s="3"/>
      <c r="E2506" s="3"/>
      <c r="F2506" s="3"/>
      <c r="G2506" s="3"/>
      <c r="H2506" s="3"/>
      <c r="I2506" s="3"/>
      <c r="J2506" s="3"/>
      <c r="K2506" s="14"/>
      <c r="L2506" s="3"/>
    </row>
    <row r="2507" spans="1:12" ht="16.5" customHeight="1" x14ac:dyDescent="0.3">
      <c r="A2507" s="11"/>
      <c r="B2507" s="11"/>
      <c r="C2507" s="42"/>
      <c r="D2507" s="3"/>
      <c r="E2507" s="3"/>
      <c r="F2507" s="3"/>
      <c r="G2507" s="3"/>
      <c r="H2507" s="3"/>
      <c r="I2507" s="3"/>
      <c r="J2507" s="3"/>
      <c r="K2507" s="14"/>
      <c r="L2507" s="3"/>
    </row>
    <row r="2508" spans="1:12" ht="16.5" customHeight="1" x14ac:dyDescent="0.3">
      <c r="A2508" s="11"/>
      <c r="B2508" s="11"/>
      <c r="C2508" s="42"/>
      <c r="D2508" s="3"/>
      <c r="E2508" s="3"/>
      <c r="F2508" s="3"/>
      <c r="G2508" s="3"/>
      <c r="H2508" s="3"/>
      <c r="I2508" s="3"/>
      <c r="J2508" s="3"/>
      <c r="K2508" s="14"/>
      <c r="L2508" s="3"/>
    </row>
    <row r="2509" spans="1:12" ht="16.5" customHeight="1" x14ac:dyDescent="0.3">
      <c r="A2509" s="11"/>
      <c r="B2509" s="11"/>
      <c r="C2509" s="42"/>
      <c r="D2509" s="3"/>
      <c r="E2509" s="3"/>
      <c r="F2509" s="3"/>
      <c r="G2509" s="3"/>
      <c r="H2509" s="3"/>
      <c r="I2509" s="3"/>
      <c r="J2509" s="3"/>
      <c r="K2509" s="14"/>
      <c r="L2509" s="3"/>
    </row>
    <row r="2510" spans="1:12" ht="16.5" customHeight="1" x14ac:dyDescent="0.3">
      <c r="A2510" s="11"/>
      <c r="B2510" s="11"/>
      <c r="C2510" s="42"/>
      <c r="D2510" s="3"/>
      <c r="E2510" s="3"/>
      <c r="F2510" s="3"/>
      <c r="G2510" s="3"/>
      <c r="H2510" s="3"/>
      <c r="I2510" s="3"/>
      <c r="J2510" s="3"/>
      <c r="K2510" s="14"/>
      <c r="L2510" s="3"/>
    </row>
    <row r="2511" spans="1:12" ht="16.5" customHeight="1" x14ac:dyDescent="0.3">
      <c r="A2511" s="11"/>
      <c r="B2511" s="11"/>
      <c r="C2511" s="42"/>
      <c r="D2511" s="3"/>
      <c r="E2511" s="3"/>
      <c r="F2511" s="3"/>
      <c r="G2511" s="3"/>
      <c r="H2511" s="3"/>
      <c r="I2511" s="3"/>
      <c r="J2511" s="3"/>
      <c r="K2511" s="14"/>
      <c r="L2511" s="3"/>
    </row>
    <row r="2512" spans="1:12" ht="16.5" customHeight="1" x14ac:dyDescent="0.3">
      <c r="A2512" s="11"/>
      <c r="B2512" s="11"/>
      <c r="C2512" s="42"/>
      <c r="D2512" s="3"/>
      <c r="E2512" s="3"/>
      <c r="F2512" s="3"/>
      <c r="G2512" s="3"/>
      <c r="H2512" s="3"/>
      <c r="I2512" s="3"/>
      <c r="J2512" s="3"/>
      <c r="K2512" s="14"/>
      <c r="L2512" s="3"/>
    </row>
    <row r="2513" spans="1:12" ht="16.5" customHeight="1" x14ac:dyDescent="0.3">
      <c r="A2513" s="11"/>
      <c r="B2513" s="11"/>
      <c r="C2513" s="42"/>
      <c r="D2513" s="3"/>
      <c r="E2513" s="3"/>
      <c r="F2513" s="3"/>
      <c r="G2513" s="3"/>
      <c r="H2513" s="3"/>
      <c r="I2513" s="3"/>
      <c r="J2513" s="3"/>
      <c r="K2513" s="14"/>
      <c r="L2513" s="3"/>
    </row>
    <row r="2514" spans="1:12" ht="16.5" customHeight="1" x14ac:dyDescent="0.3">
      <c r="A2514" s="11"/>
      <c r="B2514" s="11"/>
      <c r="C2514" s="42"/>
      <c r="D2514" s="3"/>
      <c r="E2514" s="3"/>
      <c r="F2514" s="3"/>
      <c r="G2514" s="3"/>
      <c r="H2514" s="3"/>
      <c r="I2514" s="3"/>
      <c r="J2514" s="3"/>
      <c r="K2514" s="14"/>
      <c r="L2514" s="3"/>
    </row>
    <row r="2515" spans="1:12" ht="16.5" customHeight="1" x14ac:dyDescent="0.3">
      <c r="A2515" s="11"/>
      <c r="B2515" s="11"/>
      <c r="C2515" s="42"/>
      <c r="D2515" s="3"/>
      <c r="E2515" s="3"/>
      <c r="F2515" s="3"/>
      <c r="G2515" s="3"/>
      <c r="H2515" s="3"/>
      <c r="I2515" s="3"/>
      <c r="J2515" s="3"/>
      <c r="K2515" s="14"/>
      <c r="L2515" s="3"/>
    </row>
    <row r="2516" spans="1:12" ht="16.5" customHeight="1" x14ac:dyDescent="0.3">
      <c r="A2516" s="11"/>
      <c r="B2516" s="11"/>
      <c r="C2516" s="42"/>
      <c r="D2516" s="3"/>
      <c r="E2516" s="3"/>
      <c r="F2516" s="3"/>
      <c r="G2516" s="3"/>
      <c r="H2516" s="3"/>
      <c r="I2516" s="3"/>
      <c r="J2516" s="3"/>
      <c r="K2516" s="14"/>
      <c r="L2516" s="3"/>
    </row>
    <row r="2517" spans="1:12" ht="16.5" customHeight="1" x14ac:dyDescent="0.3">
      <c r="A2517" s="11"/>
      <c r="B2517" s="11"/>
      <c r="C2517" s="42"/>
      <c r="D2517" s="3"/>
      <c r="E2517" s="3"/>
      <c r="F2517" s="3"/>
      <c r="G2517" s="3"/>
      <c r="H2517" s="3"/>
      <c r="I2517" s="3"/>
      <c r="J2517" s="3"/>
      <c r="K2517" s="14"/>
      <c r="L2517" s="3"/>
    </row>
    <row r="2518" spans="1:12" ht="16.5" customHeight="1" x14ac:dyDescent="0.3">
      <c r="A2518" s="11"/>
      <c r="B2518" s="11"/>
      <c r="C2518" s="42"/>
      <c r="D2518" s="3"/>
      <c r="E2518" s="3"/>
      <c r="F2518" s="3"/>
      <c r="G2518" s="3"/>
      <c r="H2518" s="3"/>
      <c r="I2518" s="3"/>
      <c r="J2518" s="3"/>
      <c r="K2518" s="14"/>
      <c r="L2518" s="3"/>
    </row>
    <row r="2519" spans="1:12" ht="16.5" customHeight="1" x14ac:dyDescent="0.3">
      <c r="A2519" s="11"/>
      <c r="B2519" s="11"/>
      <c r="C2519" s="42"/>
      <c r="D2519" s="3"/>
      <c r="E2519" s="3"/>
      <c r="F2519" s="3"/>
      <c r="G2519" s="3"/>
      <c r="H2519" s="3"/>
      <c r="I2519" s="3"/>
      <c r="J2519" s="3"/>
      <c r="K2519" s="14"/>
      <c r="L2519" s="3"/>
    </row>
    <row r="2520" spans="1:12" ht="16.5" customHeight="1" x14ac:dyDescent="0.3">
      <c r="A2520" s="11"/>
      <c r="B2520" s="11"/>
      <c r="C2520" s="42"/>
      <c r="D2520" s="3"/>
      <c r="E2520" s="3"/>
      <c r="F2520" s="3"/>
      <c r="G2520" s="3"/>
      <c r="H2520" s="3"/>
      <c r="I2520" s="3"/>
      <c r="J2520" s="3"/>
      <c r="K2520" s="14"/>
      <c r="L2520" s="3"/>
    </row>
    <row r="2521" spans="1:12" ht="16.5" customHeight="1" x14ac:dyDescent="0.3">
      <c r="A2521" s="11"/>
      <c r="B2521" s="11"/>
      <c r="C2521" s="42"/>
      <c r="D2521" s="3"/>
      <c r="E2521" s="3"/>
      <c r="F2521" s="3"/>
      <c r="G2521" s="3"/>
      <c r="H2521" s="3"/>
      <c r="I2521" s="3"/>
      <c r="J2521" s="3"/>
      <c r="K2521" s="14"/>
      <c r="L2521" s="3"/>
    </row>
    <row r="2522" spans="1:12" ht="16.5" customHeight="1" x14ac:dyDescent="0.3">
      <c r="A2522" s="11"/>
      <c r="B2522" s="11"/>
      <c r="C2522" s="42"/>
      <c r="D2522" s="3"/>
      <c r="E2522" s="3"/>
      <c r="F2522" s="3"/>
      <c r="G2522" s="3"/>
      <c r="H2522" s="3"/>
      <c r="I2522" s="3"/>
      <c r="J2522" s="3"/>
      <c r="K2522" s="14"/>
      <c r="L2522" s="3"/>
    </row>
    <row r="2523" spans="1:12" ht="16.5" customHeight="1" x14ac:dyDescent="0.3">
      <c r="A2523" s="11"/>
      <c r="B2523" s="11"/>
      <c r="C2523" s="42"/>
      <c r="D2523" s="3"/>
      <c r="E2523" s="3"/>
      <c r="F2523" s="3"/>
      <c r="G2523" s="3"/>
      <c r="H2523" s="3"/>
      <c r="I2523" s="3"/>
      <c r="J2523" s="3"/>
      <c r="K2523" s="14"/>
      <c r="L2523" s="3"/>
    </row>
    <row r="2524" spans="1:12" ht="16.5" customHeight="1" x14ac:dyDescent="0.3">
      <c r="A2524" s="11"/>
      <c r="B2524" s="11"/>
      <c r="C2524" s="42"/>
      <c r="D2524" s="3"/>
      <c r="E2524" s="3"/>
      <c r="F2524" s="3"/>
      <c r="G2524" s="3"/>
      <c r="H2524" s="3"/>
      <c r="I2524" s="3"/>
      <c r="J2524" s="3"/>
      <c r="K2524" s="14"/>
      <c r="L2524" s="3"/>
    </row>
    <row r="2525" spans="1:12" ht="16.5" customHeight="1" x14ac:dyDescent="0.3">
      <c r="A2525" s="11"/>
      <c r="B2525" s="11"/>
      <c r="C2525" s="42"/>
      <c r="D2525" s="3"/>
      <c r="E2525" s="3"/>
      <c r="F2525" s="3"/>
      <c r="G2525" s="3"/>
      <c r="H2525" s="3"/>
      <c r="I2525" s="3"/>
      <c r="J2525" s="3"/>
      <c r="K2525" s="14"/>
      <c r="L2525" s="3"/>
    </row>
    <row r="2526" spans="1:12" ht="16.5" customHeight="1" x14ac:dyDescent="0.3">
      <c r="A2526" s="11"/>
      <c r="B2526" s="11"/>
      <c r="C2526" s="42"/>
      <c r="D2526" s="3"/>
      <c r="E2526" s="3"/>
      <c r="F2526" s="3"/>
      <c r="G2526" s="3"/>
      <c r="H2526" s="3"/>
      <c r="I2526" s="3"/>
      <c r="J2526" s="3"/>
      <c r="K2526" s="14"/>
      <c r="L2526" s="3"/>
    </row>
    <row r="2527" spans="1:12" ht="16.5" customHeight="1" x14ac:dyDescent="0.3">
      <c r="A2527" s="11"/>
      <c r="B2527" s="11"/>
      <c r="C2527" s="42"/>
      <c r="D2527" s="3"/>
      <c r="E2527" s="3"/>
      <c r="F2527" s="3"/>
      <c r="G2527" s="3"/>
      <c r="H2527" s="3"/>
      <c r="I2527" s="3"/>
      <c r="J2527" s="3"/>
      <c r="K2527" s="14"/>
      <c r="L2527" s="3"/>
    </row>
    <row r="2528" spans="1:12" ht="16.5" customHeight="1" x14ac:dyDescent="0.3">
      <c r="A2528" s="11"/>
      <c r="B2528" s="11"/>
      <c r="C2528" s="42"/>
      <c r="D2528" s="3"/>
      <c r="E2528" s="3"/>
      <c r="F2528" s="3"/>
      <c r="G2528" s="3"/>
      <c r="H2528" s="3"/>
      <c r="I2528" s="3"/>
      <c r="J2528" s="3"/>
      <c r="K2528" s="14"/>
      <c r="L2528" s="3"/>
    </row>
    <row r="2529" spans="1:12" ht="16.5" customHeight="1" x14ac:dyDescent="0.3">
      <c r="A2529" s="11"/>
      <c r="B2529" s="11"/>
      <c r="C2529" s="42"/>
      <c r="D2529" s="3"/>
      <c r="E2529" s="3"/>
      <c r="F2529" s="3"/>
      <c r="G2529" s="3"/>
      <c r="H2529" s="3"/>
      <c r="I2529" s="3"/>
      <c r="J2529" s="3"/>
      <c r="K2529" s="14"/>
      <c r="L2529" s="3"/>
    </row>
    <row r="2530" spans="1:12" ht="16.5" customHeight="1" x14ac:dyDescent="0.3">
      <c r="A2530" s="11"/>
      <c r="B2530" s="11"/>
      <c r="C2530" s="42"/>
      <c r="D2530" s="3"/>
      <c r="E2530" s="3"/>
      <c r="F2530" s="3"/>
      <c r="G2530" s="3"/>
      <c r="H2530" s="3"/>
      <c r="I2530" s="3"/>
      <c r="J2530" s="3"/>
      <c r="K2530" s="14"/>
      <c r="L2530" s="3"/>
    </row>
    <row r="2531" spans="1:12" ht="16.5" customHeight="1" x14ac:dyDescent="0.3">
      <c r="A2531" s="11"/>
      <c r="B2531" s="11"/>
      <c r="C2531" s="42"/>
      <c r="D2531" s="3"/>
      <c r="E2531" s="3"/>
      <c r="F2531" s="3"/>
      <c r="G2531" s="3"/>
      <c r="H2531" s="3"/>
      <c r="I2531" s="3"/>
      <c r="J2531" s="3"/>
      <c r="K2531" s="14"/>
      <c r="L2531" s="3"/>
    </row>
    <row r="2532" spans="1:12" ht="16.5" customHeight="1" x14ac:dyDescent="0.3">
      <c r="A2532" s="11"/>
      <c r="B2532" s="11"/>
      <c r="C2532" s="42"/>
      <c r="D2532" s="3"/>
      <c r="E2532" s="3"/>
      <c r="F2532" s="3"/>
      <c r="G2532" s="3"/>
      <c r="H2532" s="3"/>
      <c r="I2532" s="3"/>
      <c r="J2532" s="3"/>
      <c r="K2532" s="14"/>
      <c r="L2532" s="3"/>
    </row>
    <row r="2533" spans="1:12" ht="16.5" customHeight="1" x14ac:dyDescent="0.3">
      <c r="A2533" s="11"/>
      <c r="B2533" s="11"/>
      <c r="C2533" s="42"/>
      <c r="D2533" s="3"/>
      <c r="E2533" s="3"/>
      <c r="F2533" s="3"/>
      <c r="G2533" s="3"/>
      <c r="H2533" s="3"/>
      <c r="I2533" s="3"/>
      <c r="J2533" s="3"/>
      <c r="K2533" s="14"/>
      <c r="L2533" s="3"/>
    </row>
    <row r="2534" spans="1:12" ht="16.5" customHeight="1" x14ac:dyDescent="0.3">
      <c r="A2534" s="11"/>
      <c r="B2534" s="11"/>
      <c r="C2534" s="42"/>
      <c r="D2534" s="3"/>
      <c r="E2534" s="3"/>
      <c r="F2534" s="3"/>
      <c r="G2534" s="3"/>
      <c r="H2534" s="3"/>
      <c r="I2534" s="3"/>
      <c r="J2534" s="3"/>
      <c r="K2534" s="14"/>
      <c r="L2534" s="3"/>
    </row>
    <row r="2535" spans="1:12" ht="16.5" customHeight="1" x14ac:dyDescent="0.3">
      <c r="A2535" s="11"/>
      <c r="B2535" s="11"/>
      <c r="C2535" s="42"/>
      <c r="D2535" s="3"/>
      <c r="E2535" s="3"/>
      <c r="F2535" s="3"/>
      <c r="G2535" s="3"/>
      <c r="H2535" s="3"/>
      <c r="I2535" s="3"/>
      <c r="J2535" s="3"/>
      <c r="K2535" s="14"/>
      <c r="L2535" s="3"/>
    </row>
    <row r="2536" spans="1:12" ht="16.5" customHeight="1" x14ac:dyDescent="0.3">
      <c r="A2536" s="11"/>
      <c r="B2536" s="11"/>
      <c r="C2536" s="42"/>
      <c r="D2536" s="3"/>
      <c r="E2536" s="3"/>
      <c r="F2536" s="3"/>
      <c r="G2536" s="3"/>
      <c r="H2536" s="3"/>
      <c r="I2536" s="3"/>
      <c r="J2536" s="3"/>
      <c r="K2536" s="14"/>
      <c r="L2536" s="3"/>
    </row>
    <row r="2537" spans="1:12" ht="16.5" customHeight="1" x14ac:dyDescent="0.3">
      <c r="A2537" s="11"/>
      <c r="B2537" s="11"/>
      <c r="C2537" s="42"/>
      <c r="D2537" s="3"/>
      <c r="E2537" s="3"/>
      <c r="F2537" s="3"/>
      <c r="G2537" s="3"/>
      <c r="H2537" s="3"/>
      <c r="I2537" s="3"/>
      <c r="J2537" s="3"/>
      <c r="K2537" s="14"/>
      <c r="L2537" s="3"/>
    </row>
    <row r="2538" spans="1:12" ht="16.5" customHeight="1" x14ac:dyDescent="0.3">
      <c r="A2538" s="11"/>
      <c r="B2538" s="11"/>
      <c r="C2538" s="42"/>
      <c r="D2538" s="3"/>
      <c r="E2538" s="3"/>
      <c r="F2538" s="3"/>
      <c r="G2538" s="3"/>
      <c r="H2538" s="3"/>
      <c r="I2538" s="3"/>
      <c r="J2538" s="3"/>
      <c r="K2538" s="14"/>
      <c r="L2538" s="3"/>
    </row>
    <row r="2539" spans="1:12" ht="16.5" customHeight="1" x14ac:dyDescent="0.3">
      <c r="A2539" s="11"/>
      <c r="B2539" s="11"/>
      <c r="C2539" s="42"/>
      <c r="D2539" s="3"/>
      <c r="E2539" s="3"/>
      <c r="F2539" s="3"/>
      <c r="G2539" s="3"/>
      <c r="H2539" s="3"/>
      <c r="I2539" s="3"/>
      <c r="J2539" s="3"/>
      <c r="K2539" s="14"/>
      <c r="L2539" s="3"/>
    </row>
    <row r="2540" spans="1:12" ht="16.5" customHeight="1" x14ac:dyDescent="0.3">
      <c r="A2540" s="11"/>
      <c r="B2540" s="11"/>
      <c r="C2540" s="42"/>
      <c r="D2540" s="3"/>
      <c r="E2540" s="3"/>
      <c r="F2540" s="3"/>
      <c r="G2540" s="3"/>
      <c r="H2540" s="3"/>
      <c r="I2540" s="3"/>
      <c r="J2540" s="3"/>
      <c r="K2540" s="14"/>
      <c r="L2540" s="3"/>
    </row>
    <row r="2541" spans="1:12" ht="16.5" customHeight="1" x14ac:dyDescent="0.3">
      <c r="A2541" s="11"/>
      <c r="B2541" s="11"/>
      <c r="C2541" s="42"/>
      <c r="D2541" s="3"/>
      <c r="E2541" s="3"/>
      <c r="F2541" s="3"/>
      <c r="G2541" s="3"/>
      <c r="H2541" s="3"/>
      <c r="I2541" s="3"/>
      <c r="J2541" s="3"/>
      <c r="K2541" s="14"/>
      <c r="L2541" s="3"/>
    </row>
    <row r="2542" spans="1:12" ht="16.5" customHeight="1" x14ac:dyDescent="0.3">
      <c r="A2542" s="11"/>
      <c r="B2542" s="11"/>
      <c r="C2542" s="42"/>
      <c r="D2542" s="3"/>
      <c r="E2542" s="3"/>
      <c r="F2542" s="3"/>
      <c r="G2542" s="3"/>
      <c r="H2542" s="3"/>
      <c r="I2542" s="3"/>
      <c r="J2542" s="3"/>
      <c r="K2542" s="14"/>
      <c r="L2542" s="3"/>
    </row>
    <row r="2543" spans="1:12" ht="16.5" customHeight="1" x14ac:dyDescent="0.3">
      <c r="A2543" s="11"/>
      <c r="B2543" s="11"/>
      <c r="C2543" s="42"/>
      <c r="D2543" s="3"/>
      <c r="E2543" s="3"/>
      <c r="F2543" s="3"/>
      <c r="G2543" s="3"/>
      <c r="H2543" s="3"/>
      <c r="I2543" s="3"/>
      <c r="J2543" s="3"/>
      <c r="K2543" s="14"/>
      <c r="L2543" s="3"/>
    </row>
    <row r="2544" spans="1:12" ht="16.5" customHeight="1" x14ac:dyDescent="0.3">
      <c r="A2544" s="11"/>
      <c r="B2544" s="11"/>
      <c r="C2544" s="42"/>
      <c r="D2544" s="3"/>
      <c r="E2544" s="3"/>
      <c r="F2544" s="3"/>
      <c r="G2544" s="3"/>
      <c r="H2544" s="3"/>
      <c r="I2544" s="3"/>
      <c r="J2544" s="3"/>
      <c r="K2544" s="14"/>
      <c r="L2544" s="3"/>
    </row>
    <row r="2545" spans="1:12" ht="16.5" customHeight="1" x14ac:dyDescent="0.3">
      <c r="A2545" s="11"/>
      <c r="B2545" s="11"/>
      <c r="C2545" s="42"/>
      <c r="D2545" s="3"/>
      <c r="E2545" s="3"/>
      <c r="F2545" s="3"/>
      <c r="G2545" s="3"/>
      <c r="H2545" s="3"/>
      <c r="I2545" s="3"/>
      <c r="J2545" s="3"/>
      <c r="K2545" s="14"/>
      <c r="L2545" s="3"/>
    </row>
    <row r="2546" spans="1:12" ht="16.5" customHeight="1" x14ac:dyDescent="0.3">
      <c r="A2546" s="11"/>
      <c r="B2546" s="11"/>
      <c r="C2546" s="42"/>
      <c r="D2546" s="3"/>
      <c r="E2546" s="3"/>
      <c r="F2546" s="3"/>
      <c r="G2546" s="3"/>
      <c r="H2546" s="3"/>
      <c r="I2546" s="3"/>
      <c r="J2546" s="3"/>
      <c r="K2546" s="14"/>
      <c r="L2546" s="3"/>
    </row>
    <row r="2547" spans="1:12" ht="16.5" customHeight="1" x14ac:dyDescent="0.3">
      <c r="A2547" s="11"/>
      <c r="B2547" s="11"/>
      <c r="C2547" s="42"/>
      <c r="D2547" s="3"/>
      <c r="E2547" s="3"/>
      <c r="F2547" s="3"/>
      <c r="G2547" s="3"/>
      <c r="H2547" s="3"/>
      <c r="I2547" s="3"/>
      <c r="J2547" s="3"/>
      <c r="K2547" s="14"/>
      <c r="L2547" s="3"/>
    </row>
    <row r="2548" spans="1:12" ht="16.5" customHeight="1" x14ac:dyDescent="0.3">
      <c r="A2548" s="11"/>
      <c r="B2548" s="11"/>
      <c r="C2548" s="42"/>
      <c r="D2548" s="3"/>
      <c r="E2548" s="3"/>
      <c r="F2548" s="3"/>
      <c r="G2548" s="3"/>
      <c r="H2548" s="3"/>
      <c r="I2548" s="3"/>
      <c r="J2548" s="3"/>
      <c r="K2548" s="14"/>
      <c r="L2548" s="3"/>
    </row>
    <row r="2549" spans="1:12" ht="16.5" customHeight="1" x14ac:dyDescent="0.3">
      <c r="A2549" s="11"/>
      <c r="B2549" s="11"/>
      <c r="C2549" s="42"/>
      <c r="D2549" s="3"/>
      <c r="E2549" s="3"/>
      <c r="F2549" s="3"/>
      <c r="G2549" s="3"/>
      <c r="H2549" s="3"/>
      <c r="I2549" s="3"/>
      <c r="J2549" s="3"/>
      <c r="K2549" s="14"/>
      <c r="L2549" s="3"/>
    </row>
    <row r="2550" spans="1:12" ht="16.5" customHeight="1" x14ac:dyDescent="0.3">
      <c r="A2550" s="11"/>
      <c r="B2550" s="11"/>
      <c r="C2550" s="42"/>
      <c r="D2550" s="3"/>
      <c r="E2550" s="3"/>
      <c r="F2550" s="3"/>
      <c r="G2550" s="3"/>
      <c r="H2550" s="3"/>
      <c r="I2550" s="3"/>
      <c r="J2550" s="3"/>
      <c r="K2550" s="14"/>
      <c r="L2550" s="3"/>
    </row>
    <row r="2551" spans="1:12" ht="16.5" customHeight="1" x14ac:dyDescent="0.3">
      <c r="A2551" s="11"/>
      <c r="B2551" s="11"/>
      <c r="C2551" s="42"/>
      <c r="D2551" s="3"/>
      <c r="E2551" s="3"/>
      <c r="F2551" s="3"/>
      <c r="G2551" s="3"/>
      <c r="H2551" s="3"/>
      <c r="I2551" s="3"/>
      <c r="J2551" s="3"/>
      <c r="K2551" s="14"/>
      <c r="L2551" s="3"/>
    </row>
    <row r="2552" spans="1:12" ht="16.5" customHeight="1" x14ac:dyDescent="0.3">
      <c r="A2552" s="11"/>
      <c r="B2552" s="11"/>
      <c r="C2552" s="42"/>
      <c r="D2552" s="3"/>
      <c r="E2552" s="3"/>
      <c r="F2552" s="3"/>
      <c r="G2552" s="3"/>
      <c r="H2552" s="3"/>
      <c r="I2552" s="3"/>
      <c r="J2552" s="3"/>
      <c r="K2552" s="14"/>
      <c r="L2552" s="3"/>
    </row>
    <row r="2553" spans="1:12" ht="16.5" customHeight="1" x14ac:dyDescent="0.3">
      <c r="A2553" s="11"/>
      <c r="B2553" s="11"/>
      <c r="C2553" s="42"/>
      <c r="D2553" s="3"/>
      <c r="E2553" s="3"/>
      <c r="F2553" s="3"/>
      <c r="G2553" s="3"/>
      <c r="H2553" s="3"/>
      <c r="I2553" s="3"/>
      <c r="J2553" s="3"/>
      <c r="K2553" s="14"/>
      <c r="L2553" s="3"/>
    </row>
    <row r="2554" spans="1:12" ht="16.5" customHeight="1" x14ac:dyDescent="0.3">
      <c r="A2554" s="11"/>
      <c r="B2554" s="11"/>
      <c r="C2554" s="42"/>
      <c r="D2554" s="3"/>
      <c r="E2554" s="3"/>
      <c r="F2554" s="3"/>
      <c r="G2554" s="3"/>
      <c r="H2554" s="3"/>
      <c r="I2554" s="3"/>
      <c r="J2554" s="3"/>
      <c r="K2554" s="14"/>
      <c r="L2554" s="3"/>
    </row>
    <row r="2555" spans="1:12" ht="16.5" customHeight="1" x14ac:dyDescent="0.3">
      <c r="A2555" s="11"/>
      <c r="B2555" s="11"/>
      <c r="C2555" s="42"/>
      <c r="D2555" s="3"/>
      <c r="E2555" s="3"/>
      <c r="F2555" s="3"/>
      <c r="G2555" s="3"/>
      <c r="H2555" s="3"/>
      <c r="I2555" s="3"/>
      <c r="J2555" s="3"/>
      <c r="K2555" s="14"/>
      <c r="L2555" s="3"/>
    </row>
    <row r="2556" spans="1:12" ht="16.5" customHeight="1" x14ac:dyDescent="0.3">
      <c r="A2556" s="11"/>
      <c r="B2556" s="11"/>
      <c r="C2556" s="42"/>
      <c r="D2556" s="3"/>
      <c r="E2556" s="3"/>
      <c r="F2556" s="3"/>
      <c r="G2556" s="3"/>
      <c r="H2556" s="3"/>
      <c r="I2556" s="3"/>
      <c r="J2556" s="3"/>
      <c r="K2556" s="14"/>
      <c r="L2556" s="3"/>
    </row>
    <row r="2557" spans="1:12" ht="16.5" customHeight="1" x14ac:dyDescent="0.3">
      <c r="A2557" s="11"/>
      <c r="B2557" s="11"/>
      <c r="C2557" s="42"/>
      <c r="D2557" s="3"/>
      <c r="E2557" s="3"/>
      <c r="F2557" s="3"/>
      <c r="G2557" s="3"/>
      <c r="H2557" s="3"/>
      <c r="I2557" s="3"/>
      <c r="J2557" s="3"/>
      <c r="K2557" s="14"/>
      <c r="L2557" s="3"/>
    </row>
    <row r="2558" spans="1:12" ht="16.5" customHeight="1" x14ac:dyDescent="0.3">
      <c r="A2558" s="11"/>
      <c r="B2558" s="11"/>
      <c r="C2558" s="42"/>
      <c r="D2558" s="3"/>
      <c r="E2558" s="3"/>
      <c r="F2558" s="3"/>
      <c r="G2558" s="3"/>
      <c r="H2558" s="3"/>
      <c r="I2558" s="3"/>
      <c r="J2558" s="3"/>
      <c r="K2558" s="14"/>
      <c r="L2558" s="3"/>
    </row>
    <row r="2559" spans="1:12" ht="16.5" customHeight="1" x14ac:dyDescent="0.3">
      <c r="A2559" s="11"/>
      <c r="B2559" s="11"/>
      <c r="C2559" s="42"/>
      <c r="D2559" s="3"/>
      <c r="E2559" s="3"/>
      <c r="F2559" s="3"/>
      <c r="G2559" s="3"/>
      <c r="H2559" s="3"/>
      <c r="I2559" s="3"/>
      <c r="J2559" s="3"/>
      <c r="K2559" s="14"/>
      <c r="L2559" s="3"/>
    </row>
    <row r="2560" spans="1:12" ht="16.5" customHeight="1" x14ac:dyDescent="0.3">
      <c r="A2560" s="11"/>
      <c r="B2560" s="11"/>
      <c r="C2560" s="42"/>
      <c r="D2560" s="3"/>
      <c r="E2560" s="3"/>
      <c r="F2560" s="3"/>
      <c r="G2560" s="3"/>
      <c r="H2560" s="3"/>
      <c r="I2560" s="3"/>
      <c r="J2560" s="3"/>
      <c r="K2560" s="14"/>
      <c r="L2560" s="3"/>
    </row>
    <row r="2561" spans="1:12" ht="16.5" customHeight="1" x14ac:dyDescent="0.3">
      <c r="A2561" s="11"/>
      <c r="B2561" s="11"/>
      <c r="C2561" s="42"/>
      <c r="D2561" s="3"/>
      <c r="E2561" s="3"/>
      <c r="F2561" s="3"/>
      <c r="G2561" s="3"/>
      <c r="H2561" s="3"/>
      <c r="I2561" s="3"/>
      <c r="J2561" s="3"/>
      <c r="K2561" s="14"/>
      <c r="L2561" s="3"/>
    </row>
    <row r="2562" spans="1:12" ht="16.5" customHeight="1" x14ac:dyDescent="0.3">
      <c r="A2562" s="11"/>
      <c r="B2562" s="11"/>
      <c r="C2562" s="42"/>
      <c r="D2562" s="3"/>
      <c r="E2562" s="3"/>
      <c r="F2562" s="3"/>
      <c r="G2562" s="3"/>
      <c r="H2562" s="3"/>
      <c r="I2562" s="3"/>
      <c r="J2562" s="3"/>
      <c r="K2562" s="14"/>
      <c r="L2562" s="3"/>
    </row>
    <row r="2563" spans="1:12" ht="16.5" customHeight="1" x14ac:dyDescent="0.3">
      <c r="A2563" s="11"/>
      <c r="B2563" s="11"/>
      <c r="C2563" s="42"/>
      <c r="D2563" s="3"/>
      <c r="E2563" s="3"/>
      <c r="F2563" s="3"/>
      <c r="G2563" s="3"/>
      <c r="H2563" s="3"/>
      <c r="I2563" s="3"/>
      <c r="J2563" s="3"/>
      <c r="K2563" s="14"/>
      <c r="L2563" s="3"/>
    </row>
    <row r="2564" spans="1:12" ht="16.5" customHeight="1" x14ac:dyDescent="0.3">
      <c r="A2564" s="11"/>
      <c r="B2564" s="11"/>
      <c r="C2564" s="42"/>
      <c r="D2564" s="3"/>
      <c r="E2564" s="3"/>
      <c r="F2564" s="3"/>
      <c r="G2564" s="3"/>
      <c r="H2564" s="3"/>
      <c r="I2564" s="3"/>
      <c r="J2564" s="3"/>
      <c r="K2564" s="14"/>
      <c r="L2564" s="3"/>
    </row>
    <row r="2565" spans="1:12" ht="16.5" customHeight="1" x14ac:dyDescent="0.3">
      <c r="A2565" s="11"/>
      <c r="B2565" s="11"/>
      <c r="C2565" s="42"/>
      <c r="D2565" s="3"/>
      <c r="E2565" s="3"/>
      <c r="F2565" s="3"/>
      <c r="G2565" s="3"/>
      <c r="H2565" s="3"/>
      <c r="I2565" s="3"/>
      <c r="J2565" s="3"/>
      <c r="K2565" s="14"/>
      <c r="L2565" s="3"/>
    </row>
    <row r="2566" spans="1:12" ht="16.5" customHeight="1" x14ac:dyDescent="0.3">
      <c r="A2566" s="11"/>
      <c r="B2566" s="11"/>
      <c r="C2566" s="42"/>
      <c r="D2566" s="3"/>
      <c r="E2566" s="3"/>
      <c r="F2566" s="3"/>
      <c r="G2566" s="3"/>
      <c r="H2566" s="3"/>
      <c r="I2566" s="3"/>
      <c r="J2566" s="3"/>
      <c r="K2566" s="14"/>
      <c r="L2566" s="3"/>
    </row>
    <row r="2567" spans="1:12" ht="16.5" customHeight="1" x14ac:dyDescent="0.3">
      <c r="A2567" s="11"/>
      <c r="B2567" s="11"/>
      <c r="C2567" s="42"/>
      <c r="D2567" s="3"/>
      <c r="E2567" s="3"/>
      <c r="F2567" s="3"/>
      <c r="G2567" s="3"/>
      <c r="H2567" s="3"/>
      <c r="I2567" s="3"/>
      <c r="J2567" s="3"/>
      <c r="K2567" s="14"/>
      <c r="L2567" s="3"/>
    </row>
    <row r="2568" spans="1:12" ht="16.5" customHeight="1" x14ac:dyDescent="0.3">
      <c r="A2568" s="11"/>
      <c r="B2568" s="11"/>
      <c r="C2568" s="42"/>
      <c r="D2568" s="3"/>
      <c r="E2568" s="3"/>
      <c r="F2568" s="3"/>
      <c r="G2568" s="3"/>
      <c r="H2568" s="3"/>
      <c r="I2568" s="3"/>
      <c r="J2568" s="3"/>
      <c r="K2568" s="14"/>
      <c r="L2568" s="3"/>
    </row>
    <row r="2569" spans="1:12" ht="16.5" customHeight="1" x14ac:dyDescent="0.3">
      <c r="A2569" s="11"/>
      <c r="B2569" s="11"/>
      <c r="C2569" s="42"/>
      <c r="D2569" s="3"/>
      <c r="E2569" s="3"/>
      <c r="F2569" s="3"/>
      <c r="G2569" s="3"/>
      <c r="H2569" s="3"/>
      <c r="I2569" s="3"/>
      <c r="J2569" s="3"/>
      <c r="K2569" s="14"/>
      <c r="L2569" s="3"/>
    </row>
    <row r="2570" spans="1:12" ht="16.5" customHeight="1" x14ac:dyDescent="0.3">
      <c r="A2570" s="11"/>
      <c r="B2570" s="11"/>
      <c r="C2570" s="42"/>
      <c r="D2570" s="3"/>
      <c r="E2570" s="3"/>
      <c r="F2570" s="3"/>
      <c r="G2570" s="3"/>
      <c r="H2570" s="3"/>
      <c r="I2570" s="3"/>
      <c r="J2570" s="3"/>
      <c r="K2570" s="14"/>
      <c r="L2570" s="3"/>
    </row>
    <row r="2571" spans="1:12" ht="16.5" customHeight="1" x14ac:dyDescent="0.3">
      <c r="A2571" s="11"/>
      <c r="B2571" s="11"/>
      <c r="C2571" s="42"/>
      <c r="D2571" s="3"/>
      <c r="E2571" s="3"/>
      <c r="F2571" s="3"/>
      <c r="G2571" s="3"/>
      <c r="H2571" s="3"/>
      <c r="I2571" s="3"/>
      <c r="J2571" s="3"/>
      <c r="K2571" s="14"/>
      <c r="L2571" s="3"/>
    </row>
    <row r="2572" spans="1:12" ht="16.5" customHeight="1" x14ac:dyDescent="0.3">
      <c r="A2572" s="11"/>
      <c r="B2572" s="11"/>
      <c r="C2572" s="42"/>
      <c r="D2572" s="3"/>
      <c r="E2572" s="3"/>
      <c r="F2572" s="3"/>
      <c r="G2572" s="3"/>
      <c r="H2572" s="3"/>
      <c r="I2572" s="3"/>
      <c r="J2572" s="3"/>
      <c r="K2572" s="14"/>
      <c r="L2572" s="3"/>
    </row>
    <row r="2573" spans="1:12" ht="16.5" customHeight="1" x14ac:dyDescent="0.3">
      <c r="A2573" s="11"/>
      <c r="B2573" s="11"/>
      <c r="C2573" s="42"/>
      <c r="D2573" s="3"/>
      <c r="E2573" s="3"/>
      <c r="F2573" s="3"/>
      <c r="G2573" s="3"/>
      <c r="H2573" s="3"/>
      <c r="I2573" s="3"/>
      <c r="J2573" s="3"/>
      <c r="K2573" s="14"/>
      <c r="L2573" s="3"/>
    </row>
    <row r="2574" spans="1:12" ht="16.5" customHeight="1" x14ac:dyDescent="0.3">
      <c r="A2574" s="11"/>
      <c r="B2574" s="11"/>
      <c r="C2574" s="42"/>
      <c r="D2574" s="3"/>
      <c r="E2574" s="3"/>
      <c r="F2574" s="3"/>
      <c r="G2574" s="3"/>
      <c r="H2574" s="3"/>
      <c r="I2574" s="3"/>
      <c r="J2574" s="3"/>
      <c r="K2574" s="14"/>
      <c r="L2574" s="3"/>
    </row>
    <row r="2575" spans="1:12" ht="16.5" customHeight="1" x14ac:dyDescent="0.3">
      <c r="A2575" s="11"/>
      <c r="B2575" s="11"/>
      <c r="C2575" s="42"/>
      <c r="D2575" s="3"/>
      <c r="E2575" s="3"/>
      <c r="F2575" s="3"/>
      <c r="G2575" s="3"/>
      <c r="H2575" s="3"/>
      <c r="I2575" s="3"/>
      <c r="J2575" s="3"/>
      <c r="K2575" s="14"/>
      <c r="L2575" s="3"/>
    </row>
    <row r="2576" spans="1:12" ht="16.5" customHeight="1" x14ac:dyDescent="0.3">
      <c r="A2576" s="11"/>
      <c r="B2576" s="11"/>
      <c r="C2576" s="42"/>
      <c r="D2576" s="3"/>
      <c r="E2576" s="3"/>
      <c r="F2576" s="3"/>
      <c r="G2576" s="3"/>
      <c r="H2576" s="3"/>
      <c r="I2576" s="3"/>
      <c r="J2576" s="3"/>
      <c r="K2576" s="14"/>
      <c r="L2576" s="3"/>
    </row>
    <row r="2577" spans="1:12" ht="16.5" customHeight="1" x14ac:dyDescent="0.3">
      <c r="A2577" s="11"/>
      <c r="B2577" s="11"/>
      <c r="C2577" s="42"/>
      <c r="D2577" s="3"/>
      <c r="E2577" s="3"/>
      <c r="F2577" s="3"/>
      <c r="G2577" s="3"/>
      <c r="H2577" s="3"/>
      <c r="I2577" s="3"/>
      <c r="J2577" s="3"/>
      <c r="K2577" s="14"/>
      <c r="L2577" s="3"/>
    </row>
    <row r="2578" spans="1:12" ht="16.5" customHeight="1" x14ac:dyDescent="0.3">
      <c r="A2578" s="11"/>
      <c r="B2578" s="11"/>
      <c r="C2578" s="42"/>
      <c r="D2578" s="3"/>
      <c r="E2578" s="3"/>
      <c r="F2578" s="3"/>
      <c r="G2578" s="3"/>
      <c r="H2578" s="3"/>
      <c r="I2578" s="3"/>
      <c r="J2578" s="3"/>
      <c r="K2578" s="14"/>
      <c r="L2578" s="3"/>
    </row>
    <row r="2579" spans="1:12" ht="16.5" customHeight="1" x14ac:dyDescent="0.3">
      <c r="A2579" s="11"/>
      <c r="B2579" s="11"/>
      <c r="C2579" s="42"/>
      <c r="D2579" s="3"/>
      <c r="E2579" s="3"/>
      <c r="F2579" s="3"/>
      <c r="G2579" s="3"/>
      <c r="H2579" s="3"/>
      <c r="I2579" s="3"/>
      <c r="J2579" s="3"/>
      <c r="K2579" s="14"/>
      <c r="L2579" s="3"/>
    </row>
    <row r="2580" spans="1:12" ht="16.5" customHeight="1" x14ac:dyDescent="0.3">
      <c r="A2580" s="11"/>
      <c r="B2580" s="11"/>
      <c r="C2580" s="42"/>
      <c r="D2580" s="3"/>
      <c r="E2580" s="3"/>
      <c r="F2580" s="3"/>
      <c r="G2580" s="3"/>
      <c r="H2580" s="3"/>
      <c r="I2580" s="3"/>
      <c r="J2580" s="3"/>
      <c r="K2580" s="14"/>
      <c r="L2580" s="3"/>
    </row>
    <row r="2581" spans="1:12" ht="16.5" customHeight="1" x14ac:dyDescent="0.3">
      <c r="A2581" s="11"/>
      <c r="B2581" s="11"/>
      <c r="C2581" s="42"/>
      <c r="D2581" s="3"/>
      <c r="E2581" s="3"/>
      <c r="F2581" s="3"/>
      <c r="G2581" s="3"/>
      <c r="H2581" s="3"/>
      <c r="I2581" s="3"/>
      <c r="J2581" s="3"/>
      <c r="K2581" s="14"/>
      <c r="L2581" s="3"/>
    </row>
    <row r="2582" spans="1:12" ht="16.5" customHeight="1" x14ac:dyDescent="0.3">
      <c r="A2582" s="11"/>
      <c r="B2582" s="11"/>
      <c r="C2582" s="42"/>
      <c r="D2582" s="3"/>
      <c r="E2582" s="3"/>
      <c r="F2582" s="3"/>
      <c r="G2582" s="3"/>
      <c r="H2582" s="3"/>
      <c r="I2582" s="3"/>
      <c r="J2582" s="3"/>
      <c r="K2582" s="14"/>
      <c r="L2582" s="3"/>
    </row>
    <row r="2583" spans="1:12" ht="16.5" customHeight="1" x14ac:dyDescent="0.3">
      <c r="A2583" s="11"/>
      <c r="B2583" s="11"/>
      <c r="C2583" s="42"/>
      <c r="D2583" s="3"/>
      <c r="E2583" s="3"/>
      <c r="F2583" s="3"/>
      <c r="G2583" s="3"/>
      <c r="H2583" s="3"/>
      <c r="I2583" s="3"/>
      <c r="J2583" s="3"/>
      <c r="K2583" s="14"/>
      <c r="L2583" s="3"/>
    </row>
    <row r="2584" spans="1:12" ht="16.5" customHeight="1" x14ac:dyDescent="0.3">
      <c r="A2584" s="11"/>
      <c r="B2584" s="11"/>
      <c r="C2584" s="42"/>
      <c r="D2584" s="3"/>
      <c r="E2584" s="3"/>
      <c r="F2584" s="3"/>
      <c r="G2584" s="3"/>
      <c r="H2584" s="3"/>
      <c r="I2584" s="3"/>
      <c r="J2584" s="3"/>
      <c r="K2584" s="14"/>
      <c r="L2584" s="3"/>
    </row>
    <row r="2585" spans="1:12" ht="16.5" customHeight="1" x14ac:dyDescent="0.3">
      <c r="A2585" s="11"/>
      <c r="B2585" s="11"/>
      <c r="C2585" s="42"/>
      <c r="D2585" s="3"/>
      <c r="E2585" s="3"/>
      <c r="F2585" s="3"/>
      <c r="G2585" s="3"/>
      <c r="H2585" s="3"/>
      <c r="I2585" s="3"/>
      <c r="J2585" s="3"/>
      <c r="K2585" s="14"/>
      <c r="L2585" s="3"/>
    </row>
    <row r="2586" spans="1:12" ht="16.5" customHeight="1" x14ac:dyDescent="0.3">
      <c r="A2586" s="11"/>
      <c r="B2586" s="11"/>
      <c r="C2586" s="42"/>
      <c r="D2586" s="3"/>
      <c r="E2586" s="3"/>
      <c r="F2586" s="3"/>
      <c r="G2586" s="3"/>
      <c r="H2586" s="3"/>
      <c r="I2586" s="3"/>
      <c r="J2586" s="3"/>
      <c r="K2586" s="14"/>
      <c r="L2586" s="3"/>
    </row>
    <row r="2587" spans="1:12" ht="16.5" customHeight="1" x14ac:dyDescent="0.3">
      <c r="A2587" s="11"/>
      <c r="B2587" s="11"/>
      <c r="C2587" s="42"/>
      <c r="D2587" s="3"/>
      <c r="E2587" s="3"/>
      <c r="F2587" s="3"/>
      <c r="G2587" s="3"/>
      <c r="H2587" s="3"/>
      <c r="I2587" s="3"/>
      <c r="J2587" s="3"/>
      <c r="K2587" s="14"/>
      <c r="L2587" s="3"/>
    </row>
    <row r="2588" spans="1:12" ht="16.5" customHeight="1" x14ac:dyDescent="0.3">
      <c r="A2588" s="11"/>
      <c r="B2588" s="11"/>
      <c r="C2588" s="42"/>
      <c r="D2588" s="3"/>
      <c r="E2588" s="3"/>
      <c r="F2588" s="3"/>
      <c r="G2588" s="3"/>
      <c r="H2588" s="3"/>
      <c r="I2588" s="3"/>
      <c r="J2588" s="3"/>
      <c r="K2588" s="14"/>
      <c r="L2588" s="3"/>
    </row>
    <row r="2589" spans="1:12" ht="16.5" customHeight="1" x14ac:dyDescent="0.3">
      <c r="A2589" s="11"/>
      <c r="B2589" s="11"/>
      <c r="C2589" s="42"/>
      <c r="D2589" s="3"/>
      <c r="E2589" s="3"/>
      <c r="F2589" s="3"/>
      <c r="G2589" s="3"/>
      <c r="H2589" s="3"/>
      <c r="I2589" s="3"/>
      <c r="J2589" s="3"/>
      <c r="K2589" s="14"/>
      <c r="L2589" s="3"/>
    </row>
    <row r="2590" spans="1:12" ht="16.5" customHeight="1" x14ac:dyDescent="0.3">
      <c r="A2590" s="11"/>
      <c r="B2590" s="11"/>
      <c r="C2590" s="42"/>
      <c r="D2590" s="3"/>
      <c r="E2590" s="3"/>
      <c r="F2590" s="3"/>
      <c r="G2590" s="3"/>
      <c r="H2590" s="3"/>
      <c r="I2590" s="3"/>
      <c r="J2590" s="3"/>
      <c r="K2590" s="14"/>
      <c r="L2590" s="3"/>
    </row>
    <row r="2591" spans="1:12" ht="16.5" customHeight="1" x14ac:dyDescent="0.3">
      <c r="A2591" s="11"/>
      <c r="B2591" s="11"/>
      <c r="C2591" s="42"/>
      <c r="D2591" s="3"/>
      <c r="E2591" s="3"/>
      <c r="F2591" s="3"/>
      <c r="G2591" s="3"/>
      <c r="H2591" s="3"/>
      <c r="I2591" s="3"/>
      <c r="J2591" s="3"/>
      <c r="K2591" s="14"/>
      <c r="L2591" s="3"/>
    </row>
    <row r="2592" spans="1:12" ht="16.5" customHeight="1" x14ac:dyDescent="0.3">
      <c r="A2592" s="11"/>
      <c r="B2592" s="11"/>
      <c r="C2592" s="42"/>
      <c r="D2592" s="3"/>
      <c r="E2592" s="3"/>
      <c r="F2592" s="3"/>
      <c r="G2592" s="3"/>
      <c r="H2592" s="3"/>
      <c r="I2592" s="3"/>
      <c r="J2592" s="3"/>
      <c r="K2592" s="14"/>
      <c r="L2592" s="3"/>
    </row>
    <row r="2593" spans="1:12" ht="16.5" customHeight="1" x14ac:dyDescent="0.3">
      <c r="A2593" s="11"/>
      <c r="B2593" s="11"/>
      <c r="C2593" s="42"/>
      <c r="D2593" s="3"/>
      <c r="E2593" s="3"/>
      <c r="F2593" s="3"/>
      <c r="G2593" s="3"/>
      <c r="H2593" s="3"/>
      <c r="I2593" s="3"/>
      <c r="J2593" s="3"/>
      <c r="K2593" s="14"/>
      <c r="L2593" s="3"/>
    </row>
    <row r="2594" spans="1:12" ht="16.5" customHeight="1" x14ac:dyDescent="0.3">
      <c r="A2594" s="11"/>
      <c r="B2594" s="11"/>
      <c r="C2594" s="42"/>
      <c r="D2594" s="3"/>
      <c r="E2594" s="3"/>
      <c r="F2594" s="3"/>
      <c r="G2594" s="3"/>
      <c r="H2594" s="3"/>
      <c r="I2594" s="3"/>
      <c r="J2594" s="3"/>
      <c r="K2594" s="14"/>
      <c r="L2594" s="3"/>
    </row>
    <row r="2595" spans="1:12" ht="16.5" customHeight="1" x14ac:dyDescent="0.3">
      <c r="A2595" s="11"/>
      <c r="B2595" s="11"/>
      <c r="C2595" s="42"/>
      <c r="D2595" s="3"/>
      <c r="E2595" s="3"/>
      <c r="F2595" s="3"/>
      <c r="G2595" s="3"/>
      <c r="H2595" s="3"/>
      <c r="I2595" s="3"/>
      <c r="J2595" s="3"/>
      <c r="K2595" s="14"/>
      <c r="L2595" s="3"/>
    </row>
    <row r="2596" spans="1:12" ht="16.5" customHeight="1" x14ac:dyDescent="0.3">
      <c r="A2596" s="11"/>
      <c r="B2596" s="11"/>
      <c r="C2596" s="42"/>
      <c r="D2596" s="3"/>
      <c r="E2596" s="3"/>
      <c r="F2596" s="3"/>
      <c r="G2596" s="3"/>
      <c r="H2596" s="3"/>
      <c r="I2596" s="3"/>
      <c r="J2596" s="3"/>
      <c r="K2596" s="14"/>
      <c r="L2596" s="3"/>
    </row>
    <row r="2597" spans="1:12" ht="16.5" customHeight="1" x14ac:dyDescent="0.3">
      <c r="A2597" s="11"/>
      <c r="B2597" s="11"/>
      <c r="C2597" s="42"/>
      <c r="D2597" s="3"/>
      <c r="E2597" s="3"/>
      <c r="F2597" s="3"/>
      <c r="G2597" s="3"/>
      <c r="H2597" s="3"/>
      <c r="I2597" s="3"/>
      <c r="J2597" s="3"/>
      <c r="K2597" s="14"/>
      <c r="L2597" s="3"/>
    </row>
    <row r="2598" spans="1:12" ht="16.5" customHeight="1" x14ac:dyDescent="0.3">
      <c r="A2598" s="11"/>
      <c r="B2598" s="11"/>
      <c r="C2598" s="42"/>
      <c r="D2598" s="3"/>
      <c r="E2598" s="3"/>
      <c r="F2598" s="3"/>
      <c r="G2598" s="3"/>
      <c r="H2598" s="3"/>
      <c r="I2598" s="3"/>
      <c r="J2598" s="3"/>
      <c r="K2598" s="14"/>
      <c r="L2598" s="3"/>
    </row>
    <row r="2599" spans="1:12" ht="16.5" customHeight="1" x14ac:dyDescent="0.3">
      <c r="A2599" s="11"/>
      <c r="B2599" s="11"/>
      <c r="C2599" s="42"/>
      <c r="D2599" s="3"/>
      <c r="E2599" s="3"/>
      <c r="F2599" s="3"/>
      <c r="G2599" s="3"/>
      <c r="H2599" s="3"/>
      <c r="I2599" s="3"/>
      <c r="J2599" s="3"/>
      <c r="K2599" s="14"/>
      <c r="L2599" s="3"/>
    </row>
    <row r="2600" spans="1:12" ht="16.5" customHeight="1" x14ac:dyDescent="0.3">
      <c r="A2600" s="11"/>
      <c r="B2600" s="11"/>
      <c r="C2600" s="42"/>
      <c r="D2600" s="3"/>
      <c r="E2600" s="3"/>
      <c r="F2600" s="3"/>
      <c r="G2600" s="3"/>
      <c r="H2600" s="3"/>
      <c r="I2600" s="3"/>
      <c r="J2600" s="3"/>
      <c r="K2600" s="14"/>
      <c r="L2600" s="3"/>
    </row>
    <row r="2601" spans="1:12" ht="16.5" customHeight="1" x14ac:dyDescent="0.3">
      <c r="A2601" s="11"/>
      <c r="B2601" s="11"/>
      <c r="C2601" s="42"/>
      <c r="D2601" s="3"/>
      <c r="E2601" s="3"/>
      <c r="F2601" s="3"/>
      <c r="G2601" s="3"/>
      <c r="H2601" s="3"/>
      <c r="I2601" s="3"/>
      <c r="J2601" s="3"/>
      <c r="K2601" s="14"/>
      <c r="L2601" s="3"/>
    </row>
    <row r="2602" spans="1:12" ht="16.5" customHeight="1" x14ac:dyDescent="0.3">
      <c r="A2602" s="11"/>
      <c r="B2602" s="11"/>
      <c r="C2602" s="42"/>
      <c r="D2602" s="3"/>
      <c r="E2602" s="3"/>
      <c r="F2602" s="3"/>
      <c r="G2602" s="3"/>
      <c r="H2602" s="3"/>
      <c r="I2602" s="3"/>
      <c r="J2602" s="3"/>
      <c r="K2602" s="14"/>
      <c r="L2602" s="3"/>
    </row>
    <row r="2603" spans="1:12" ht="16.5" customHeight="1" x14ac:dyDescent="0.3">
      <c r="A2603" s="11"/>
      <c r="B2603" s="11"/>
      <c r="C2603" s="42"/>
      <c r="D2603" s="3"/>
      <c r="E2603" s="3"/>
      <c r="F2603" s="3"/>
      <c r="G2603" s="3"/>
      <c r="H2603" s="3"/>
      <c r="I2603" s="3"/>
      <c r="J2603" s="3"/>
      <c r="K2603" s="14"/>
      <c r="L2603" s="3"/>
    </row>
    <row r="2604" spans="1:12" ht="16.5" customHeight="1" x14ac:dyDescent="0.3">
      <c r="A2604" s="11"/>
      <c r="B2604" s="11"/>
      <c r="C2604" s="42"/>
      <c r="D2604" s="3"/>
      <c r="E2604" s="3"/>
      <c r="F2604" s="3"/>
      <c r="G2604" s="3"/>
      <c r="H2604" s="3"/>
      <c r="I2604" s="3"/>
      <c r="J2604" s="3"/>
      <c r="K2604" s="14"/>
      <c r="L2604" s="3"/>
    </row>
    <row r="2605" spans="1:12" ht="16.5" customHeight="1" x14ac:dyDescent="0.3">
      <c r="A2605" s="11"/>
      <c r="B2605" s="11"/>
      <c r="C2605" s="42"/>
      <c r="D2605" s="3"/>
      <c r="E2605" s="3"/>
      <c r="F2605" s="3"/>
      <c r="G2605" s="3"/>
      <c r="H2605" s="3"/>
      <c r="I2605" s="3"/>
      <c r="J2605" s="3"/>
      <c r="K2605" s="14"/>
      <c r="L2605" s="3"/>
    </row>
    <row r="2606" spans="1:12" ht="16.5" customHeight="1" x14ac:dyDescent="0.3">
      <c r="A2606" s="11"/>
      <c r="B2606" s="11"/>
      <c r="C2606" s="42"/>
      <c r="D2606" s="3"/>
      <c r="E2606" s="3"/>
      <c r="F2606" s="3"/>
      <c r="G2606" s="3"/>
      <c r="H2606" s="3"/>
      <c r="I2606" s="3"/>
      <c r="J2606" s="3"/>
      <c r="K2606" s="14"/>
      <c r="L2606" s="3"/>
    </row>
    <row r="2607" spans="1:12" ht="16.5" customHeight="1" x14ac:dyDescent="0.3">
      <c r="A2607" s="11"/>
      <c r="B2607" s="11"/>
      <c r="C2607" s="42"/>
      <c r="D2607" s="3"/>
      <c r="E2607" s="3"/>
      <c r="F2607" s="3"/>
      <c r="G2607" s="3"/>
      <c r="H2607" s="3"/>
      <c r="I2607" s="3"/>
      <c r="J2607" s="3"/>
      <c r="K2607" s="14"/>
      <c r="L2607" s="3"/>
    </row>
    <row r="2608" spans="1:12" ht="16.5" customHeight="1" x14ac:dyDescent="0.3">
      <c r="A2608" s="11"/>
      <c r="B2608" s="11"/>
      <c r="C2608" s="42"/>
      <c r="D2608" s="3"/>
      <c r="E2608" s="3"/>
      <c r="F2608" s="3"/>
      <c r="G2608" s="3"/>
      <c r="H2608" s="3"/>
      <c r="I2608" s="3"/>
      <c r="J2608" s="3"/>
      <c r="K2608" s="14"/>
      <c r="L2608" s="3"/>
    </row>
    <row r="2609" spans="1:12" ht="16.5" customHeight="1" x14ac:dyDescent="0.3">
      <c r="A2609" s="11"/>
      <c r="B2609" s="11"/>
      <c r="C2609" s="42"/>
      <c r="D2609" s="3"/>
      <c r="E2609" s="3"/>
      <c r="F2609" s="3"/>
      <c r="G2609" s="3"/>
      <c r="H2609" s="3"/>
      <c r="I2609" s="3"/>
      <c r="J2609" s="3"/>
      <c r="K2609" s="14"/>
      <c r="L2609" s="3"/>
    </row>
    <row r="2610" spans="1:12" ht="16.5" customHeight="1" x14ac:dyDescent="0.3">
      <c r="A2610" s="11"/>
      <c r="B2610" s="11"/>
      <c r="C2610" s="42"/>
      <c r="D2610" s="3"/>
      <c r="E2610" s="3"/>
      <c r="F2610" s="3"/>
      <c r="G2610" s="3"/>
      <c r="H2610" s="3"/>
      <c r="I2610" s="3"/>
      <c r="J2610" s="3"/>
      <c r="K2610" s="14"/>
      <c r="L2610" s="3"/>
    </row>
    <row r="2611" spans="1:12" ht="16.5" customHeight="1" x14ac:dyDescent="0.3">
      <c r="A2611" s="11"/>
      <c r="B2611" s="11"/>
      <c r="C2611" s="42"/>
      <c r="D2611" s="3"/>
      <c r="E2611" s="3"/>
      <c r="F2611" s="3"/>
      <c r="G2611" s="3"/>
      <c r="H2611" s="3"/>
      <c r="I2611" s="3"/>
      <c r="J2611" s="3"/>
      <c r="K2611" s="14"/>
      <c r="L2611" s="3"/>
    </row>
    <row r="2612" spans="1:12" ht="16.5" customHeight="1" x14ac:dyDescent="0.3">
      <c r="A2612" s="11"/>
      <c r="B2612" s="11"/>
      <c r="C2612" s="42"/>
      <c r="D2612" s="3"/>
      <c r="E2612" s="3"/>
      <c r="F2612" s="3"/>
      <c r="G2612" s="3"/>
      <c r="H2612" s="3"/>
      <c r="I2612" s="3"/>
      <c r="J2612" s="3"/>
      <c r="K2612" s="14"/>
      <c r="L2612" s="3"/>
    </row>
    <row r="2613" spans="1:12" ht="16.5" customHeight="1" x14ac:dyDescent="0.3">
      <c r="A2613" s="11"/>
      <c r="B2613" s="11"/>
      <c r="C2613" s="42"/>
      <c r="D2613" s="3"/>
      <c r="E2613" s="3"/>
      <c r="F2613" s="3"/>
      <c r="G2613" s="3"/>
      <c r="H2613" s="3"/>
      <c r="I2613" s="3"/>
      <c r="J2613" s="3"/>
      <c r="K2613" s="14"/>
      <c r="L2613" s="3"/>
    </row>
    <row r="2614" spans="1:12" ht="16.5" customHeight="1" x14ac:dyDescent="0.3">
      <c r="A2614" s="11"/>
      <c r="B2614" s="11"/>
      <c r="C2614" s="42"/>
      <c r="D2614" s="3"/>
      <c r="E2614" s="3"/>
      <c r="F2614" s="3"/>
      <c r="G2614" s="3"/>
      <c r="H2614" s="3"/>
      <c r="I2614" s="3"/>
      <c r="J2614" s="3"/>
      <c r="K2614" s="14"/>
      <c r="L2614" s="3"/>
    </row>
    <row r="2615" spans="1:12" ht="16.5" customHeight="1" x14ac:dyDescent="0.3">
      <c r="A2615" s="11"/>
      <c r="B2615" s="11"/>
      <c r="C2615" s="42"/>
      <c r="D2615" s="3"/>
      <c r="E2615" s="3"/>
      <c r="F2615" s="3"/>
      <c r="G2615" s="3"/>
      <c r="H2615" s="3"/>
      <c r="I2615" s="3"/>
      <c r="J2615" s="3"/>
      <c r="K2615" s="14"/>
      <c r="L2615" s="3"/>
    </row>
    <row r="2616" spans="1:12" ht="16.5" customHeight="1" x14ac:dyDescent="0.3">
      <c r="A2616" s="11"/>
      <c r="B2616" s="11"/>
      <c r="C2616" s="42"/>
      <c r="D2616" s="3"/>
      <c r="E2616" s="3"/>
      <c r="F2616" s="3"/>
      <c r="G2616" s="3"/>
      <c r="H2616" s="3"/>
      <c r="I2616" s="3"/>
      <c r="J2616" s="3"/>
      <c r="K2616" s="14"/>
      <c r="L2616" s="3"/>
    </row>
    <row r="2617" spans="1:12" ht="16.5" customHeight="1" x14ac:dyDescent="0.3">
      <c r="A2617" s="11"/>
      <c r="B2617" s="11"/>
      <c r="C2617" s="42"/>
      <c r="D2617" s="3"/>
      <c r="E2617" s="3"/>
      <c r="F2617" s="3"/>
      <c r="G2617" s="3"/>
      <c r="H2617" s="3"/>
      <c r="I2617" s="3"/>
      <c r="J2617" s="3"/>
      <c r="K2617" s="14"/>
      <c r="L2617" s="3"/>
    </row>
    <row r="2618" spans="1:12" ht="16.5" customHeight="1" x14ac:dyDescent="0.3">
      <c r="A2618" s="11"/>
      <c r="B2618" s="11"/>
      <c r="C2618" s="42"/>
      <c r="D2618" s="3"/>
      <c r="E2618" s="3"/>
      <c r="F2618" s="3"/>
      <c r="G2618" s="3"/>
      <c r="H2618" s="3"/>
      <c r="I2618" s="3"/>
      <c r="J2618" s="3"/>
      <c r="K2618" s="14"/>
      <c r="L2618" s="3"/>
    </row>
    <row r="2619" spans="1:12" ht="16.5" customHeight="1" x14ac:dyDescent="0.3">
      <c r="A2619" s="11"/>
      <c r="B2619" s="11"/>
      <c r="C2619" s="42"/>
      <c r="D2619" s="3"/>
      <c r="E2619" s="3"/>
      <c r="F2619" s="3"/>
      <c r="G2619" s="3"/>
      <c r="H2619" s="3"/>
      <c r="I2619" s="3"/>
      <c r="J2619" s="3"/>
      <c r="K2619" s="14"/>
      <c r="L2619" s="3"/>
    </row>
    <row r="2620" spans="1:12" ht="16.5" customHeight="1" x14ac:dyDescent="0.3">
      <c r="A2620" s="11"/>
      <c r="B2620" s="11"/>
      <c r="C2620" s="42"/>
      <c r="D2620" s="3"/>
      <c r="E2620" s="3"/>
      <c r="F2620" s="3"/>
      <c r="G2620" s="3"/>
      <c r="H2620" s="3"/>
      <c r="I2620" s="3"/>
      <c r="J2620" s="3"/>
      <c r="K2620" s="14"/>
      <c r="L2620" s="3"/>
    </row>
    <row r="2621" spans="1:12" ht="16.5" customHeight="1" x14ac:dyDescent="0.3">
      <c r="A2621" s="11"/>
      <c r="B2621" s="11"/>
      <c r="C2621" s="42"/>
      <c r="D2621" s="3"/>
      <c r="E2621" s="3"/>
      <c r="F2621" s="3"/>
      <c r="G2621" s="3"/>
      <c r="H2621" s="3"/>
      <c r="I2621" s="3"/>
      <c r="J2621" s="3"/>
      <c r="K2621" s="14"/>
      <c r="L2621" s="3"/>
    </row>
    <row r="2622" spans="1:12" ht="16.5" customHeight="1" x14ac:dyDescent="0.3">
      <c r="A2622" s="11"/>
      <c r="B2622" s="11"/>
      <c r="C2622" s="42"/>
      <c r="D2622" s="3"/>
      <c r="E2622" s="3"/>
      <c r="F2622" s="3"/>
      <c r="G2622" s="3"/>
      <c r="H2622" s="3"/>
      <c r="I2622" s="3"/>
      <c r="J2622" s="3"/>
      <c r="K2622" s="14"/>
      <c r="L2622" s="3"/>
    </row>
    <row r="2623" spans="1:12" ht="16.5" customHeight="1" x14ac:dyDescent="0.3">
      <c r="A2623" s="11"/>
      <c r="B2623" s="11"/>
      <c r="C2623" s="42"/>
      <c r="D2623" s="3"/>
      <c r="E2623" s="3"/>
      <c r="F2623" s="3"/>
      <c r="G2623" s="3"/>
      <c r="H2623" s="3"/>
      <c r="I2623" s="3"/>
      <c r="J2623" s="3"/>
      <c r="K2623" s="14"/>
      <c r="L2623" s="3"/>
    </row>
    <row r="2624" spans="1:12" ht="16.5" customHeight="1" x14ac:dyDescent="0.3">
      <c r="A2624" s="11"/>
      <c r="B2624" s="11"/>
      <c r="C2624" s="42"/>
      <c r="D2624" s="3"/>
      <c r="E2624" s="3"/>
      <c r="F2624" s="3"/>
      <c r="G2624" s="3"/>
      <c r="H2624" s="3"/>
      <c r="I2624" s="3"/>
      <c r="J2624" s="3"/>
      <c r="K2624" s="14"/>
      <c r="L2624" s="3"/>
    </row>
    <row r="2625" spans="1:12" ht="16.5" customHeight="1" x14ac:dyDescent="0.3">
      <c r="A2625" s="11"/>
      <c r="B2625" s="11"/>
      <c r="C2625" s="42"/>
      <c r="D2625" s="3"/>
      <c r="E2625" s="3"/>
      <c r="F2625" s="3"/>
      <c r="G2625" s="3"/>
      <c r="H2625" s="3"/>
      <c r="I2625" s="3"/>
      <c r="J2625" s="3"/>
      <c r="K2625" s="14"/>
      <c r="L2625" s="3"/>
    </row>
    <row r="2626" spans="1:12" ht="16.5" customHeight="1" x14ac:dyDescent="0.3">
      <c r="A2626" s="11"/>
      <c r="B2626" s="11"/>
      <c r="C2626" s="42"/>
      <c r="D2626" s="3"/>
      <c r="E2626" s="3"/>
      <c r="F2626" s="3"/>
      <c r="G2626" s="3"/>
      <c r="H2626" s="3"/>
      <c r="I2626" s="3"/>
      <c r="J2626" s="3"/>
      <c r="K2626" s="14"/>
      <c r="L2626" s="3"/>
    </row>
    <row r="2627" spans="1:12" ht="16.5" customHeight="1" x14ac:dyDescent="0.3">
      <c r="A2627" s="11"/>
      <c r="B2627" s="11"/>
      <c r="C2627" s="42"/>
      <c r="D2627" s="3"/>
      <c r="E2627" s="3"/>
      <c r="F2627" s="3"/>
      <c r="G2627" s="3"/>
      <c r="H2627" s="3"/>
      <c r="I2627" s="3"/>
      <c r="J2627" s="3"/>
      <c r="K2627" s="14"/>
      <c r="L2627" s="3"/>
    </row>
    <row r="2628" spans="1:12" ht="16.5" customHeight="1" x14ac:dyDescent="0.3">
      <c r="A2628" s="11"/>
      <c r="B2628" s="11"/>
      <c r="C2628" s="42"/>
      <c r="D2628" s="3"/>
      <c r="E2628" s="3"/>
      <c r="F2628" s="3"/>
      <c r="G2628" s="3"/>
      <c r="H2628" s="3"/>
      <c r="I2628" s="3"/>
      <c r="J2628" s="3"/>
      <c r="K2628" s="14"/>
      <c r="L2628" s="3"/>
    </row>
    <row r="2629" spans="1:12" ht="16.5" customHeight="1" x14ac:dyDescent="0.3">
      <c r="A2629" s="11"/>
      <c r="B2629" s="11"/>
      <c r="C2629" s="42"/>
      <c r="D2629" s="3"/>
      <c r="E2629" s="3"/>
      <c r="F2629" s="3"/>
      <c r="G2629" s="3"/>
      <c r="H2629" s="3"/>
      <c r="I2629" s="3"/>
      <c r="J2629" s="3"/>
      <c r="K2629" s="14"/>
      <c r="L2629" s="3"/>
    </row>
    <row r="2630" spans="1:12" ht="16.5" customHeight="1" x14ac:dyDescent="0.3">
      <c r="A2630" s="11"/>
      <c r="B2630" s="11"/>
      <c r="C2630" s="42"/>
      <c r="D2630" s="3"/>
      <c r="E2630" s="3"/>
      <c r="F2630" s="3"/>
      <c r="G2630" s="3"/>
      <c r="H2630" s="3"/>
      <c r="I2630" s="3"/>
      <c r="J2630" s="3"/>
      <c r="K2630" s="14"/>
      <c r="L2630" s="3"/>
    </row>
    <row r="2631" spans="1:12" ht="16.5" customHeight="1" x14ac:dyDescent="0.3">
      <c r="A2631" s="11"/>
      <c r="B2631" s="11"/>
      <c r="C2631" s="42"/>
      <c r="D2631" s="3"/>
      <c r="E2631" s="3"/>
      <c r="F2631" s="3"/>
      <c r="G2631" s="3"/>
      <c r="H2631" s="3"/>
      <c r="I2631" s="3"/>
      <c r="J2631" s="3"/>
      <c r="K2631" s="14"/>
      <c r="L2631" s="3"/>
    </row>
    <row r="2632" spans="1:12" ht="16.5" customHeight="1" x14ac:dyDescent="0.3">
      <c r="A2632" s="11"/>
      <c r="B2632" s="11"/>
      <c r="C2632" s="42"/>
      <c r="D2632" s="3"/>
      <c r="E2632" s="3"/>
      <c r="F2632" s="3"/>
      <c r="G2632" s="3"/>
      <c r="H2632" s="3"/>
      <c r="I2632" s="3"/>
      <c r="J2632" s="3"/>
      <c r="K2632" s="14"/>
      <c r="L2632" s="3"/>
    </row>
    <row r="2633" spans="1:12" ht="16.5" customHeight="1" x14ac:dyDescent="0.3">
      <c r="A2633" s="11"/>
      <c r="B2633" s="11"/>
      <c r="C2633" s="42"/>
      <c r="D2633" s="3"/>
      <c r="E2633" s="3"/>
      <c r="F2633" s="3"/>
      <c r="G2633" s="3"/>
      <c r="H2633" s="3"/>
      <c r="I2633" s="3"/>
      <c r="J2633" s="3"/>
      <c r="K2633" s="14"/>
      <c r="L2633" s="3"/>
    </row>
    <row r="2634" spans="1:12" ht="16.5" customHeight="1" x14ac:dyDescent="0.3">
      <c r="A2634" s="11"/>
      <c r="B2634" s="11"/>
      <c r="C2634" s="42"/>
      <c r="D2634" s="3"/>
      <c r="E2634" s="3"/>
      <c r="F2634" s="3"/>
      <c r="G2634" s="3"/>
      <c r="H2634" s="3"/>
      <c r="I2634" s="3"/>
      <c r="J2634" s="3"/>
      <c r="K2634" s="14"/>
      <c r="L2634" s="3"/>
    </row>
    <row r="2635" spans="1:12" ht="16.5" customHeight="1" x14ac:dyDescent="0.3">
      <c r="A2635" s="11"/>
      <c r="B2635" s="11"/>
      <c r="C2635" s="42"/>
      <c r="D2635" s="3"/>
      <c r="E2635" s="3"/>
      <c r="F2635" s="3"/>
      <c r="G2635" s="3"/>
      <c r="H2635" s="3"/>
      <c r="I2635" s="3"/>
      <c r="J2635" s="3"/>
      <c r="K2635" s="14"/>
      <c r="L2635" s="3"/>
    </row>
    <row r="2636" spans="1:12" ht="16.5" customHeight="1" x14ac:dyDescent="0.3">
      <c r="A2636" s="11"/>
      <c r="B2636" s="11"/>
      <c r="C2636" s="42"/>
      <c r="D2636" s="3"/>
      <c r="E2636" s="3"/>
      <c r="F2636" s="3"/>
      <c r="G2636" s="3"/>
      <c r="H2636" s="3"/>
      <c r="I2636" s="3"/>
      <c r="J2636" s="3"/>
      <c r="K2636" s="14"/>
      <c r="L2636" s="3"/>
    </row>
    <row r="2637" spans="1:12" ht="16.5" customHeight="1" x14ac:dyDescent="0.3">
      <c r="A2637" s="11"/>
      <c r="B2637" s="11"/>
      <c r="C2637" s="42"/>
      <c r="D2637" s="3"/>
      <c r="E2637" s="3"/>
      <c r="F2637" s="3"/>
      <c r="G2637" s="3"/>
      <c r="H2637" s="3"/>
      <c r="I2637" s="3"/>
      <c r="J2637" s="3"/>
      <c r="K2637" s="14"/>
      <c r="L2637" s="3"/>
    </row>
    <row r="2638" spans="1:12" ht="16.5" customHeight="1" x14ac:dyDescent="0.3">
      <c r="A2638" s="11"/>
      <c r="B2638" s="11"/>
      <c r="C2638" s="42"/>
      <c r="D2638" s="3"/>
      <c r="E2638" s="3"/>
      <c r="F2638" s="3"/>
      <c r="G2638" s="3"/>
      <c r="H2638" s="3"/>
      <c r="I2638" s="3"/>
      <c r="J2638" s="3"/>
      <c r="K2638" s="14"/>
      <c r="L2638" s="3"/>
    </row>
    <row r="2639" spans="1:12" ht="16.5" customHeight="1" x14ac:dyDescent="0.3">
      <c r="A2639" s="11"/>
      <c r="B2639" s="11"/>
      <c r="C2639" s="42"/>
      <c r="D2639" s="3"/>
      <c r="E2639" s="3"/>
      <c r="F2639" s="3"/>
      <c r="G2639" s="3"/>
      <c r="H2639" s="3"/>
      <c r="I2639" s="3"/>
      <c r="J2639" s="3"/>
      <c r="K2639" s="14"/>
      <c r="L2639" s="3"/>
    </row>
    <row r="2640" spans="1:12" ht="16.5" customHeight="1" x14ac:dyDescent="0.3">
      <c r="A2640" s="11"/>
      <c r="B2640" s="11"/>
      <c r="C2640" s="42"/>
      <c r="D2640" s="3"/>
      <c r="E2640" s="3"/>
      <c r="F2640" s="3"/>
      <c r="G2640" s="3"/>
      <c r="H2640" s="3"/>
      <c r="I2640" s="3"/>
      <c r="J2640" s="3"/>
      <c r="K2640" s="14"/>
      <c r="L2640" s="3"/>
    </row>
    <row r="2641" spans="1:12" ht="16.5" customHeight="1" x14ac:dyDescent="0.3">
      <c r="A2641" s="11"/>
      <c r="B2641" s="11"/>
      <c r="C2641" s="42"/>
      <c r="D2641" s="3"/>
      <c r="E2641" s="3"/>
      <c r="F2641" s="3"/>
      <c r="G2641" s="3"/>
      <c r="H2641" s="3"/>
      <c r="I2641" s="3"/>
      <c r="J2641" s="3"/>
      <c r="K2641" s="14"/>
      <c r="L2641" s="3"/>
    </row>
    <row r="2642" spans="1:12" ht="16.5" customHeight="1" x14ac:dyDescent="0.3">
      <c r="A2642" s="11"/>
      <c r="B2642" s="11"/>
      <c r="C2642" s="42"/>
      <c r="D2642" s="3"/>
      <c r="E2642" s="3"/>
      <c r="F2642" s="3"/>
      <c r="G2642" s="3"/>
      <c r="H2642" s="3"/>
      <c r="I2642" s="3"/>
      <c r="J2642" s="3"/>
      <c r="K2642" s="14"/>
      <c r="L2642" s="3"/>
    </row>
    <row r="2643" spans="1:12" ht="16.5" customHeight="1" x14ac:dyDescent="0.3">
      <c r="A2643" s="11"/>
      <c r="B2643" s="11"/>
      <c r="C2643" s="42"/>
      <c r="D2643" s="3"/>
      <c r="E2643" s="3"/>
      <c r="F2643" s="3"/>
      <c r="G2643" s="3"/>
      <c r="H2643" s="3"/>
      <c r="I2643" s="3"/>
      <c r="J2643" s="3"/>
      <c r="K2643" s="14"/>
      <c r="L2643" s="3"/>
    </row>
    <row r="2644" spans="1:12" ht="16.5" customHeight="1" x14ac:dyDescent="0.3">
      <c r="A2644" s="11"/>
      <c r="B2644" s="11"/>
      <c r="C2644" s="42"/>
      <c r="D2644" s="3"/>
      <c r="E2644" s="3"/>
      <c r="F2644" s="3"/>
      <c r="G2644" s="3"/>
      <c r="H2644" s="3"/>
      <c r="I2644" s="3"/>
      <c r="J2644" s="3"/>
      <c r="K2644" s="14"/>
      <c r="L2644" s="3"/>
    </row>
    <row r="2645" spans="1:12" ht="16.5" customHeight="1" x14ac:dyDescent="0.3">
      <c r="A2645" s="11"/>
      <c r="B2645" s="11"/>
      <c r="C2645" s="42"/>
      <c r="D2645" s="3"/>
      <c r="E2645" s="3"/>
      <c r="F2645" s="3"/>
      <c r="G2645" s="3"/>
      <c r="H2645" s="3"/>
      <c r="I2645" s="3"/>
      <c r="J2645" s="3"/>
      <c r="K2645" s="14"/>
      <c r="L2645" s="3"/>
    </row>
    <row r="2646" spans="1:12" ht="16.5" customHeight="1" x14ac:dyDescent="0.3">
      <c r="A2646" s="11"/>
      <c r="B2646" s="11"/>
      <c r="C2646" s="42"/>
      <c r="D2646" s="3"/>
      <c r="E2646" s="3"/>
      <c r="F2646" s="3"/>
      <c r="G2646" s="3"/>
      <c r="H2646" s="3"/>
      <c r="I2646" s="3"/>
      <c r="J2646" s="3"/>
      <c r="K2646" s="14"/>
      <c r="L2646" s="3"/>
    </row>
    <row r="2647" spans="1:12" ht="16.5" customHeight="1" x14ac:dyDescent="0.3">
      <c r="A2647" s="11"/>
      <c r="B2647" s="11"/>
      <c r="C2647" s="42"/>
      <c r="D2647" s="3"/>
      <c r="E2647" s="3"/>
      <c r="F2647" s="3"/>
      <c r="G2647" s="3"/>
      <c r="H2647" s="3"/>
      <c r="I2647" s="3"/>
      <c r="J2647" s="3"/>
      <c r="K2647" s="14"/>
      <c r="L2647" s="3"/>
    </row>
    <row r="2648" spans="1:12" ht="16.5" customHeight="1" x14ac:dyDescent="0.3">
      <c r="A2648" s="11"/>
      <c r="B2648" s="11"/>
      <c r="C2648" s="42"/>
      <c r="D2648" s="3"/>
      <c r="E2648" s="3"/>
      <c r="F2648" s="3"/>
      <c r="G2648" s="3"/>
      <c r="H2648" s="3"/>
      <c r="I2648" s="3"/>
      <c r="J2648" s="3"/>
      <c r="K2648" s="14"/>
      <c r="L2648" s="3"/>
    </row>
    <row r="2649" spans="1:12" ht="16.5" customHeight="1" x14ac:dyDescent="0.3">
      <c r="A2649" s="11"/>
      <c r="B2649" s="11"/>
      <c r="C2649" s="42"/>
      <c r="D2649" s="3"/>
      <c r="E2649" s="3"/>
      <c r="F2649" s="3"/>
      <c r="G2649" s="3"/>
      <c r="H2649" s="3"/>
      <c r="I2649" s="3"/>
      <c r="J2649" s="3"/>
      <c r="K2649" s="14"/>
      <c r="L2649" s="3"/>
    </row>
    <row r="2650" spans="1:12" ht="16.5" customHeight="1" x14ac:dyDescent="0.3">
      <c r="A2650" s="11"/>
      <c r="B2650" s="11"/>
      <c r="C2650" s="42"/>
      <c r="D2650" s="3"/>
      <c r="E2650" s="3"/>
      <c r="F2650" s="3"/>
      <c r="G2650" s="3"/>
      <c r="H2650" s="3"/>
      <c r="I2650" s="3"/>
      <c r="J2650" s="3"/>
      <c r="K2650" s="14"/>
      <c r="L2650" s="3"/>
    </row>
    <row r="2651" spans="1:12" ht="16.5" customHeight="1" x14ac:dyDescent="0.3">
      <c r="A2651" s="11"/>
      <c r="B2651" s="11"/>
      <c r="C2651" s="42"/>
      <c r="D2651" s="3"/>
      <c r="E2651" s="3"/>
      <c r="F2651" s="3"/>
      <c r="G2651" s="3"/>
      <c r="H2651" s="3"/>
      <c r="I2651" s="3"/>
      <c r="J2651" s="3"/>
      <c r="K2651" s="14"/>
      <c r="L2651" s="3"/>
    </row>
    <row r="2652" spans="1:12" ht="16.5" customHeight="1" x14ac:dyDescent="0.3">
      <c r="A2652" s="11"/>
      <c r="B2652" s="11"/>
      <c r="C2652" s="42"/>
      <c r="D2652" s="3"/>
      <c r="E2652" s="3"/>
      <c r="F2652" s="3"/>
      <c r="G2652" s="3"/>
      <c r="H2652" s="3"/>
      <c r="I2652" s="3"/>
      <c r="J2652" s="3"/>
      <c r="K2652" s="14"/>
      <c r="L2652" s="3"/>
    </row>
    <row r="2653" spans="1:12" ht="16.5" customHeight="1" x14ac:dyDescent="0.3">
      <c r="A2653" s="11"/>
      <c r="B2653" s="11"/>
      <c r="C2653" s="42"/>
      <c r="D2653" s="3"/>
      <c r="E2653" s="3"/>
      <c r="F2653" s="3"/>
      <c r="G2653" s="3"/>
      <c r="H2653" s="3"/>
      <c r="I2653" s="3"/>
      <c r="J2653" s="3"/>
      <c r="K2653" s="14"/>
      <c r="L2653" s="3"/>
    </row>
    <row r="2654" spans="1:12" ht="16.5" customHeight="1" x14ac:dyDescent="0.3">
      <c r="A2654" s="11"/>
      <c r="B2654" s="11"/>
      <c r="C2654" s="42"/>
      <c r="D2654" s="3"/>
      <c r="E2654" s="3"/>
      <c r="F2654" s="3"/>
      <c r="G2654" s="3"/>
      <c r="H2654" s="3"/>
      <c r="I2654" s="3"/>
      <c r="J2654" s="3"/>
      <c r="K2654" s="14"/>
      <c r="L2654" s="3"/>
    </row>
    <row r="2655" spans="1:12" ht="16.5" customHeight="1" x14ac:dyDescent="0.3">
      <c r="A2655" s="11"/>
      <c r="B2655" s="11"/>
      <c r="C2655" s="42"/>
      <c r="D2655" s="3"/>
      <c r="E2655" s="3"/>
      <c r="F2655" s="3"/>
      <c r="G2655" s="3"/>
      <c r="H2655" s="3"/>
      <c r="I2655" s="3"/>
      <c r="J2655" s="3"/>
      <c r="K2655" s="14"/>
      <c r="L2655" s="3"/>
    </row>
    <row r="2656" spans="1:12" ht="16.5" customHeight="1" x14ac:dyDescent="0.3">
      <c r="A2656" s="11"/>
      <c r="B2656" s="11"/>
      <c r="C2656" s="42"/>
      <c r="D2656" s="3"/>
      <c r="E2656" s="3"/>
      <c r="F2656" s="3"/>
      <c r="G2656" s="3"/>
      <c r="H2656" s="3"/>
      <c r="I2656" s="3"/>
      <c r="J2656" s="3"/>
      <c r="K2656" s="14"/>
      <c r="L2656" s="3"/>
    </row>
    <row r="2657" spans="1:12" ht="16.5" customHeight="1" x14ac:dyDescent="0.3">
      <c r="A2657" s="11"/>
      <c r="B2657" s="11"/>
      <c r="C2657" s="42"/>
      <c r="D2657" s="3"/>
      <c r="E2657" s="3"/>
      <c r="F2657" s="3"/>
      <c r="G2657" s="3"/>
      <c r="H2657" s="3"/>
      <c r="I2657" s="3"/>
      <c r="J2657" s="3"/>
      <c r="K2657" s="14"/>
      <c r="L2657" s="3"/>
    </row>
    <row r="2658" spans="1:12" ht="16.5" customHeight="1" x14ac:dyDescent="0.3">
      <c r="A2658" s="11"/>
      <c r="B2658" s="11"/>
      <c r="C2658" s="42"/>
      <c r="D2658" s="3"/>
      <c r="E2658" s="3"/>
      <c r="F2658" s="3"/>
      <c r="G2658" s="3"/>
      <c r="H2658" s="3"/>
      <c r="I2658" s="3"/>
      <c r="J2658" s="3"/>
      <c r="K2658" s="14"/>
      <c r="L2658" s="3"/>
    </row>
    <row r="2659" spans="1:12" ht="16.5" customHeight="1" x14ac:dyDescent="0.3">
      <c r="A2659" s="11"/>
      <c r="B2659" s="11"/>
      <c r="C2659" s="42"/>
      <c r="D2659" s="3"/>
      <c r="E2659" s="3"/>
      <c r="F2659" s="3"/>
      <c r="G2659" s="3"/>
      <c r="H2659" s="3"/>
      <c r="I2659" s="3"/>
      <c r="J2659" s="3"/>
      <c r="K2659" s="14"/>
      <c r="L2659" s="3"/>
    </row>
    <row r="2660" spans="1:12" ht="16.5" customHeight="1" x14ac:dyDescent="0.3">
      <c r="A2660" s="11"/>
      <c r="B2660" s="11"/>
      <c r="C2660" s="42"/>
      <c r="D2660" s="3"/>
      <c r="E2660" s="3"/>
      <c r="F2660" s="3"/>
      <c r="G2660" s="3"/>
      <c r="H2660" s="3"/>
      <c r="I2660" s="3"/>
      <c r="J2660" s="3"/>
      <c r="K2660" s="14"/>
      <c r="L2660" s="3"/>
    </row>
    <row r="2661" spans="1:12" ht="16.5" customHeight="1" x14ac:dyDescent="0.3">
      <c r="A2661" s="11"/>
      <c r="B2661" s="11"/>
      <c r="C2661" s="42"/>
      <c r="D2661" s="3"/>
      <c r="E2661" s="3"/>
      <c r="F2661" s="3"/>
      <c r="G2661" s="3"/>
      <c r="H2661" s="3"/>
      <c r="I2661" s="3"/>
      <c r="J2661" s="3"/>
      <c r="K2661" s="14"/>
      <c r="L2661" s="3"/>
    </row>
    <row r="2662" spans="1:12" ht="16.5" customHeight="1" x14ac:dyDescent="0.3">
      <c r="A2662" s="11"/>
      <c r="B2662" s="11"/>
      <c r="C2662" s="42"/>
      <c r="D2662" s="3"/>
      <c r="E2662" s="3"/>
      <c r="F2662" s="3"/>
      <c r="G2662" s="3"/>
      <c r="H2662" s="3"/>
      <c r="I2662" s="3"/>
      <c r="J2662" s="3"/>
      <c r="K2662" s="14"/>
      <c r="L2662" s="3"/>
    </row>
    <row r="2663" spans="1:12" ht="16.5" customHeight="1" x14ac:dyDescent="0.3">
      <c r="A2663" s="11"/>
      <c r="B2663" s="11"/>
      <c r="C2663" s="42"/>
      <c r="D2663" s="3"/>
      <c r="E2663" s="3"/>
      <c r="F2663" s="3"/>
      <c r="G2663" s="3"/>
      <c r="H2663" s="3"/>
      <c r="I2663" s="3"/>
      <c r="J2663" s="3"/>
      <c r="K2663" s="14"/>
      <c r="L2663" s="3"/>
    </row>
    <row r="2664" spans="1:12" ht="16.5" customHeight="1" x14ac:dyDescent="0.3">
      <c r="A2664" s="11"/>
      <c r="B2664" s="11"/>
      <c r="C2664" s="42"/>
      <c r="D2664" s="3"/>
      <c r="E2664" s="3"/>
      <c r="F2664" s="3"/>
      <c r="G2664" s="3"/>
      <c r="H2664" s="3"/>
      <c r="I2664" s="3"/>
      <c r="J2664" s="3"/>
      <c r="K2664" s="14"/>
      <c r="L2664" s="3"/>
    </row>
    <row r="2665" spans="1:12" ht="16.5" customHeight="1" x14ac:dyDescent="0.3">
      <c r="A2665" s="11"/>
      <c r="B2665" s="11"/>
      <c r="C2665" s="42"/>
      <c r="D2665" s="3"/>
      <c r="E2665" s="3"/>
      <c r="F2665" s="3"/>
      <c r="G2665" s="3"/>
      <c r="H2665" s="3"/>
      <c r="I2665" s="3"/>
      <c r="J2665" s="3"/>
      <c r="K2665" s="14"/>
      <c r="L2665" s="3"/>
    </row>
    <row r="2666" spans="1:12" ht="16.5" customHeight="1" x14ac:dyDescent="0.3">
      <c r="A2666" s="11"/>
      <c r="B2666" s="11"/>
      <c r="C2666" s="42"/>
      <c r="D2666" s="3"/>
      <c r="E2666" s="3"/>
      <c r="F2666" s="3"/>
      <c r="G2666" s="3"/>
      <c r="H2666" s="3"/>
      <c r="I2666" s="3"/>
      <c r="J2666" s="3"/>
      <c r="K2666" s="14"/>
      <c r="L2666" s="3"/>
    </row>
    <row r="2667" spans="1:12" ht="16.5" customHeight="1" x14ac:dyDescent="0.3">
      <c r="A2667" s="11"/>
      <c r="B2667" s="11"/>
      <c r="C2667" s="42"/>
      <c r="D2667" s="3"/>
      <c r="E2667" s="3"/>
      <c r="F2667" s="3"/>
      <c r="G2667" s="3"/>
      <c r="H2667" s="3"/>
      <c r="I2667" s="3"/>
      <c r="J2667" s="3"/>
      <c r="K2667" s="14"/>
      <c r="L2667" s="3"/>
    </row>
    <row r="2668" spans="1:12" ht="16.5" customHeight="1" x14ac:dyDescent="0.3">
      <c r="A2668" s="11"/>
      <c r="B2668" s="11"/>
      <c r="C2668" s="42"/>
      <c r="D2668" s="3"/>
      <c r="E2668" s="3"/>
      <c r="F2668" s="3"/>
      <c r="G2668" s="3"/>
      <c r="H2668" s="3"/>
      <c r="I2668" s="3"/>
      <c r="J2668" s="3"/>
      <c r="K2668" s="14"/>
      <c r="L2668" s="3"/>
    </row>
    <row r="2669" spans="1:12" ht="16.5" customHeight="1" x14ac:dyDescent="0.3">
      <c r="A2669" s="11"/>
      <c r="B2669" s="11"/>
      <c r="C2669" s="42"/>
      <c r="D2669" s="3"/>
      <c r="E2669" s="3"/>
      <c r="F2669" s="3"/>
      <c r="G2669" s="3"/>
      <c r="H2669" s="3"/>
      <c r="I2669" s="3"/>
      <c r="J2669" s="3"/>
      <c r="K2669" s="14"/>
      <c r="L2669" s="3"/>
    </row>
    <row r="2670" spans="1:12" ht="16.5" customHeight="1" x14ac:dyDescent="0.3">
      <c r="A2670" s="11"/>
      <c r="B2670" s="11"/>
      <c r="C2670" s="42"/>
      <c r="D2670" s="3"/>
      <c r="E2670" s="3"/>
      <c r="F2670" s="3"/>
      <c r="G2670" s="3"/>
      <c r="H2670" s="3"/>
      <c r="I2670" s="3"/>
      <c r="J2670" s="3"/>
      <c r="K2670" s="14"/>
      <c r="L2670" s="3"/>
    </row>
    <row r="2671" spans="1:12" ht="16.5" customHeight="1" x14ac:dyDescent="0.3">
      <c r="A2671" s="11"/>
      <c r="B2671" s="11"/>
      <c r="C2671" s="42"/>
      <c r="D2671" s="3"/>
      <c r="E2671" s="3"/>
      <c r="F2671" s="3"/>
      <c r="G2671" s="3"/>
      <c r="H2671" s="3"/>
      <c r="I2671" s="3"/>
      <c r="J2671" s="3"/>
      <c r="K2671" s="14"/>
      <c r="L2671" s="3"/>
    </row>
    <row r="2672" spans="1:12" ht="16.5" customHeight="1" x14ac:dyDescent="0.3">
      <c r="A2672" s="11"/>
      <c r="B2672" s="11"/>
      <c r="C2672" s="42"/>
      <c r="D2672" s="3"/>
      <c r="E2672" s="3"/>
      <c r="F2672" s="3"/>
      <c r="G2672" s="3"/>
      <c r="H2672" s="3"/>
      <c r="I2672" s="3"/>
      <c r="J2672" s="3"/>
      <c r="K2672" s="14"/>
      <c r="L2672" s="3"/>
    </row>
    <row r="2673" spans="1:12" ht="16.5" customHeight="1" x14ac:dyDescent="0.3">
      <c r="A2673" s="11"/>
      <c r="B2673" s="11"/>
      <c r="C2673" s="42"/>
      <c r="D2673" s="3"/>
      <c r="E2673" s="3"/>
      <c r="F2673" s="3"/>
      <c r="G2673" s="3"/>
      <c r="H2673" s="3"/>
      <c r="I2673" s="3"/>
      <c r="J2673" s="3"/>
      <c r="K2673" s="14"/>
      <c r="L2673" s="3"/>
    </row>
    <row r="2674" spans="1:12" ht="16.5" customHeight="1" x14ac:dyDescent="0.3">
      <c r="A2674" s="11"/>
      <c r="B2674" s="11"/>
      <c r="C2674" s="42"/>
      <c r="D2674" s="3"/>
      <c r="E2674" s="3"/>
      <c r="F2674" s="3"/>
      <c r="G2674" s="3"/>
      <c r="H2674" s="3"/>
      <c r="I2674" s="3"/>
      <c r="J2674" s="3"/>
      <c r="K2674" s="14"/>
      <c r="L2674" s="3"/>
    </row>
    <row r="2675" spans="1:12" ht="16.5" customHeight="1" x14ac:dyDescent="0.3">
      <c r="A2675" s="11"/>
      <c r="B2675" s="11"/>
      <c r="C2675" s="42"/>
      <c r="D2675" s="3"/>
      <c r="E2675" s="3"/>
      <c r="F2675" s="3"/>
      <c r="G2675" s="3"/>
      <c r="H2675" s="3"/>
      <c r="I2675" s="3"/>
      <c r="J2675" s="3"/>
      <c r="K2675" s="14"/>
      <c r="L2675" s="3"/>
    </row>
    <row r="2676" spans="1:12" ht="16.5" customHeight="1" x14ac:dyDescent="0.3">
      <c r="A2676" s="11"/>
      <c r="B2676" s="11"/>
      <c r="C2676" s="42"/>
      <c r="D2676" s="3"/>
      <c r="E2676" s="3"/>
      <c r="F2676" s="3"/>
      <c r="G2676" s="3"/>
      <c r="H2676" s="3"/>
      <c r="I2676" s="3"/>
      <c r="J2676" s="3"/>
      <c r="K2676" s="14"/>
      <c r="L2676" s="3"/>
    </row>
    <row r="2677" spans="1:12" ht="16.5" customHeight="1" x14ac:dyDescent="0.3">
      <c r="A2677" s="11"/>
      <c r="B2677" s="11"/>
      <c r="C2677" s="42"/>
      <c r="D2677" s="3"/>
      <c r="E2677" s="3"/>
      <c r="F2677" s="3"/>
      <c r="G2677" s="3"/>
      <c r="H2677" s="3"/>
      <c r="I2677" s="3"/>
      <c r="J2677" s="3"/>
      <c r="K2677" s="14"/>
      <c r="L2677" s="3"/>
    </row>
    <row r="2678" spans="1:12" ht="16.5" customHeight="1" x14ac:dyDescent="0.3">
      <c r="A2678" s="11"/>
      <c r="B2678" s="11"/>
      <c r="C2678" s="42"/>
      <c r="D2678" s="3"/>
      <c r="E2678" s="3"/>
      <c r="F2678" s="3"/>
      <c r="G2678" s="3"/>
      <c r="H2678" s="3"/>
      <c r="I2678" s="3"/>
      <c r="J2678" s="3"/>
      <c r="K2678" s="14"/>
      <c r="L2678" s="3"/>
    </row>
    <row r="2679" spans="1:12" ht="16.5" customHeight="1" x14ac:dyDescent="0.3">
      <c r="A2679" s="11"/>
      <c r="B2679" s="11"/>
      <c r="C2679" s="42"/>
      <c r="D2679" s="3"/>
      <c r="E2679" s="3"/>
      <c r="F2679" s="3"/>
      <c r="G2679" s="3"/>
      <c r="H2679" s="3"/>
      <c r="I2679" s="3"/>
      <c r="J2679" s="3"/>
      <c r="K2679" s="14"/>
      <c r="L2679" s="3"/>
    </row>
    <row r="2680" spans="1:12" ht="16.5" customHeight="1" x14ac:dyDescent="0.3">
      <c r="A2680" s="11"/>
      <c r="B2680" s="11"/>
      <c r="C2680" s="42"/>
      <c r="D2680" s="3"/>
      <c r="E2680" s="3"/>
      <c r="F2680" s="3"/>
      <c r="G2680" s="3"/>
      <c r="H2680" s="3"/>
      <c r="I2680" s="3"/>
      <c r="J2680" s="3"/>
      <c r="K2680" s="14"/>
      <c r="L2680" s="3"/>
    </row>
    <row r="2681" spans="1:12" ht="16.5" customHeight="1" x14ac:dyDescent="0.3">
      <c r="A2681" s="11"/>
      <c r="B2681" s="11"/>
      <c r="C2681" s="42"/>
      <c r="D2681" s="3"/>
      <c r="E2681" s="3"/>
      <c r="F2681" s="3"/>
      <c r="G2681" s="3"/>
      <c r="H2681" s="3"/>
      <c r="I2681" s="3"/>
      <c r="J2681" s="3"/>
      <c r="K2681" s="14"/>
      <c r="L2681" s="3"/>
    </row>
    <row r="2682" spans="1:12" ht="16.5" customHeight="1" x14ac:dyDescent="0.3">
      <c r="A2682" s="11"/>
      <c r="B2682" s="11"/>
      <c r="C2682" s="42"/>
      <c r="D2682" s="3"/>
      <c r="E2682" s="3"/>
      <c r="F2682" s="3"/>
      <c r="G2682" s="3"/>
      <c r="H2682" s="3"/>
      <c r="I2682" s="3"/>
      <c r="J2682" s="3"/>
      <c r="K2682" s="14"/>
      <c r="L2682" s="3"/>
    </row>
    <row r="2683" spans="1:12" ht="16.5" customHeight="1" x14ac:dyDescent="0.3">
      <c r="A2683" s="11"/>
      <c r="B2683" s="11"/>
      <c r="C2683" s="42"/>
      <c r="D2683" s="3"/>
      <c r="E2683" s="3"/>
      <c r="F2683" s="3"/>
      <c r="G2683" s="3"/>
      <c r="H2683" s="3"/>
      <c r="I2683" s="3"/>
      <c r="J2683" s="3"/>
      <c r="K2683" s="14"/>
      <c r="L2683" s="3"/>
    </row>
    <row r="2684" spans="1:12" ht="16.5" customHeight="1" x14ac:dyDescent="0.3">
      <c r="A2684" s="11"/>
      <c r="B2684" s="11"/>
      <c r="C2684" s="42"/>
      <c r="D2684" s="3"/>
      <c r="E2684" s="3"/>
      <c r="F2684" s="3"/>
      <c r="G2684" s="3"/>
      <c r="H2684" s="3"/>
      <c r="I2684" s="3"/>
      <c r="J2684" s="3"/>
      <c r="K2684" s="14"/>
      <c r="L2684" s="3"/>
    </row>
    <row r="2685" spans="1:12" ht="16.5" customHeight="1" x14ac:dyDescent="0.3">
      <c r="A2685" s="11"/>
      <c r="B2685" s="11"/>
      <c r="C2685" s="42"/>
      <c r="D2685" s="3"/>
      <c r="E2685" s="3"/>
      <c r="F2685" s="3"/>
      <c r="G2685" s="3"/>
      <c r="H2685" s="3"/>
      <c r="I2685" s="3"/>
      <c r="J2685" s="3"/>
      <c r="K2685" s="14"/>
      <c r="L2685" s="3"/>
    </row>
    <row r="2686" spans="1:12" ht="16.5" customHeight="1" x14ac:dyDescent="0.3">
      <c r="A2686" s="11"/>
      <c r="B2686" s="11"/>
      <c r="C2686" s="42"/>
      <c r="D2686" s="3"/>
      <c r="E2686" s="3"/>
      <c r="F2686" s="3"/>
      <c r="G2686" s="3"/>
      <c r="H2686" s="3"/>
      <c r="I2686" s="3"/>
      <c r="J2686" s="3"/>
      <c r="K2686" s="14"/>
      <c r="L2686" s="3"/>
    </row>
    <row r="2687" spans="1:12" ht="16.5" customHeight="1" x14ac:dyDescent="0.3">
      <c r="A2687" s="11"/>
      <c r="B2687" s="11"/>
      <c r="C2687" s="42"/>
      <c r="D2687" s="3"/>
      <c r="E2687" s="3"/>
      <c r="F2687" s="3"/>
      <c r="G2687" s="3"/>
      <c r="H2687" s="3"/>
      <c r="I2687" s="3"/>
      <c r="J2687" s="3"/>
      <c r="K2687" s="14"/>
      <c r="L2687" s="3"/>
    </row>
    <row r="2688" spans="1:12" ht="16.5" customHeight="1" x14ac:dyDescent="0.3">
      <c r="A2688" s="11"/>
      <c r="B2688" s="11"/>
      <c r="C2688" s="42"/>
      <c r="D2688" s="3"/>
      <c r="E2688" s="3"/>
      <c r="F2688" s="3"/>
      <c r="G2688" s="3"/>
      <c r="H2688" s="3"/>
      <c r="I2688" s="3"/>
      <c r="J2688" s="3"/>
      <c r="K2688" s="14"/>
      <c r="L2688" s="3"/>
    </row>
    <row r="2689" spans="1:12" ht="16.5" customHeight="1" x14ac:dyDescent="0.3">
      <c r="A2689" s="11"/>
      <c r="B2689" s="11"/>
      <c r="C2689" s="42"/>
      <c r="D2689" s="3"/>
      <c r="E2689" s="3"/>
      <c r="F2689" s="3"/>
      <c r="G2689" s="3"/>
      <c r="H2689" s="3"/>
      <c r="I2689" s="3"/>
      <c r="J2689" s="3"/>
      <c r="K2689" s="14"/>
      <c r="L2689" s="3"/>
    </row>
    <row r="2690" spans="1:12" ht="16.5" customHeight="1" x14ac:dyDescent="0.3">
      <c r="A2690" s="11"/>
      <c r="B2690" s="11"/>
      <c r="C2690" s="42"/>
      <c r="D2690" s="3"/>
      <c r="E2690" s="3"/>
      <c r="F2690" s="3"/>
      <c r="G2690" s="3"/>
      <c r="H2690" s="3"/>
      <c r="I2690" s="3"/>
      <c r="J2690" s="3"/>
      <c r="K2690" s="14"/>
      <c r="L2690" s="3"/>
    </row>
    <row r="2691" spans="1:12" ht="16.5" customHeight="1" x14ac:dyDescent="0.3">
      <c r="A2691" s="11"/>
      <c r="B2691" s="11"/>
      <c r="C2691" s="42"/>
      <c r="D2691" s="3"/>
      <c r="E2691" s="3"/>
      <c r="F2691" s="3"/>
      <c r="G2691" s="3"/>
      <c r="H2691" s="3"/>
      <c r="I2691" s="3"/>
      <c r="J2691" s="3"/>
      <c r="K2691" s="14"/>
      <c r="L2691" s="3"/>
    </row>
    <row r="2692" spans="1:12" ht="16.5" customHeight="1" x14ac:dyDescent="0.3">
      <c r="A2692" s="11"/>
      <c r="B2692" s="11"/>
      <c r="C2692" s="42"/>
      <c r="D2692" s="3"/>
      <c r="E2692" s="3"/>
      <c r="F2692" s="3"/>
      <c r="G2692" s="3"/>
      <c r="H2692" s="3"/>
      <c r="I2692" s="3"/>
      <c r="J2692" s="3"/>
      <c r="K2692" s="14"/>
      <c r="L2692" s="3"/>
    </row>
    <row r="2693" spans="1:12" ht="16.5" customHeight="1" x14ac:dyDescent="0.3">
      <c r="A2693" s="11"/>
      <c r="B2693" s="11"/>
      <c r="C2693" s="42"/>
      <c r="D2693" s="3"/>
      <c r="E2693" s="3"/>
      <c r="F2693" s="3"/>
      <c r="G2693" s="3"/>
      <c r="H2693" s="3"/>
      <c r="I2693" s="3"/>
      <c r="J2693" s="3"/>
      <c r="K2693" s="14"/>
      <c r="L2693" s="3"/>
    </row>
    <row r="2694" spans="1:12" ht="16.5" customHeight="1" x14ac:dyDescent="0.3">
      <c r="A2694" s="11"/>
      <c r="B2694" s="11"/>
      <c r="C2694" s="42"/>
      <c r="D2694" s="3"/>
      <c r="E2694" s="3"/>
      <c r="F2694" s="3"/>
      <c r="G2694" s="3"/>
      <c r="H2694" s="3"/>
      <c r="I2694" s="3"/>
      <c r="J2694" s="3"/>
      <c r="K2694" s="14"/>
      <c r="L2694" s="3"/>
    </row>
    <row r="2695" spans="1:12" ht="16.5" customHeight="1" x14ac:dyDescent="0.3">
      <c r="A2695" s="11"/>
      <c r="B2695" s="11"/>
      <c r="C2695" s="42"/>
      <c r="D2695" s="3"/>
      <c r="E2695" s="3"/>
      <c r="F2695" s="3"/>
      <c r="G2695" s="3"/>
      <c r="H2695" s="3"/>
      <c r="I2695" s="3"/>
      <c r="J2695" s="3"/>
      <c r="K2695" s="14"/>
      <c r="L2695" s="3"/>
    </row>
    <row r="2696" spans="1:12" ht="16.5" customHeight="1" x14ac:dyDescent="0.3">
      <c r="A2696" s="11"/>
      <c r="B2696" s="11"/>
      <c r="C2696" s="42"/>
      <c r="D2696" s="3"/>
      <c r="E2696" s="3"/>
      <c r="F2696" s="3"/>
      <c r="G2696" s="3"/>
      <c r="H2696" s="3"/>
      <c r="I2696" s="3"/>
      <c r="J2696" s="3"/>
      <c r="K2696" s="14"/>
      <c r="L2696" s="3"/>
    </row>
    <row r="2697" spans="1:12" ht="16.5" customHeight="1" x14ac:dyDescent="0.3">
      <c r="A2697" s="11"/>
      <c r="B2697" s="11"/>
      <c r="C2697" s="42"/>
      <c r="D2697" s="3"/>
      <c r="E2697" s="3"/>
      <c r="F2697" s="3"/>
      <c r="G2697" s="3"/>
      <c r="H2697" s="3"/>
      <c r="I2697" s="3"/>
      <c r="J2697" s="3"/>
      <c r="K2697" s="14"/>
      <c r="L2697" s="3"/>
    </row>
    <row r="2698" spans="1:12" ht="16.5" customHeight="1" x14ac:dyDescent="0.3">
      <c r="A2698" s="11"/>
      <c r="B2698" s="11"/>
      <c r="C2698" s="42"/>
      <c r="D2698" s="3"/>
      <c r="E2698" s="3"/>
      <c r="F2698" s="3"/>
      <c r="G2698" s="3"/>
      <c r="H2698" s="3"/>
      <c r="I2698" s="3"/>
      <c r="J2698" s="3"/>
      <c r="K2698" s="14"/>
      <c r="L2698" s="3"/>
    </row>
    <row r="2699" spans="1:12" ht="16.5" customHeight="1" x14ac:dyDescent="0.3">
      <c r="A2699" s="11"/>
      <c r="B2699" s="11"/>
      <c r="C2699" s="42"/>
      <c r="D2699" s="3"/>
      <c r="E2699" s="3"/>
      <c r="F2699" s="3"/>
      <c r="G2699" s="3"/>
      <c r="H2699" s="3"/>
      <c r="I2699" s="3"/>
      <c r="J2699" s="3"/>
      <c r="K2699" s="14"/>
      <c r="L2699" s="3"/>
    </row>
    <row r="2700" spans="1:12" ht="16.5" customHeight="1" x14ac:dyDescent="0.3">
      <c r="A2700" s="11"/>
      <c r="B2700" s="11"/>
      <c r="C2700" s="42"/>
      <c r="D2700" s="3"/>
      <c r="E2700" s="3"/>
      <c r="F2700" s="3"/>
      <c r="G2700" s="3"/>
      <c r="H2700" s="3"/>
      <c r="I2700" s="3"/>
      <c r="J2700" s="3"/>
      <c r="K2700" s="14"/>
      <c r="L2700" s="3"/>
    </row>
    <row r="2701" spans="1:12" ht="16.5" customHeight="1" x14ac:dyDescent="0.3">
      <c r="A2701" s="11"/>
      <c r="B2701" s="11"/>
      <c r="C2701" s="42"/>
      <c r="D2701" s="3"/>
      <c r="E2701" s="3"/>
      <c r="F2701" s="3"/>
      <c r="G2701" s="3"/>
      <c r="H2701" s="3"/>
      <c r="I2701" s="3"/>
      <c r="J2701" s="3"/>
      <c r="K2701" s="14"/>
      <c r="L2701" s="3"/>
    </row>
    <row r="2702" spans="1:12" ht="16.5" customHeight="1" x14ac:dyDescent="0.3">
      <c r="A2702" s="11"/>
      <c r="B2702" s="11"/>
      <c r="C2702" s="42"/>
      <c r="D2702" s="3"/>
      <c r="E2702" s="3"/>
      <c r="F2702" s="3"/>
      <c r="G2702" s="3"/>
      <c r="H2702" s="3"/>
      <c r="I2702" s="3"/>
      <c r="J2702" s="3"/>
      <c r="K2702" s="14"/>
      <c r="L2702" s="3"/>
    </row>
    <row r="2703" spans="1:12" ht="16.5" customHeight="1" x14ac:dyDescent="0.3">
      <c r="A2703" s="11"/>
      <c r="B2703" s="11"/>
      <c r="C2703" s="42"/>
      <c r="D2703" s="3"/>
      <c r="E2703" s="3"/>
      <c r="F2703" s="3"/>
      <c r="G2703" s="3"/>
      <c r="H2703" s="3"/>
      <c r="I2703" s="3"/>
      <c r="J2703" s="3"/>
      <c r="K2703" s="14"/>
      <c r="L2703" s="3"/>
    </row>
    <row r="2704" spans="1:12" ht="16.5" customHeight="1" x14ac:dyDescent="0.3">
      <c r="A2704" s="11"/>
      <c r="B2704" s="11"/>
      <c r="C2704" s="42"/>
      <c r="D2704" s="3"/>
      <c r="E2704" s="3"/>
      <c r="F2704" s="3"/>
      <c r="G2704" s="3"/>
      <c r="H2704" s="3"/>
      <c r="I2704" s="3"/>
      <c r="J2704" s="3"/>
      <c r="K2704" s="14"/>
      <c r="L2704" s="3"/>
    </row>
    <row r="2705" spans="1:12" ht="16.5" customHeight="1" x14ac:dyDescent="0.3">
      <c r="A2705" s="11"/>
      <c r="B2705" s="11"/>
      <c r="C2705" s="42"/>
      <c r="D2705" s="3"/>
      <c r="E2705" s="3"/>
      <c r="F2705" s="3"/>
      <c r="G2705" s="3"/>
      <c r="H2705" s="3"/>
      <c r="I2705" s="3"/>
      <c r="J2705" s="3"/>
      <c r="K2705" s="14"/>
      <c r="L2705" s="3"/>
    </row>
    <row r="2706" spans="1:12" ht="16.5" customHeight="1" x14ac:dyDescent="0.3">
      <c r="A2706" s="11"/>
      <c r="B2706" s="11"/>
      <c r="C2706" s="42"/>
      <c r="D2706" s="3"/>
      <c r="E2706" s="3"/>
      <c r="F2706" s="3"/>
      <c r="G2706" s="3"/>
      <c r="H2706" s="3"/>
      <c r="I2706" s="3"/>
      <c r="J2706" s="3"/>
      <c r="K2706" s="14"/>
      <c r="L2706" s="3"/>
    </row>
    <row r="2707" spans="1:12" ht="16.5" customHeight="1" x14ac:dyDescent="0.3">
      <c r="A2707" s="11"/>
      <c r="B2707" s="11"/>
      <c r="C2707" s="42"/>
      <c r="D2707" s="3"/>
      <c r="E2707" s="3"/>
      <c r="F2707" s="3"/>
      <c r="G2707" s="3"/>
      <c r="H2707" s="3"/>
      <c r="I2707" s="3"/>
      <c r="J2707" s="3"/>
      <c r="K2707" s="14"/>
      <c r="L2707" s="3"/>
    </row>
    <row r="2708" spans="1:12" ht="16.5" customHeight="1" x14ac:dyDescent="0.3">
      <c r="A2708" s="11"/>
      <c r="B2708" s="11"/>
      <c r="C2708" s="42"/>
      <c r="D2708" s="3"/>
      <c r="E2708" s="3"/>
      <c r="F2708" s="3"/>
      <c r="G2708" s="3"/>
      <c r="H2708" s="3"/>
      <c r="I2708" s="3"/>
      <c r="J2708" s="3"/>
      <c r="K2708" s="14"/>
      <c r="L2708" s="3"/>
    </row>
    <row r="2709" spans="1:12" ht="16.5" customHeight="1" x14ac:dyDescent="0.3">
      <c r="A2709" s="11"/>
      <c r="B2709" s="11"/>
      <c r="C2709" s="42"/>
      <c r="D2709" s="3"/>
      <c r="E2709" s="3"/>
      <c r="F2709" s="3"/>
      <c r="G2709" s="3"/>
      <c r="H2709" s="3"/>
      <c r="I2709" s="3"/>
      <c r="J2709" s="3"/>
      <c r="K2709" s="14"/>
      <c r="L2709" s="3"/>
    </row>
    <row r="2710" spans="1:12" ht="16.5" customHeight="1" x14ac:dyDescent="0.3">
      <c r="A2710" s="11"/>
      <c r="B2710" s="11"/>
      <c r="C2710" s="42"/>
      <c r="D2710" s="3"/>
      <c r="E2710" s="3"/>
      <c r="F2710" s="3"/>
      <c r="G2710" s="3"/>
      <c r="H2710" s="3"/>
      <c r="I2710" s="3"/>
      <c r="J2710" s="3"/>
      <c r="K2710" s="14"/>
      <c r="L2710" s="3"/>
    </row>
    <row r="2711" spans="1:12" ht="16.5" customHeight="1" x14ac:dyDescent="0.3">
      <c r="A2711" s="11"/>
      <c r="B2711" s="11"/>
      <c r="C2711" s="42"/>
      <c r="D2711" s="3"/>
      <c r="E2711" s="3"/>
      <c r="F2711" s="3"/>
      <c r="G2711" s="3"/>
      <c r="H2711" s="3"/>
      <c r="I2711" s="3"/>
      <c r="J2711" s="3"/>
      <c r="K2711" s="14"/>
      <c r="L2711" s="3"/>
    </row>
    <row r="2712" spans="1:12" ht="16.5" customHeight="1" x14ac:dyDescent="0.3">
      <c r="A2712" s="11"/>
      <c r="B2712" s="11"/>
      <c r="C2712" s="42"/>
      <c r="D2712" s="3"/>
      <c r="E2712" s="3"/>
      <c r="F2712" s="3"/>
      <c r="G2712" s="3"/>
      <c r="H2712" s="3"/>
      <c r="I2712" s="3"/>
      <c r="J2712" s="3"/>
      <c r="K2712" s="14"/>
      <c r="L2712" s="3"/>
    </row>
    <row r="2713" spans="1:12" ht="16.5" customHeight="1" x14ac:dyDescent="0.3">
      <c r="A2713" s="11"/>
      <c r="B2713" s="11"/>
      <c r="C2713" s="42"/>
      <c r="D2713" s="3"/>
      <c r="E2713" s="3"/>
      <c r="F2713" s="3"/>
      <c r="G2713" s="3"/>
      <c r="H2713" s="3"/>
      <c r="I2713" s="3"/>
      <c r="J2713" s="3"/>
      <c r="K2713" s="14"/>
      <c r="L2713" s="3"/>
    </row>
    <row r="2714" spans="1:12" ht="16.5" customHeight="1" x14ac:dyDescent="0.3">
      <c r="A2714" s="11"/>
      <c r="B2714" s="11"/>
      <c r="C2714" s="42"/>
      <c r="D2714" s="3"/>
      <c r="E2714" s="3"/>
      <c r="F2714" s="3"/>
      <c r="G2714" s="3"/>
      <c r="H2714" s="3"/>
      <c r="I2714" s="3"/>
      <c r="J2714" s="3"/>
      <c r="K2714" s="14"/>
      <c r="L2714" s="3"/>
    </row>
    <row r="2715" spans="1:12" ht="16.5" customHeight="1" x14ac:dyDescent="0.3">
      <c r="A2715" s="11"/>
      <c r="B2715" s="11"/>
      <c r="C2715" s="42"/>
      <c r="D2715" s="3"/>
      <c r="E2715" s="3"/>
      <c r="F2715" s="3"/>
      <c r="G2715" s="3"/>
      <c r="H2715" s="3"/>
      <c r="I2715" s="3"/>
      <c r="J2715" s="3"/>
      <c r="K2715" s="14"/>
      <c r="L2715" s="3"/>
    </row>
    <row r="2716" spans="1:12" ht="16.5" customHeight="1" x14ac:dyDescent="0.3">
      <c r="A2716" s="11"/>
      <c r="B2716" s="11"/>
      <c r="C2716" s="42"/>
      <c r="D2716" s="3"/>
      <c r="E2716" s="3"/>
      <c r="F2716" s="3"/>
      <c r="G2716" s="3"/>
      <c r="H2716" s="3"/>
      <c r="I2716" s="3"/>
      <c r="J2716" s="3"/>
      <c r="K2716" s="14"/>
      <c r="L2716" s="3"/>
    </row>
    <row r="2717" spans="1:12" ht="16.5" customHeight="1" x14ac:dyDescent="0.3">
      <c r="A2717" s="11"/>
      <c r="B2717" s="11"/>
      <c r="C2717" s="42"/>
      <c r="D2717" s="3"/>
      <c r="E2717" s="3"/>
      <c r="F2717" s="3"/>
      <c r="G2717" s="3"/>
      <c r="H2717" s="3"/>
      <c r="I2717" s="3"/>
      <c r="J2717" s="3"/>
      <c r="K2717" s="14"/>
      <c r="L2717" s="3"/>
    </row>
    <row r="2718" spans="1:12" ht="16.5" customHeight="1" x14ac:dyDescent="0.3">
      <c r="A2718" s="11"/>
      <c r="B2718" s="11"/>
      <c r="C2718" s="42"/>
      <c r="D2718" s="3"/>
      <c r="E2718" s="3"/>
      <c r="F2718" s="3"/>
      <c r="G2718" s="3"/>
      <c r="H2718" s="3"/>
      <c r="I2718" s="3"/>
      <c r="J2718" s="3"/>
      <c r="K2718" s="14"/>
      <c r="L2718" s="3"/>
    </row>
    <row r="2719" spans="1:12" ht="16.5" customHeight="1" x14ac:dyDescent="0.3">
      <c r="A2719" s="11"/>
      <c r="B2719" s="11"/>
      <c r="C2719" s="42"/>
      <c r="D2719" s="3"/>
      <c r="E2719" s="3"/>
      <c r="F2719" s="3"/>
      <c r="G2719" s="3"/>
      <c r="H2719" s="3"/>
      <c r="I2719" s="3"/>
      <c r="J2719" s="3"/>
      <c r="K2719" s="14"/>
      <c r="L2719" s="3"/>
    </row>
    <row r="2720" spans="1:12" ht="16.5" customHeight="1" x14ac:dyDescent="0.3">
      <c r="A2720" s="11"/>
      <c r="B2720" s="11"/>
      <c r="C2720" s="42"/>
      <c r="D2720" s="3"/>
      <c r="E2720" s="3"/>
      <c r="F2720" s="3"/>
      <c r="G2720" s="3"/>
      <c r="H2720" s="3"/>
      <c r="I2720" s="3"/>
      <c r="J2720" s="3"/>
      <c r="K2720" s="14"/>
      <c r="L2720" s="3"/>
    </row>
    <row r="2721" spans="1:12" ht="16.5" customHeight="1" x14ac:dyDescent="0.3">
      <c r="A2721" s="11"/>
      <c r="B2721" s="11"/>
      <c r="C2721" s="42"/>
      <c r="D2721" s="3"/>
      <c r="E2721" s="3"/>
      <c r="F2721" s="3"/>
      <c r="G2721" s="3"/>
      <c r="H2721" s="3"/>
      <c r="I2721" s="3"/>
      <c r="J2721" s="3"/>
      <c r="K2721" s="14"/>
      <c r="L2721" s="3"/>
    </row>
    <row r="2722" spans="1:12" ht="16.5" customHeight="1" x14ac:dyDescent="0.3">
      <c r="A2722" s="11"/>
      <c r="B2722" s="11"/>
      <c r="C2722" s="42"/>
      <c r="D2722" s="3"/>
      <c r="E2722" s="3"/>
      <c r="F2722" s="3"/>
      <c r="G2722" s="3"/>
      <c r="H2722" s="3"/>
      <c r="I2722" s="3"/>
      <c r="J2722" s="3"/>
      <c r="K2722" s="14"/>
      <c r="L2722" s="3"/>
    </row>
    <row r="2723" spans="1:12" ht="16.5" customHeight="1" x14ac:dyDescent="0.3">
      <c r="A2723" s="11"/>
      <c r="B2723" s="11"/>
      <c r="C2723" s="42"/>
      <c r="D2723" s="3"/>
      <c r="E2723" s="3"/>
      <c r="F2723" s="3"/>
      <c r="G2723" s="3"/>
      <c r="H2723" s="3"/>
      <c r="I2723" s="3"/>
      <c r="J2723" s="3"/>
      <c r="K2723" s="14"/>
      <c r="L2723" s="3"/>
    </row>
    <row r="2724" spans="1:12" ht="16.5" customHeight="1" x14ac:dyDescent="0.3">
      <c r="A2724" s="11"/>
      <c r="B2724" s="11"/>
      <c r="C2724" s="42"/>
      <c r="D2724" s="3"/>
      <c r="E2724" s="3"/>
      <c r="F2724" s="3"/>
      <c r="G2724" s="3"/>
      <c r="H2724" s="3"/>
      <c r="I2724" s="3"/>
      <c r="J2724" s="3"/>
      <c r="K2724" s="14"/>
      <c r="L2724" s="3"/>
    </row>
    <row r="2725" spans="1:12" ht="16.5" customHeight="1" x14ac:dyDescent="0.3">
      <c r="A2725" s="11"/>
      <c r="B2725" s="11"/>
      <c r="C2725" s="42"/>
      <c r="D2725" s="3"/>
      <c r="E2725" s="3"/>
      <c r="F2725" s="3"/>
      <c r="G2725" s="3"/>
      <c r="H2725" s="3"/>
      <c r="I2725" s="3"/>
      <c r="J2725" s="3"/>
      <c r="K2725" s="14"/>
      <c r="L2725" s="3"/>
    </row>
    <row r="2726" spans="1:12" ht="16.5" customHeight="1" x14ac:dyDescent="0.3">
      <c r="A2726" s="11"/>
      <c r="B2726" s="11"/>
      <c r="C2726" s="42"/>
      <c r="D2726" s="3"/>
      <c r="E2726" s="3"/>
      <c r="F2726" s="3"/>
      <c r="G2726" s="3"/>
      <c r="H2726" s="3"/>
      <c r="I2726" s="3"/>
      <c r="J2726" s="3"/>
      <c r="K2726" s="14"/>
      <c r="L2726" s="3"/>
    </row>
    <row r="2727" spans="1:12" ht="16.5" customHeight="1" x14ac:dyDescent="0.3">
      <c r="A2727" s="11"/>
      <c r="B2727" s="11"/>
      <c r="C2727" s="42"/>
      <c r="D2727" s="3"/>
      <c r="E2727" s="3"/>
      <c r="F2727" s="3"/>
      <c r="G2727" s="3"/>
      <c r="H2727" s="3"/>
      <c r="I2727" s="3"/>
      <c r="J2727" s="3"/>
      <c r="K2727" s="14"/>
      <c r="L2727" s="3"/>
    </row>
    <row r="2728" spans="1:12" ht="16.5" customHeight="1" x14ac:dyDescent="0.3">
      <c r="A2728" s="11"/>
      <c r="B2728" s="11"/>
      <c r="C2728" s="42"/>
      <c r="D2728" s="3"/>
      <c r="E2728" s="3"/>
      <c r="F2728" s="3"/>
      <c r="G2728" s="3"/>
      <c r="H2728" s="3"/>
      <c r="I2728" s="3"/>
      <c r="J2728" s="3"/>
      <c r="K2728" s="14"/>
      <c r="L2728" s="3"/>
    </row>
    <row r="2729" spans="1:12" ht="16.5" customHeight="1" x14ac:dyDescent="0.3">
      <c r="A2729" s="11"/>
      <c r="B2729" s="11"/>
      <c r="C2729" s="42"/>
      <c r="D2729" s="3"/>
      <c r="E2729" s="3"/>
      <c r="F2729" s="3"/>
      <c r="G2729" s="3"/>
      <c r="H2729" s="3"/>
      <c r="I2729" s="3"/>
      <c r="J2729" s="3"/>
      <c r="K2729" s="14"/>
      <c r="L2729" s="3"/>
    </row>
    <row r="2730" spans="1:12" ht="16.5" customHeight="1" x14ac:dyDescent="0.3">
      <c r="A2730" s="11"/>
      <c r="B2730" s="11"/>
      <c r="C2730" s="42"/>
      <c r="D2730" s="3"/>
      <c r="E2730" s="3"/>
      <c r="F2730" s="3"/>
      <c r="G2730" s="3"/>
      <c r="H2730" s="3"/>
      <c r="I2730" s="3"/>
      <c r="J2730" s="3"/>
      <c r="K2730" s="14"/>
      <c r="L2730" s="3"/>
    </row>
    <row r="2731" spans="1:12" ht="16.5" customHeight="1" x14ac:dyDescent="0.3">
      <c r="A2731" s="11"/>
      <c r="B2731" s="11"/>
      <c r="C2731" s="42"/>
      <c r="D2731" s="3"/>
      <c r="E2731" s="3"/>
      <c r="F2731" s="3"/>
      <c r="G2731" s="3"/>
      <c r="H2731" s="3"/>
      <c r="I2731" s="3"/>
      <c r="J2731" s="3"/>
      <c r="K2731" s="14"/>
      <c r="L2731" s="3"/>
    </row>
    <row r="2732" spans="1:12" ht="16.5" customHeight="1" x14ac:dyDescent="0.3">
      <c r="A2732" s="11"/>
      <c r="B2732" s="11"/>
      <c r="C2732" s="42"/>
      <c r="D2732" s="3"/>
      <c r="E2732" s="3"/>
      <c r="F2732" s="3"/>
      <c r="G2732" s="3"/>
      <c r="H2732" s="3"/>
      <c r="I2732" s="3"/>
      <c r="J2732" s="3"/>
      <c r="K2732" s="14"/>
      <c r="L2732" s="3"/>
    </row>
    <row r="2733" spans="1:12" ht="16.5" customHeight="1" x14ac:dyDescent="0.3">
      <c r="A2733" s="11"/>
      <c r="B2733" s="11"/>
      <c r="C2733" s="42"/>
      <c r="D2733" s="3"/>
      <c r="E2733" s="3"/>
      <c r="F2733" s="3"/>
      <c r="G2733" s="3"/>
      <c r="H2733" s="3"/>
      <c r="I2733" s="3"/>
      <c r="J2733" s="3"/>
      <c r="K2733" s="14"/>
      <c r="L2733" s="3"/>
    </row>
    <row r="2734" spans="1:12" ht="16.5" customHeight="1" x14ac:dyDescent="0.3">
      <c r="A2734" s="11"/>
      <c r="B2734" s="11"/>
      <c r="C2734" s="42"/>
      <c r="D2734" s="3"/>
      <c r="E2734" s="3"/>
      <c r="F2734" s="3"/>
      <c r="G2734" s="3"/>
      <c r="H2734" s="3"/>
      <c r="I2734" s="3"/>
      <c r="J2734" s="3"/>
      <c r="K2734" s="14"/>
      <c r="L2734" s="3"/>
    </row>
    <row r="2735" spans="1:12" ht="16.5" customHeight="1" x14ac:dyDescent="0.3">
      <c r="A2735" s="11"/>
      <c r="B2735" s="11"/>
      <c r="C2735" s="42"/>
      <c r="D2735" s="3"/>
      <c r="E2735" s="3"/>
      <c r="F2735" s="3"/>
      <c r="G2735" s="3"/>
      <c r="H2735" s="3"/>
      <c r="I2735" s="3"/>
      <c r="J2735" s="3"/>
      <c r="K2735" s="14"/>
      <c r="L2735" s="3"/>
    </row>
    <row r="2736" spans="1:12" ht="16.5" customHeight="1" x14ac:dyDescent="0.3">
      <c r="A2736" s="11"/>
      <c r="B2736" s="11"/>
      <c r="C2736" s="42"/>
      <c r="D2736" s="3"/>
      <c r="E2736" s="3"/>
      <c r="F2736" s="3"/>
      <c r="G2736" s="3"/>
      <c r="H2736" s="3"/>
      <c r="I2736" s="3"/>
      <c r="J2736" s="3"/>
      <c r="K2736" s="14"/>
      <c r="L2736" s="3"/>
    </row>
    <row r="2737" spans="1:12" ht="16.5" customHeight="1" x14ac:dyDescent="0.3">
      <c r="A2737" s="11"/>
      <c r="B2737" s="11"/>
      <c r="C2737" s="42"/>
      <c r="D2737" s="3"/>
      <c r="E2737" s="3"/>
      <c r="F2737" s="3"/>
      <c r="G2737" s="3"/>
      <c r="H2737" s="3"/>
      <c r="I2737" s="3"/>
      <c r="J2737" s="3"/>
      <c r="K2737" s="14"/>
      <c r="L2737" s="3"/>
    </row>
    <row r="2738" spans="1:12" ht="16.5" customHeight="1" x14ac:dyDescent="0.3">
      <c r="A2738" s="11"/>
      <c r="B2738" s="11"/>
      <c r="C2738" s="42"/>
      <c r="D2738" s="3"/>
      <c r="E2738" s="3"/>
      <c r="F2738" s="3"/>
      <c r="G2738" s="3"/>
      <c r="H2738" s="3"/>
      <c r="I2738" s="3"/>
      <c r="J2738" s="3"/>
      <c r="K2738" s="14"/>
      <c r="L2738" s="3"/>
    </row>
    <row r="2739" spans="1:12" ht="16.5" customHeight="1" x14ac:dyDescent="0.3">
      <c r="A2739" s="11"/>
      <c r="B2739" s="11"/>
      <c r="C2739" s="42"/>
      <c r="D2739" s="3"/>
      <c r="E2739" s="3"/>
      <c r="F2739" s="3"/>
      <c r="G2739" s="3"/>
      <c r="H2739" s="3"/>
      <c r="I2739" s="3"/>
      <c r="J2739" s="3"/>
      <c r="K2739" s="14"/>
      <c r="L2739" s="3"/>
    </row>
    <row r="2740" spans="1:12" ht="16.5" customHeight="1" x14ac:dyDescent="0.3">
      <c r="A2740" s="11"/>
      <c r="B2740" s="11"/>
      <c r="C2740" s="42"/>
      <c r="D2740" s="3"/>
      <c r="E2740" s="3"/>
      <c r="F2740" s="3"/>
      <c r="G2740" s="3"/>
      <c r="H2740" s="3"/>
      <c r="I2740" s="3"/>
      <c r="J2740" s="3"/>
      <c r="K2740" s="14"/>
      <c r="L2740" s="3"/>
    </row>
    <row r="2741" spans="1:12" ht="16.5" customHeight="1" x14ac:dyDescent="0.3">
      <c r="A2741" s="11"/>
      <c r="B2741" s="11"/>
      <c r="C2741" s="42"/>
      <c r="D2741" s="3"/>
      <c r="E2741" s="3"/>
      <c r="F2741" s="3"/>
      <c r="G2741" s="3"/>
      <c r="H2741" s="3"/>
      <c r="I2741" s="3"/>
      <c r="J2741" s="3"/>
      <c r="K2741" s="14"/>
      <c r="L2741" s="3"/>
    </row>
    <row r="2742" spans="1:12" ht="16.5" customHeight="1" x14ac:dyDescent="0.3">
      <c r="A2742" s="11"/>
      <c r="B2742" s="11"/>
      <c r="C2742" s="42"/>
      <c r="D2742" s="3"/>
      <c r="E2742" s="3"/>
      <c r="F2742" s="3"/>
      <c r="G2742" s="3"/>
      <c r="H2742" s="3"/>
      <c r="I2742" s="3"/>
      <c r="J2742" s="3"/>
      <c r="K2742" s="14"/>
      <c r="L2742" s="3"/>
    </row>
    <row r="2743" spans="1:12" ht="16.5" customHeight="1" x14ac:dyDescent="0.3">
      <c r="A2743" s="11"/>
      <c r="B2743" s="11"/>
      <c r="C2743" s="42"/>
      <c r="D2743" s="3"/>
      <c r="E2743" s="3"/>
      <c r="F2743" s="3"/>
      <c r="G2743" s="3"/>
      <c r="H2743" s="3"/>
      <c r="I2743" s="3"/>
      <c r="J2743" s="3"/>
      <c r="K2743" s="14"/>
      <c r="L2743" s="3"/>
    </row>
    <row r="2744" spans="1:12" ht="16.5" customHeight="1" x14ac:dyDescent="0.3">
      <c r="A2744" s="11"/>
      <c r="B2744" s="11"/>
      <c r="C2744" s="42"/>
      <c r="D2744" s="3"/>
      <c r="E2744" s="3"/>
      <c r="F2744" s="3"/>
      <c r="G2744" s="3"/>
      <c r="H2744" s="3"/>
      <c r="I2744" s="3"/>
      <c r="J2744" s="3"/>
      <c r="K2744" s="14"/>
      <c r="L2744" s="3"/>
    </row>
    <row r="2745" spans="1:12" ht="16.5" customHeight="1" x14ac:dyDescent="0.3">
      <c r="A2745" s="11"/>
      <c r="B2745" s="11"/>
      <c r="C2745" s="42"/>
      <c r="D2745" s="3"/>
      <c r="E2745" s="3"/>
      <c r="F2745" s="3"/>
      <c r="G2745" s="3"/>
      <c r="H2745" s="3"/>
      <c r="I2745" s="3"/>
      <c r="J2745" s="3"/>
      <c r="K2745" s="14"/>
      <c r="L2745" s="3"/>
    </row>
    <row r="2746" spans="1:12" ht="16.5" customHeight="1" x14ac:dyDescent="0.3">
      <c r="A2746" s="11"/>
      <c r="B2746" s="11"/>
      <c r="C2746" s="42"/>
      <c r="D2746" s="3"/>
      <c r="E2746" s="3"/>
      <c r="F2746" s="3"/>
      <c r="G2746" s="3"/>
      <c r="H2746" s="3"/>
      <c r="I2746" s="3"/>
      <c r="J2746" s="3"/>
      <c r="K2746" s="14"/>
      <c r="L2746" s="3"/>
    </row>
    <row r="2747" spans="1:12" ht="16.5" customHeight="1" x14ac:dyDescent="0.3">
      <c r="A2747" s="11"/>
      <c r="B2747" s="11"/>
      <c r="C2747" s="42"/>
      <c r="D2747" s="3"/>
      <c r="E2747" s="3"/>
      <c r="F2747" s="3"/>
      <c r="G2747" s="3"/>
      <c r="H2747" s="3"/>
      <c r="I2747" s="3"/>
      <c r="J2747" s="3"/>
      <c r="K2747" s="14"/>
      <c r="L2747" s="3"/>
    </row>
    <row r="2748" spans="1:12" ht="16.5" customHeight="1" x14ac:dyDescent="0.3">
      <c r="A2748" s="11"/>
      <c r="B2748" s="11"/>
      <c r="C2748" s="42"/>
      <c r="D2748" s="3"/>
      <c r="E2748" s="3"/>
      <c r="F2748" s="3"/>
      <c r="G2748" s="3"/>
      <c r="H2748" s="3"/>
      <c r="I2748" s="3"/>
      <c r="J2748" s="3"/>
      <c r="K2748" s="14"/>
      <c r="L2748" s="3"/>
    </row>
    <row r="2749" spans="1:12" ht="16.5" customHeight="1" x14ac:dyDescent="0.3">
      <c r="A2749" s="11"/>
      <c r="B2749" s="11"/>
      <c r="C2749" s="42"/>
      <c r="D2749" s="3"/>
      <c r="E2749" s="3"/>
      <c r="F2749" s="3"/>
      <c r="G2749" s="3"/>
      <c r="H2749" s="3"/>
      <c r="I2749" s="3"/>
      <c r="J2749" s="3"/>
      <c r="K2749" s="14"/>
      <c r="L2749" s="3"/>
    </row>
    <row r="2750" spans="1:12" ht="16.5" customHeight="1" x14ac:dyDescent="0.3">
      <c r="A2750" s="11"/>
      <c r="B2750" s="11"/>
      <c r="C2750" s="42"/>
      <c r="D2750" s="3"/>
      <c r="E2750" s="3"/>
      <c r="F2750" s="3"/>
      <c r="G2750" s="3"/>
      <c r="H2750" s="3"/>
      <c r="I2750" s="3"/>
      <c r="J2750" s="3"/>
      <c r="K2750" s="14"/>
      <c r="L2750" s="3"/>
    </row>
    <row r="2751" spans="1:12" ht="16.5" customHeight="1" x14ac:dyDescent="0.3">
      <c r="A2751" s="11"/>
      <c r="B2751" s="11"/>
      <c r="C2751" s="42"/>
      <c r="D2751" s="3"/>
      <c r="E2751" s="3"/>
      <c r="F2751" s="3"/>
      <c r="G2751" s="3"/>
      <c r="H2751" s="3"/>
      <c r="I2751" s="3"/>
      <c r="J2751" s="3"/>
      <c r="K2751" s="14"/>
      <c r="L2751" s="3"/>
    </row>
    <row r="2752" spans="1:12" ht="16.5" customHeight="1" x14ac:dyDescent="0.3">
      <c r="A2752" s="11"/>
      <c r="B2752" s="11"/>
      <c r="C2752" s="42"/>
      <c r="D2752" s="3"/>
      <c r="E2752" s="3"/>
      <c r="F2752" s="3"/>
      <c r="G2752" s="3"/>
      <c r="H2752" s="3"/>
      <c r="I2752" s="3"/>
      <c r="J2752" s="3"/>
      <c r="K2752" s="14"/>
      <c r="L2752" s="3"/>
    </row>
    <row r="2753" spans="1:12" ht="16.5" customHeight="1" x14ac:dyDescent="0.3">
      <c r="A2753" s="11"/>
      <c r="B2753" s="11"/>
      <c r="C2753" s="42"/>
      <c r="D2753" s="3"/>
      <c r="E2753" s="3"/>
      <c r="F2753" s="3"/>
      <c r="G2753" s="3"/>
      <c r="H2753" s="3"/>
      <c r="I2753" s="3"/>
      <c r="J2753" s="3"/>
      <c r="K2753" s="14"/>
      <c r="L2753" s="3"/>
    </row>
    <row r="2754" spans="1:12" ht="16.5" customHeight="1" x14ac:dyDescent="0.3">
      <c r="A2754" s="11"/>
      <c r="B2754" s="11"/>
      <c r="C2754" s="42"/>
      <c r="D2754" s="3"/>
      <c r="E2754" s="3"/>
      <c r="F2754" s="3"/>
      <c r="G2754" s="3"/>
      <c r="H2754" s="3"/>
      <c r="I2754" s="3"/>
      <c r="J2754" s="3"/>
      <c r="K2754" s="14"/>
      <c r="L2754" s="3"/>
    </row>
    <row r="2755" spans="1:12" ht="16.5" customHeight="1" x14ac:dyDescent="0.3">
      <c r="A2755" s="11"/>
      <c r="B2755" s="11"/>
      <c r="C2755" s="42"/>
      <c r="D2755" s="3"/>
      <c r="E2755" s="3"/>
      <c r="F2755" s="3"/>
      <c r="G2755" s="3"/>
      <c r="H2755" s="3"/>
      <c r="I2755" s="3"/>
      <c r="J2755" s="3"/>
      <c r="K2755" s="14"/>
      <c r="L2755" s="3"/>
    </row>
    <row r="2756" spans="1:12" ht="16.5" customHeight="1" x14ac:dyDescent="0.3">
      <c r="A2756" s="11"/>
      <c r="B2756" s="11"/>
      <c r="C2756" s="42"/>
      <c r="D2756" s="3"/>
      <c r="E2756" s="3"/>
      <c r="F2756" s="3"/>
      <c r="G2756" s="3"/>
      <c r="H2756" s="3"/>
      <c r="I2756" s="3"/>
      <c r="J2756" s="3"/>
      <c r="K2756" s="14"/>
      <c r="L2756" s="3"/>
    </row>
    <row r="2757" spans="1:12" ht="16.5" customHeight="1" x14ac:dyDescent="0.3">
      <c r="A2757" s="11"/>
      <c r="B2757" s="11"/>
      <c r="C2757" s="42"/>
      <c r="D2757" s="3"/>
      <c r="E2757" s="3"/>
      <c r="F2757" s="3"/>
      <c r="G2757" s="3"/>
      <c r="H2757" s="3"/>
      <c r="I2757" s="3"/>
      <c r="J2757" s="3"/>
      <c r="K2757" s="14"/>
      <c r="L2757" s="3"/>
    </row>
    <row r="2758" spans="1:12" ht="16.5" customHeight="1" x14ac:dyDescent="0.3">
      <c r="A2758" s="11"/>
      <c r="B2758" s="11"/>
      <c r="C2758" s="42"/>
      <c r="D2758" s="3"/>
      <c r="E2758" s="3"/>
      <c r="F2758" s="3"/>
      <c r="G2758" s="3"/>
      <c r="H2758" s="3"/>
      <c r="I2758" s="3"/>
      <c r="J2758" s="3"/>
      <c r="K2758" s="14"/>
      <c r="L2758" s="3"/>
    </row>
    <row r="2759" spans="1:12" ht="16.5" customHeight="1" x14ac:dyDescent="0.3">
      <c r="A2759" s="11"/>
      <c r="B2759" s="11"/>
      <c r="C2759" s="42"/>
      <c r="D2759" s="3"/>
      <c r="E2759" s="3"/>
      <c r="F2759" s="3"/>
      <c r="G2759" s="3"/>
      <c r="H2759" s="3"/>
      <c r="I2759" s="3"/>
      <c r="J2759" s="3"/>
      <c r="K2759" s="14"/>
      <c r="L2759" s="3"/>
    </row>
    <row r="2760" spans="1:12" ht="16.5" customHeight="1" x14ac:dyDescent="0.3">
      <c r="A2760" s="11"/>
      <c r="B2760" s="11"/>
      <c r="C2760" s="42"/>
      <c r="D2760" s="3"/>
      <c r="E2760" s="3"/>
      <c r="F2760" s="3"/>
      <c r="G2760" s="3"/>
      <c r="H2760" s="3"/>
      <c r="I2760" s="3"/>
      <c r="J2760" s="3"/>
      <c r="K2760" s="14"/>
      <c r="L2760" s="3"/>
    </row>
    <row r="2761" spans="1:12" ht="16.5" customHeight="1" x14ac:dyDescent="0.3">
      <c r="A2761" s="11"/>
      <c r="B2761" s="11"/>
      <c r="C2761" s="42"/>
      <c r="D2761" s="3"/>
      <c r="E2761" s="3"/>
      <c r="F2761" s="3"/>
      <c r="G2761" s="3"/>
      <c r="H2761" s="3"/>
      <c r="I2761" s="3"/>
      <c r="J2761" s="3"/>
      <c r="K2761" s="14"/>
      <c r="L2761" s="3"/>
    </row>
    <row r="2762" spans="1:12" ht="16.5" customHeight="1" x14ac:dyDescent="0.3">
      <c r="A2762" s="11"/>
      <c r="B2762" s="11"/>
      <c r="C2762" s="42"/>
      <c r="D2762" s="3"/>
      <c r="E2762" s="3"/>
      <c r="F2762" s="3"/>
      <c r="G2762" s="3"/>
      <c r="H2762" s="3"/>
      <c r="I2762" s="3"/>
      <c r="J2762" s="3"/>
      <c r="K2762" s="14"/>
      <c r="L2762" s="3"/>
    </row>
    <row r="2763" spans="1:12" ht="16.5" customHeight="1" x14ac:dyDescent="0.3">
      <c r="A2763" s="11"/>
      <c r="B2763" s="11"/>
      <c r="C2763" s="42"/>
      <c r="D2763" s="3"/>
      <c r="E2763" s="3"/>
      <c r="F2763" s="3"/>
      <c r="G2763" s="3"/>
      <c r="H2763" s="3"/>
      <c r="I2763" s="3"/>
      <c r="J2763" s="3"/>
      <c r="K2763" s="14"/>
      <c r="L2763" s="3"/>
    </row>
    <row r="2764" spans="1:12" ht="16.5" customHeight="1" x14ac:dyDescent="0.3">
      <c r="A2764" s="11"/>
      <c r="B2764" s="11"/>
      <c r="C2764" s="42"/>
      <c r="D2764" s="3"/>
      <c r="E2764" s="3"/>
      <c r="F2764" s="3"/>
      <c r="G2764" s="3"/>
      <c r="H2764" s="3"/>
      <c r="I2764" s="3"/>
      <c r="J2764" s="3"/>
      <c r="K2764" s="14"/>
      <c r="L2764" s="3"/>
    </row>
    <row r="2765" spans="1:12" ht="16.5" customHeight="1" x14ac:dyDescent="0.3">
      <c r="A2765" s="11"/>
      <c r="B2765" s="11"/>
      <c r="C2765" s="42"/>
      <c r="D2765" s="3"/>
      <c r="E2765" s="3"/>
      <c r="F2765" s="3"/>
      <c r="G2765" s="3"/>
      <c r="H2765" s="3"/>
      <c r="I2765" s="3"/>
      <c r="J2765" s="3"/>
      <c r="K2765" s="14"/>
      <c r="L2765" s="3"/>
    </row>
    <row r="2766" spans="1:12" ht="16.5" customHeight="1" x14ac:dyDescent="0.3">
      <c r="A2766" s="11"/>
      <c r="B2766" s="11"/>
      <c r="C2766" s="42"/>
      <c r="D2766" s="3"/>
      <c r="E2766" s="3"/>
      <c r="F2766" s="3"/>
      <c r="G2766" s="3"/>
      <c r="H2766" s="3"/>
      <c r="I2766" s="3"/>
      <c r="J2766" s="3"/>
      <c r="K2766" s="14"/>
      <c r="L2766" s="3"/>
    </row>
    <row r="2767" spans="1:12" ht="16.5" customHeight="1" x14ac:dyDescent="0.3">
      <c r="A2767" s="11"/>
      <c r="B2767" s="11"/>
      <c r="C2767" s="42"/>
      <c r="D2767" s="3"/>
      <c r="E2767" s="3"/>
      <c r="F2767" s="3"/>
      <c r="G2767" s="3"/>
      <c r="H2767" s="3"/>
      <c r="I2767" s="3"/>
      <c r="J2767" s="3"/>
      <c r="K2767" s="14"/>
      <c r="L2767" s="3"/>
    </row>
    <row r="2768" spans="1:12" ht="16.5" customHeight="1" x14ac:dyDescent="0.3">
      <c r="A2768" s="11"/>
      <c r="B2768" s="11"/>
      <c r="C2768" s="42"/>
      <c r="D2768" s="3"/>
      <c r="E2768" s="3"/>
      <c r="F2768" s="3"/>
      <c r="G2768" s="3"/>
      <c r="H2768" s="3"/>
      <c r="I2768" s="3"/>
      <c r="J2768" s="3"/>
      <c r="K2768" s="14"/>
      <c r="L2768" s="3"/>
    </row>
    <row r="2769" spans="1:12" ht="16.5" customHeight="1" x14ac:dyDescent="0.3">
      <c r="A2769" s="11"/>
      <c r="B2769" s="11"/>
      <c r="C2769" s="42"/>
      <c r="D2769" s="3"/>
      <c r="E2769" s="3"/>
      <c r="F2769" s="3"/>
      <c r="G2769" s="3"/>
      <c r="H2769" s="3"/>
      <c r="I2769" s="3"/>
      <c r="J2769" s="3"/>
      <c r="K2769" s="14"/>
      <c r="L2769" s="3"/>
    </row>
    <row r="2770" spans="1:12" ht="16.5" customHeight="1" x14ac:dyDescent="0.3">
      <c r="A2770" s="11"/>
      <c r="B2770" s="11"/>
      <c r="C2770" s="42"/>
      <c r="D2770" s="3"/>
      <c r="E2770" s="3"/>
      <c r="F2770" s="3"/>
      <c r="G2770" s="3"/>
      <c r="H2770" s="3"/>
      <c r="I2770" s="3"/>
      <c r="J2770" s="3"/>
      <c r="K2770" s="14"/>
      <c r="L2770" s="3"/>
    </row>
    <row r="2771" spans="1:12" ht="16.5" customHeight="1" x14ac:dyDescent="0.3">
      <c r="A2771" s="11"/>
      <c r="B2771" s="11"/>
      <c r="C2771" s="42"/>
      <c r="D2771" s="3"/>
      <c r="E2771" s="3"/>
      <c r="F2771" s="3"/>
      <c r="G2771" s="3"/>
      <c r="H2771" s="3"/>
      <c r="I2771" s="3"/>
      <c r="J2771" s="3"/>
      <c r="K2771" s="14"/>
      <c r="L2771" s="3"/>
    </row>
    <row r="2772" spans="1:12" ht="16.5" customHeight="1" x14ac:dyDescent="0.3">
      <c r="A2772" s="11"/>
      <c r="B2772" s="11"/>
      <c r="C2772" s="42"/>
      <c r="D2772" s="3"/>
      <c r="E2772" s="3"/>
      <c r="F2772" s="3"/>
      <c r="G2772" s="3"/>
      <c r="H2772" s="3"/>
      <c r="I2772" s="3"/>
      <c r="J2772" s="3"/>
      <c r="K2772" s="14"/>
      <c r="L2772" s="3"/>
    </row>
    <row r="2773" spans="1:12" ht="16.5" customHeight="1" x14ac:dyDescent="0.3">
      <c r="A2773" s="11"/>
      <c r="B2773" s="11"/>
      <c r="C2773" s="42"/>
      <c r="D2773" s="3"/>
      <c r="E2773" s="3"/>
      <c r="F2773" s="3"/>
      <c r="G2773" s="3"/>
      <c r="H2773" s="3"/>
      <c r="I2773" s="3"/>
      <c r="J2773" s="3"/>
      <c r="K2773" s="14"/>
      <c r="L2773" s="3"/>
    </row>
    <row r="2774" spans="1:12" ht="16.5" customHeight="1" x14ac:dyDescent="0.3">
      <c r="A2774" s="11"/>
      <c r="B2774" s="11"/>
      <c r="C2774" s="42"/>
      <c r="D2774" s="3"/>
      <c r="E2774" s="3"/>
      <c r="F2774" s="3"/>
      <c r="G2774" s="3"/>
      <c r="H2774" s="3"/>
      <c r="I2774" s="3"/>
      <c r="J2774" s="3"/>
      <c r="K2774" s="14"/>
      <c r="L2774" s="3"/>
    </row>
    <row r="2775" spans="1:12" ht="16.5" customHeight="1" x14ac:dyDescent="0.3">
      <c r="A2775" s="11"/>
      <c r="B2775" s="11"/>
      <c r="C2775" s="42"/>
      <c r="D2775" s="3"/>
      <c r="E2775" s="3"/>
      <c r="F2775" s="3"/>
      <c r="G2775" s="3"/>
      <c r="H2775" s="3"/>
      <c r="I2775" s="3"/>
      <c r="J2775" s="3"/>
      <c r="K2775" s="14"/>
      <c r="L2775" s="3"/>
    </row>
    <row r="2776" spans="1:12" ht="16.5" customHeight="1" x14ac:dyDescent="0.3">
      <c r="A2776" s="11"/>
      <c r="B2776" s="11"/>
      <c r="C2776" s="42"/>
      <c r="D2776" s="3"/>
      <c r="E2776" s="3"/>
      <c r="F2776" s="3"/>
      <c r="G2776" s="3"/>
      <c r="H2776" s="3"/>
      <c r="I2776" s="3"/>
      <c r="J2776" s="3"/>
      <c r="K2776" s="14"/>
      <c r="L2776" s="3"/>
    </row>
    <row r="2777" spans="1:12" ht="16.5" customHeight="1" x14ac:dyDescent="0.3">
      <c r="A2777" s="11"/>
      <c r="B2777" s="11"/>
      <c r="C2777" s="42"/>
      <c r="D2777" s="3"/>
      <c r="E2777" s="3"/>
      <c r="F2777" s="3"/>
      <c r="G2777" s="3"/>
      <c r="H2777" s="3"/>
      <c r="I2777" s="3"/>
      <c r="J2777" s="3"/>
      <c r="K2777" s="14"/>
      <c r="L2777" s="3"/>
    </row>
    <row r="2778" spans="1:12" ht="16.5" customHeight="1" x14ac:dyDescent="0.3">
      <c r="A2778" s="11"/>
      <c r="B2778" s="11"/>
      <c r="C2778" s="42"/>
      <c r="D2778" s="3"/>
      <c r="E2778" s="3"/>
      <c r="F2778" s="3"/>
      <c r="G2778" s="3"/>
      <c r="H2778" s="3"/>
      <c r="I2778" s="3"/>
      <c r="J2778" s="3"/>
      <c r="K2778" s="14"/>
      <c r="L2778" s="3"/>
    </row>
    <row r="2779" spans="1:12" ht="16.5" customHeight="1" x14ac:dyDescent="0.3">
      <c r="A2779" s="11"/>
      <c r="B2779" s="11"/>
      <c r="C2779" s="42"/>
      <c r="D2779" s="3"/>
      <c r="E2779" s="3"/>
      <c r="F2779" s="3"/>
      <c r="G2779" s="3"/>
      <c r="H2779" s="3"/>
      <c r="I2779" s="3"/>
      <c r="J2779" s="3"/>
      <c r="K2779" s="14"/>
      <c r="L2779" s="3"/>
    </row>
    <row r="2780" spans="1:12" ht="16.5" customHeight="1" x14ac:dyDescent="0.3">
      <c r="A2780" s="11"/>
      <c r="B2780" s="11"/>
      <c r="C2780" s="42"/>
      <c r="D2780" s="3"/>
      <c r="E2780" s="3"/>
      <c r="F2780" s="3"/>
      <c r="G2780" s="3"/>
      <c r="H2780" s="3"/>
      <c r="I2780" s="3"/>
      <c r="J2780" s="3"/>
      <c r="K2780" s="14"/>
      <c r="L2780" s="3"/>
    </row>
    <row r="2781" spans="1:12" ht="16.5" customHeight="1" x14ac:dyDescent="0.3">
      <c r="A2781" s="11"/>
      <c r="B2781" s="11"/>
      <c r="C2781" s="42"/>
      <c r="D2781" s="3"/>
      <c r="E2781" s="3"/>
      <c r="F2781" s="3"/>
      <c r="G2781" s="3"/>
      <c r="H2781" s="3"/>
      <c r="I2781" s="3"/>
      <c r="J2781" s="3"/>
      <c r="K2781" s="14"/>
      <c r="L2781" s="3"/>
    </row>
    <row r="2782" spans="1:12" ht="16.5" customHeight="1" x14ac:dyDescent="0.3">
      <c r="A2782" s="11"/>
      <c r="B2782" s="11"/>
      <c r="C2782" s="42"/>
      <c r="D2782" s="3"/>
      <c r="E2782" s="3"/>
      <c r="F2782" s="3"/>
      <c r="G2782" s="3"/>
      <c r="H2782" s="3"/>
      <c r="I2782" s="3"/>
      <c r="J2782" s="3"/>
      <c r="K2782" s="14"/>
      <c r="L2782" s="3"/>
    </row>
    <row r="2783" spans="1:12" ht="16.5" customHeight="1" x14ac:dyDescent="0.3">
      <c r="A2783" s="11"/>
      <c r="B2783" s="11"/>
      <c r="C2783" s="42"/>
      <c r="D2783" s="3"/>
      <c r="E2783" s="3"/>
      <c r="F2783" s="3"/>
      <c r="G2783" s="3"/>
      <c r="H2783" s="3"/>
      <c r="I2783" s="3"/>
      <c r="J2783" s="3"/>
      <c r="K2783" s="14"/>
      <c r="L2783" s="3"/>
    </row>
    <row r="2784" spans="1:12" ht="16.5" customHeight="1" x14ac:dyDescent="0.3">
      <c r="A2784" s="11"/>
      <c r="B2784" s="11"/>
      <c r="C2784" s="42"/>
      <c r="D2784" s="3"/>
      <c r="E2784" s="3"/>
      <c r="F2784" s="3"/>
      <c r="G2784" s="3"/>
      <c r="H2784" s="3"/>
      <c r="I2784" s="3"/>
      <c r="J2784" s="3"/>
      <c r="K2784" s="14"/>
      <c r="L2784" s="3"/>
    </row>
    <row r="2785" spans="1:12" ht="16.5" customHeight="1" x14ac:dyDescent="0.3">
      <c r="A2785" s="11"/>
      <c r="B2785" s="11"/>
      <c r="C2785" s="42"/>
      <c r="D2785" s="3"/>
      <c r="E2785" s="3"/>
      <c r="F2785" s="3"/>
      <c r="G2785" s="3"/>
      <c r="H2785" s="3"/>
      <c r="I2785" s="3"/>
      <c r="J2785" s="3"/>
      <c r="K2785" s="14"/>
      <c r="L2785" s="3"/>
    </row>
    <row r="2786" spans="1:12" ht="16.5" customHeight="1" x14ac:dyDescent="0.3">
      <c r="A2786" s="11"/>
      <c r="B2786" s="11"/>
      <c r="C2786" s="42"/>
      <c r="D2786" s="3"/>
      <c r="E2786" s="3"/>
      <c r="F2786" s="3"/>
      <c r="G2786" s="3"/>
      <c r="H2786" s="3"/>
      <c r="I2786" s="3"/>
      <c r="J2786" s="3"/>
      <c r="K2786" s="14"/>
      <c r="L2786" s="3"/>
    </row>
    <row r="2787" spans="1:12" ht="16.5" customHeight="1" x14ac:dyDescent="0.3">
      <c r="A2787" s="11"/>
      <c r="B2787" s="11"/>
      <c r="C2787" s="42"/>
      <c r="D2787" s="3"/>
      <c r="E2787" s="3"/>
      <c r="F2787" s="3"/>
      <c r="G2787" s="3"/>
      <c r="H2787" s="3"/>
      <c r="I2787" s="3"/>
      <c r="J2787" s="3"/>
      <c r="K2787" s="14"/>
      <c r="L2787" s="3"/>
    </row>
    <row r="2788" spans="1:12" ht="16.5" customHeight="1" x14ac:dyDescent="0.3">
      <c r="A2788" s="11"/>
      <c r="B2788" s="11"/>
      <c r="C2788" s="42"/>
      <c r="D2788" s="3"/>
      <c r="E2788" s="3"/>
      <c r="F2788" s="3"/>
      <c r="G2788" s="3"/>
      <c r="H2788" s="3"/>
      <c r="I2788" s="3"/>
      <c r="J2788" s="3"/>
      <c r="K2788" s="14"/>
      <c r="L2788" s="3"/>
    </row>
    <row r="2789" spans="1:12" ht="16.5" customHeight="1" x14ac:dyDescent="0.3">
      <c r="A2789" s="11"/>
      <c r="B2789" s="11"/>
      <c r="C2789" s="42"/>
      <c r="D2789" s="3"/>
      <c r="E2789" s="3"/>
      <c r="F2789" s="3"/>
      <c r="G2789" s="3"/>
      <c r="H2789" s="3"/>
      <c r="I2789" s="3"/>
      <c r="J2789" s="3"/>
      <c r="K2789" s="14"/>
      <c r="L2789" s="3"/>
    </row>
    <row r="2790" spans="1:12" ht="16.5" customHeight="1" x14ac:dyDescent="0.3">
      <c r="A2790" s="11"/>
      <c r="B2790" s="11"/>
      <c r="C2790" s="42"/>
      <c r="D2790" s="3"/>
      <c r="E2790" s="3"/>
      <c r="F2790" s="3"/>
      <c r="G2790" s="3"/>
      <c r="H2790" s="3"/>
      <c r="I2790" s="3"/>
      <c r="J2790" s="3"/>
      <c r="K2790" s="14"/>
      <c r="L2790" s="3"/>
    </row>
    <row r="2791" spans="1:12" ht="16.5" customHeight="1" x14ac:dyDescent="0.3">
      <c r="A2791" s="11"/>
      <c r="B2791" s="11"/>
      <c r="C2791" s="42"/>
      <c r="D2791" s="3"/>
      <c r="E2791" s="3"/>
      <c r="F2791" s="3"/>
      <c r="G2791" s="3"/>
      <c r="H2791" s="3"/>
      <c r="I2791" s="3"/>
      <c r="J2791" s="3"/>
      <c r="K2791" s="14"/>
      <c r="L2791" s="3"/>
    </row>
    <row r="2792" spans="1:12" ht="16.5" customHeight="1" x14ac:dyDescent="0.3">
      <c r="A2792" s="11"/>
      <c r="B2792" s="11"/>
      <c r="C2792" s="42"/>
      <c r="D2792" s="3"/>
      <c r="E2792" s="3"/>
      <c r="F2792" s="3"/>
      <c r="G2792" s="3"/>
      <c r="H2792" s="3"/>
      <c r="I2792" s="3"/>
      <c r="J2792" s="3"/>
      <c r="K2792" s="14"/>
      <c r="L2792" s="3"/>
    </row>
    <row r="2793" spans="1:12" ht="16.5" customHeight="1" x14ac:dyDescent="0.3">
      <c r="A2793" s="11"/>
      <c r="B2793" s="11"/>
      <c r="C2793" s="42"/>
      <c r="D2793" s="3"/>
      <c r="E2793" s="3"/>
      <c r="F2793" s="3"/>
      <c r="G2793" s="3"/>
      <c r="H2793" s="3"/>
      <c r="I2793" s="3"/>
      <c r="J2793" s="3"/>
      <c r="K2793" s="14"/>
      <c r="L2793" s="3"/>
    </row>
    <row r="2794" spans="1:12" ht="16.5" customHeight="1" x14ac:dyDescent="0.3">
      <c r="A2794" s="11"/>
      <c r="B2794" s="11"/>
      <c r="C2794" s="42"/>
      <c r="D2794" s="3"/>
      <c r="E2794" s="3"/>
      <c r="F2794" s="3"/>
      <c r="G2794" s="3"/>
      <c r="H2794" s="3"/>
      <c r="I2794" s="3"/>
      <c r="J2794" s="3"/>
      <c r="K2794" s="14"/>
      <c r="L2794" s="3"/>
    </row>
    <row r="2795" spans="1:12" ht="16.5" customHeight="1" x14ac:dyDescent="0.3">
      <c r="A2795" s="11"/>
      <c r="B2795" s="11"/>
      <c r="C2795" s="42"/>
      <c r="D2795" s="3"/>
      <c r="E2795" s="3"/>
      <c r="F2795" s="3"/>
      <c r="G2795" s="3"/>
      <c r="H2795" s="3"/>
      <c r="I2795" s="3"/>
      <c r="J2795" s="3"/>
      <c r="K2795" s="14"/>
      <c r="L2795" s="3"/>
    </row>
    <row r="2796" spans="1:12" ht="16.5" customHeight="1" x14ac:dyDescent="0.3">
      <c r="A2796" s="11"/>
      <c r="B2796" s="11"/>
      <c r="C2796" s="42"/>
      <c r="D2796" s="3"/>
      <c r="E2796" s="3"/>
      <c r="F2796" s="3"/>
      <c r="G2796" s="3"/>
      <c r="H2796" s="3"/>
      <c r="I2796" s="3"/>
      <c r="J2796" s="3"/>
      <c r="K2796" s="14"/>
      <c r="L2796" s="3"/>
    </row>
    <row r="2797" spans="1:12" ht="16.5" customHeight="1" x14ac:dyDescent="0.3">
      <c r="A2797" s="11"/>
      <c r="B2797" s="11"/>
      <c r="C2797" s="42"/>
      <c r="D2797" s="3"/>
      <c r="E2797" s="3"/>
      <c r="F2797" s="3"/>
      <c r="G2797" s="3"/>
      <c r="H2797" s="3"/>
      <c r="I2797" s="3"/>
      <c r="J2797" s="3"/>
      <c r="K2797" s="14"/>
      <c r="L2797" s="3"/>
    </row>
    <row r="2798" spans="1:12" ht="16.5" customHeight="1" x14ac:dyDescent="0.3">
      <c r="A2798" s="11"/>
      <c r="B2798" s="11"/>
      <c r="C2798" s="42"/>
      <c r="D2798" s="3"/>
      <c r="E2798" s="3"/>
      <c r="F2798" s="3"/>
      <c r="G2798" s="3"/>
      <c r="H2798" s="3"/>
      <c r="I2798" s="3"/>
      <c r="J2798" s="3"/>
      <c r="K2798" s="14"/>
      <c r="L2798" s="3"/>
    </row>
    <row r="2799" spans="1:12" ht="16.5" customHeight="1" x14ac:dyDescent="0.3">
      <c r="A2799" s="11"/>
      <c r="B2799" s="11"/>
      <c r="C2799" s="42"/>
      <c r="D2799" s="3"/>
      <c r="E2799" s="3"/>
      <c r="F2799" s="3"/>
      <c r="G2799" s="3"/>
      <c r="H2799" s="3"/>
      <c r="I2799" s="3"/>
      <c r="J2799" s="3"/>
      <c r="K2799" s="14"/>
      <c r="L2799" s="3"/>
    </row>
    <row r="2800" spans="1:12" ht="16.5" customHeight="1" x14ac:dyDescent="0.3">
      <c r="A2800" s="11"/>
      <c r="B2800" s="11"/>
      <c r="C2800" s="42"/>
      <c r="D2800" s="3"/>
      <c r="E2800" s="3"/>
      <c r="F2800" s="3"/>
      <c r="G2800" s="3"/>
      <c r="H2800" s="3"/>
      <c r="I2800" s="3"/>
      <c r="J2800" s="3"/>
      <c r="K2800" s="14"/>
      <c r="L2800" s="3"/>
    </row>
    <row r="2801" spans="1:12" ht="16.5" customHeight="1" x14ac:dyDescent="0.3">
      <c r="A2801" s="11"/>
      <c r="B2801" s="11"/>
      <c r="C2801" s="42"/>
      <c r="D2801" s="3"/>
      <c r="E2801" s="3"/>
      <c r="F2801" s="3"/>
      <c r="G2801" s="3"/>
      <c r="H2801" s="3"/>
      <c r="I2801" s="3"/>
      <c r="J2801" s="3"/>
      <c r="K2801" s="14"/>
      <c r="L2801" s="3"/>
    </row>
    <row r="2802" spans="1:12" ht="16.5" customHeight="1" x14ac:dyDescent="0.3">
      <c r="A2802" s="11"/>
      <c r="B2802" s="11"/>
      <c r="C2802" s="42"/>
      <c r="D2802" s="3"/>
      <c r="E2802" s="3"/>
      <c r="F2802" s="3"/>
      <c r="G2802" s="3"/>
      <c r="H2802" s="3"/>
      <c r="I2802" s="3"/>
      <c r="J2802" s="3"/>
      <c r="K2802" s="14"/>
      <c r="L2802" s="3"/>
    </row>
    <row r="2803" spans="1:12" ht="16.5" customHeight="1" x14ac:dyDescent="0.3">
      <c r="A2803" s="11"/>
      <c r="B2803" s="11"/>
      <c r="C2803" s="42"/>
      <c r="D2803" s="3"/>
      <c r="E2803" s="3"/>
      <c r="F2803" s="3"/>
      <c r="G2803" s="3"/>
      <c r="H2803" s="3"/>
      <c r="I2803" s="3"/>
      <c r="J2803" s="3"/>
      <c r="K2803" s="14"/>
      <c r="L2803" s="3"/>
    </row>
    <row r="2804" spans="1:12" ht="16.5" customHeight="1" x14ac:dyDescent="0.3">
      <c r="A2804" s="11"/>
      <c r="B2804" s="11"/>
      <c r="C2804" s="42"/>
      <c r="D2804" s="3"/>
      <c r="E2804" s="3"/>
      <c r="F2804" s="3"/>
      <c r="G2804" s="3"/>
      <c r="H2804" s="3"/>
      <c r="I2804" s="3"/>
      <c r="J2804" s="3"/>
      <c r="K2804" s="14"/>
      <c r="L2804" s="3"/>
    </row>
    <row r="2805" spans="1:12" ht="16.5" customHeight="1" x14ac:dyDescent="0.3">
      <c r="A2805" s="11"/>
      <c r="B2805" s="11"/>
      <c r="C2805" s="42"/>
      <c r="D2805" s="3"/>
      <c r="E2805" s="3"/>
      <c r="F2805" s="3"/>
      <c r="G2805" s="3"/>
      <c r="H2805" s="3"/>
      <c r="I2805" s="3"/>
      <c r="J2805" s="3"/>
      <c r="K2805" s="14"/>
      <c r="L2805" s="3"/>
    </row>
    <row r="2806" spans="1:12" ht="16.5" customHeight="1" x14ac:dyDescent="0.3">
      <c r="A2806" s="11"/>
      <c r="B2806" s="11"/>
      <c r="C2806" s="42"/>
      <c r="D2806" s="3"/>
      <c r="E2806" s="3"/>
      <c r="F2806" s="3"/>
      <c r="G2806" s="3"/>
      <c r="H2806" s="3"/>
      <c r="I2806" s="3"/>
      <c r="J2806" s="3"/>
      <c r="K2806" s="14"/>
      <c r="L2806" s="3"/>
    </row>
    <row r="2807" spans="1:12" ht="16.5" customHeight="1" x14ac:dyDescent="0.3">
      <c r="A2807" s="11"/>
      <c r="B2807" s="11"/>
      <c r="C2807" s="42"/>
      <c r="D2807" s="3"/>
      <c r="E2807" s="3"/>
      <c r="F2807" s="3"/>
      <c r="G2807" s="3"/>
      <c r="H2807" s="3"/>
      <c r="I2807" s="3"/>
      <c r="J2807" s="3"/>
      <c r="K2807" s="14"/>
      <c r="L2807" s="3"/>
    </row>
    <row r="2808" spans="1:12" ht="16.5" customHeight="1" x14ac:dyDescent="0.3">
      <c r="A2808" s="11"/>
      <c r="B2808" s="11"/>
      <c r="C2808" s="42"/>
      <c r="D2808" s="3"/>
      <c r="E2808" s="3"/>
      <c r="F2808" s="3"/>
      <c r="G2808" s="3"/>
      <c r="H2808" s="3"/>
      <c r="I2808" s="3"/>
      <c r="J2808" s="3"/>
      <c r="K2808" s="14"/>
      <c r="L2808" s="3"/>
    </row>
    <row r="2809" spans="1:12" ht="16.5" customHeight="1" x14ac:dyDescent="0.3">
      <c r="A2809" s="11"/>
      <c r="B2809" s="11"/>
      <c r="C2809" s="42"/>
      <c r="D2809" s="3"/>
      <c r="E2809" s="3"/>
      <c r="F2809" s="3"/>
      <c r="G2809" s="3"/>
      <c r="H2809" s="3"/>
      <c r="I2809" s="3"/>
      <c r="J2809" s="3"/>
      <c r="K2809" s="14"/>
      <c r="L2809" s="3"/>
    </row>
    <row r="2810" spans="1:12" ht="16.5" customHeight="1" x14ac:dyDescent="0.3">
      <c r="A2810" s="11"/>
      <c r="B2810" s="11"/>
      <c r="C2810" s="42"/>
      <c r="D2810" s="3"/>
      <c r="E2810" s="3"/>
      <c r="F2810" s="3"/>
      <c r="G2810" s="3"/>
      <c r="H2810" s="3"/>
      <c r="I2810" s="3"/>
      <c r="J2810" s="3"/>
      <c r="K2810" s="14"/>
      <c r="L2810" s="3"/>
    </row>
    <row r="2811" spans="1:12" ht="16.5" customHeight="1" x14ac:dyDescent="0.3">
      <c r="A2811" s="11"/>
      <c r="B2811" s="11"/>
      <c r="C2811" s="42"/>
      <c r="D2811" s="3"/>
      <c r="E2811" s="3"/>
      <c r="F2811" s="3"/>
      <c r="G2811" s="3"/>
      <c r="H2811" s="3"/>
      <c r="I2811" s="3"/>
      <c r="J2811" s="3"/>
      <c r="K2811" s="14"/>
      <c r="L2811" s="3"/>
    </row>
    <row r="2812" spans="1:12" ht="16.5" customHeight="1" x14ac:dyDescent="0.3">
      <c r="A2812" s="11"/>
      <c r="B2812" s="11"/>
      <c r="C2812" s="42"/>
      <c r="D2812" s="3"/>
      <c r="E2812" s="3"/>
      <c r="F2812" s="3"/>
      <c r="G2812" s="3"/>
      <c r="H2812" s="3"/>
      <c r="I2812" s="3"/>
      <c r="J2812" s="3"/>
      <c r="K2812" s="14"/>
      <c r="L2812" s="3"/>
    </row>
    <row r="2813" spans="1:12" ht="16.5" customHeight="1" x14ac:dyDescent="0.3">
      <c r="A2813" s="11"/>
      <c r="B2813" s="11"/>
      <c r="C2813" s="42"/>
      <c r="D2813" s="3"/>
      <c r="E2813" s="3"/>
      <c r="F2813" s="3"/>
      <c r="G2813" s="3"/>
      <c r="H2813" s="3"/>
      <c r="I2813" s="3"/>
      <c r="J2813" s="3"/>
      <c r="K2813" s="14"/>
      <c r="L2813" s="3"/>
    </row>
    <row r="2814" spans="1:12" ht="16.5" customHeight="1" x14ac:dyDescent="0.3">
      <c r="A2814" s="11"/>
      <c r="B2814" s="11"/>
      <c r="C2814" s="42"/>
      <c r="D2814" s="3"/>
      <c r="E2814" s="3"/>
      <c r="F2814" s="3"/>
      <c r="G2814" s="3"/>
      <c r="H2814" s="3"/>
      <c r="I2814" s="3"/>
      <c r="J2814" s="3"/>
      <c r="K2814" s="14"/>
      <c r="L2814" s="3"/>
    </row>
    <row r="2815" spans="1:12" ht="16.5" customHeight="1" x14ac:dyDescent="0.3">
      <c r="A2815" s="11"/>
      <c r="B2815" s="11"/>
      <c r="C2815" s="42"/>
      <c r="D2815" s="3"/>
      <c r="E2815" s="3"/>
      <c r="F2815" s="3"/>
      <c r="G2815" s="3"/>
      <c r="H2815" s="3"/>
      <c r="I2815" s="3"/>
      <c r="J2815" s="3"/>
      <c r="K2815" s="14"/>
      <c r="L2815" s="3"/>
    </row>
    <row r="2816" spans="1:12" ht="16.5" customHeight="1" x14ac:dyDescent="0.3">
      <c r="A2816" s="11"/>
      <c r="B2816" s="11"/>
      <c r="C2816" s="42"/>
      <c r="D2816" s="3"/>
      <c r="E2816" s="3"/>
      <c r="F2816" s="3"/>
      <c r="G2816" s="3"/>
      <c r="H2816" s="3"/>
      <c r="I2816" s="3"/>
      <c r="J2816" s="3"/>
      <c r="K2816" s="14"/>
      <c r="L2816" s="3"/>
    </row>
    <row r="2817" spans="1:12" ht="16.5" customHeight="1" x14ac:dyDescent="0.3">
      <c r="A2817" s="11"/>
      <c r="B2817" s="11"/>
      <c r="C2817" s="42"/>
      <c r="D2817" s="3"/>
      <c r="E2817" s="3"/>
      <c r="F2817" s="3"/>
      <c r="G2817" s="3"/>
      <c r="H2817" s="3"/>
      <c r="I2817" s="3"/>
      <c r="J2817" s="3"/>
      <c r="K2817" s="14"/>
      <c r="L2817" s="3"/>
    </row>
    <row r="2818" spans="1:12" ht="16.5" customHeight="1" x14ac:dyDescent="0.3">
      <c r="A2818" s="11"/>
      <c r="B2818" s="11"/>
      <c r="C2818" s="42"/>
      <c r="D2818" s="3"/>
      <c r="E2818" s="3"/>
      <c r="F2818" s="3"/>
      <c r="G2818" s="3"/>
      <c r="H2818" s="3"/>
      <c r="I2818" s="3"/>
      <c r="J2818" s="3"/>
      <c r="K2818" s="14"/>
      <c r="L2818" s="3"/>
    </row>
    <row r="2819" spans="1:12" ht="16.5" customHeight="1" x14ac:dyDescent="0.3">
      <c r="A2819" s="11"/>
      <c r="B2819" s="11"/>
      <c r="C2819" s="42"/>
      <c r="D2819" s="3"/>
      <c r="E2819" s="3"/>
      <c r="F2819" s="3"/>
      <c r="G2819" s="3"/>
      <c r="H2819" s="3"/>
      <c r="I2819" s="3"/>
      <c r="J2819" s="3"/>
      <c r="K2819" s="14"/>
      <c r="L2819" s="3"/>
    </row>
    <row r="2820" spans="1:12" ht="16.5" customHeight="1" x14ac:dyDescent="0.3">
      <c r="A2820" s="11"/>
      <c r="B2820" s="11"/>
      <c r="C2820" s="42"/>
      <c r="D2820" s="3"/>
      <c r="E2820" s="3"/>
      <c r="F2820" s="3"/>
      <c r="G2820" s="3"/>
      <c r="H2820" s="3"/>
      <c r="I2820" s="3"/>
      <c r="J2820" s="3"/>
      <c r="K2820" s="14"/>
      <c r="L2820" s="3"/>
    </row>
    <row r="2821" spans="1:12" ht="16.5" customHeight="1" x14ac:dyDescent="0.3">
      <c r="A2821" s="11"/>
      <c r="B2821" s="11"/>
      <c r="C2821" s="42"/>
      <c r="D2821" s="3"/>
      <c r="E2821" s="3"/>
      <c r="F2821" s="3"/>
      <c r="G2821" s="3"/>
      <c r="H2821" s="3"/>
      <c r="I2821" s="3"/>
      <c r="J2821" s="3"/>
      <c r="K2821" s="14"/>
      <c r="L2821" s="3"/>
    </row>
    <row r="2822" spans="1:12" ht="16.5" customHeight="1" x14ac:dyDescent="0.3">
      <c r="A2822" s="11"/>
      <c r="B2822" s="11"/>
      <c r="C2822" s="42"/>
      <c r="D2822" s="3"/>
      <c r="E2822" s="3"/>
      <c r="F2822" s="3"/>
      <c r="G2822" s="3"/>
      <c r="H2822" s="3"/>
      <c r="I2822" s="3"/>
      <c r="J2822" s="3"/>
      <c r="K2822" s="14"/>
      <c r="L2822" s="3"/>
    </row>
    <row r="2823" spans="1:12" ht="16.5" customHeight="1" x14ac:dyDescent="0.3">
      <c r="A2823" s="11"/>
      <c r="B2823" s="11"/>
      <c r="C2823" s="42"/>
      <c r="D2823" s="3"/>
      <c r="E2823" s="3"/>
      <c r="F2823" s="3"/>
      <c r="G2823" s="3"/>
      <c r="H2823" s="3"/>
      <c r="I2823" s="3"/>
      <c r="J2823" s="3"/>
      <c r="K2823" s="14"/>
      <c r="L2823" s="3"/>
    </row>
    <row r="2824" spans="1:12" ht="16.5" customHeight="1" x14ac:dyDescent="0.3">
      <c r="A2824" s="11"/>
      <c r="B2824" s="11"/>
      <c r="C2824" s="42"/>
      <c r="D2824" s="3"/>
      <c r="E2824" s="3"/>
      <c r="F2824" s="3"/>
      <c r="G2824" s="3"/>
      <c r="H2824" s="3"/>
      <c r="I2824" s="3"/>
      <c r="J2824" s="3"/>
      <c r="K2824" s="14"/>
      <c r="L2824" s="3"/>
    </row>
    <row r="2825" spans="1:12" ht="16.5" customHeight="1" x14ac:dyDescent="0.3">
      <c r="A2825" s="11"/>
      <c r="B2825" s="11"/>
      <c r="C2825" s="42"/>
      <c r="D2825" s="3"/>
      <c r="E2825" s="3"/>
      <c r="F2825" s="3"/>
      <c r="G2825" s="3"/>
      <c r="H2825" s="3"/>
      <c r="I2825" s="3"/>
      <c r="J2825" s="3"/>
      <c r="K2825" s="14"/>
      <c r="L2825" s="3"/>
    </row>
    <row r="2826" spans="1:12" ht="16.5" customHeight="1" x14ac:dyDescent="0.3">
      <c r="A2826" s="11"/>
      <c r="B2826" s="11"/>
      <c r="C2826" s="42"/>
      <c r="D2826" s="3"/>
      <c r="E2826" s="3"/>
      <c r="F2826" s="3"/>
      <c r="G2826" s="3"/>
      <c r="H2826" s="3"/>
      <c r="I2826" s="3"/>
      <c r="J2826" s="3"/>
      <c r="K2826" s="14"/>
      <c r="L2826" s="3"/>
    </row>
    <row r="2827" spans="1:12" ht="16.5" customHeight="1" x14ac:dyDescent="0.3">
      <c r="A2827" s="11"/>
      <c r="B2827" s="11"/>
      <c r="C2827" s="42"/>
      <c r="D2827" s="3"/>
      <c r="E2827" s="3"/>
      <c r="F2827" s="3"/>
      <c r="G2827" s="3"/>
      <c r="H2827" s="3"/>
      <c r="I2827" s="3"/>
      <c r="J2827" s="3"/>
      <c r="K2827" s="14"/>
      <c r="L2827" s="3"/>
    </row>
    <row r="2828" spans="1:12" ht="16.5" customHeight="1" x14ac:dyDescent="0.3">
      <c r="A2828" s="11"/>
      <c r="B2828" s="11"/>
      <c r="C2828" s="42"/>
      <c r="D2828" s="3"/>
      <c r="E2828" s="3"/>
      <c r="F2828" s="3"/>
      <c r="G2828" s="3"/>
      <c r="H2828" s="3"/>
      <c r="I2828" s="3"/>
      <c r="J2828" s="3"/>
      <c r="K2828" s="14"/>
      <c r="L2828" s="3"/>
    </row>
    <row r="2829" spans="1:12" ht="16.5" customHeight="1" x14ac:dyDescent="0.3">
      <c r="A2829" s="11"/>
      <c r="B2829" s="11"/>
      <c r="C2829" s="42"/>
      <c r="D2829" s="3"/>
      <c r="E2829" s="3"/>
      <c r="F2829" s="3"/>
      <c r="G2829" s="3"/>
      <c r="H2829" s="3"/>
      <c r="I2829" s="3"/>
      <c r="J2829" s="3"/>
      <c r="K2829" s="14"/>
      <c r="L2829" s="3"/>
    </row>
    <row r="2830" spans="1:12" ht="16.5" customHeight="1" x14ac:dyDescent="0.3">
      <c r="A2830" s="11"/>
      <c r="B2830" s="11"/>
      <c r="C2830" s="42"/>
      <c r="D2830" s="3"/>
      <c r="E2830" s="3"/>
      <c r="F2830" s="3"/>
      <c r="G2830" s="3"/>
      <c r="H2830" s="3"/>
      <c r="I2830" s="3"/>
      <c r="J2830" s="3"/>
      <c r="K2830" s="14"/>
      <c r="L2830" s="3"/>
    </row>
    <row r="2831" spans="1:12" ht="16.5" customHeight="1" x14ac:dyDescent="0.3">
      <c r="A2831" s="11"/>
      <c r="B2831" s="11"/>
      <c r="C2831" s="42"/>
      <c r="D2831" s="3"/>
      <c r="E2831" s="3"/>
      <c r="F2831" s="3"/>
      <c r="G2831" s="3"/>
      <c r="H2831" s="3"/>
      <c r="I2831" s="3"/>
      <c r="J2831" s="3"/>
      <c r="K2831" s="14"/>
      <c r="L2831" s="3"/>
    </row>
    <row r="2832" spans="1:12" ht="16.5" customHeight="1" x14ac:dyDescent="0.3">
      <c r="A2832" s="11"/>
      <c r="B2832" s="11"/>
      <c r="C2832" s="42"/>
      <c r="D2832" s="3"/>
      <c r="E2832" s="3"/>
      <c r="F2832" s="3"/>
      <c r="G2832" s="3"/>
      <c r="H2832" s="3"/>
      <c r="I2832" s="3"/>
      <c r="J2832" s="3"/>
      <c r="K2832" s="14"/>
      <c r="L2832" s="3"/>
    </row>
    <row r="2833" spans="1:12" ht="16.5" customHeight="1" x14ac:dyDescent="0.3">
      <c r="A2833" s="11"/>
      <c r="B2833" s="11"/>
      <c r="C2833" s="42"/>
      <c r="D2833" s="3"/>
      <c r="E2833" s="3"/>
      <c r="F2833" s="3"/>
      <c r="G2833" s="3"/>
      <c r="H2833" s="3"/>
      <c r="I2833" s="3"/>
      <c r="J2833" s="3"/>
      <c r="K2833" s="14"/>
      <c r="L2833" s="3"/>
    </row>
    <row r="2834" spans="1:12" ht="16.5" customHeight="1" x14ac:dyDescent="0.3">
      <c r="A2834" s="11"/>
      <c r="B2834" s="11"/>
      <c r="C2834" s="42"/>
      <c r="D2834" s="3"/>
      <c r="E2834" s="3"/>
      <c r="F2834" s="3"/>
      <c r="G2834" s="3"/>
      <c r="H2834" s="3"/>
      <c r="I2834" s="3"/>
      <c r="J2834" s="3"/>
      <c r="K2834" s="14"/>
      <c r="L2834" s="3"/>
    </row>
    <row r="2835" spans="1:12" ht="16.5" customHeight="1" x14ac:dyDescent="0.3">
      <c r="A2835" s="11"/>
      <c r="B2835" s="11"/>
      <c r="C2835" s="42"/>
      <c r="D2835" s="3"/>
      <c r="E2835" s="3"/>
      <c r="F2835" s="3"/>
      <c r="G2835" s="3"/>
      <c r="H2835" s="3"/>
      <c r="I2835" s="3"/>
      <c r="J2835" s="3"/>
      <c r="K2835" s="14"/>
      <c r="L2835" s="3"/>
    </row>
    <row r="2836" spans="1:12" ht="16.5" customHeight="1" x14ac:dyDescent="0.3">
      <c r="A2836" s="11"/>
      <c r="B2836" s="11"/>
      <c r="C2836" s="42"/>
      <c r="D2836" s="3"/>
      <c r="E2836" s="3"/>
      <c r="F2836" s="3"/>
      <c r="G2836" s="3"/>
      <c r="H2836" s="3"/>
      <c r="I2836" s="3"/>
      <c r="J2836" s="3"/>
      <c r="K2836" s="14"/>
      <c r="L2836" s="3"/>
    </row>
    <row r="2837" spans="1:12" ht="16.5" customHeight="1" x14ac:dyDescent="0.3">
      <c r="A2837" s="11"/>
      <c r="B2837" s="11"/>
      <c r="C2837" s="42"/>
      <c r="D2837" s="3"/>
      <c r="E2837" s="3"/>
      <c r="F2837" s="3"/>
      <c r="G2837" s="3"/>
      <c r="H2837" s="3"/>
      <c r="I2837" s="3"/>
      <c r="J2837" s="3"/>
      <c r="K2837" s="14"/>
      <c r="L2837" s="3"/>
    </row>
    <row r="2838" spans="1:12" ht="16.5" customHeight="1" x14ac:dyDescent="0.3">
      <c r="A2838" s="11"/>
      <c r="B2838" s="11"/>
      <c r="C2838" s="42"/>
      <c r="D2838" s="3"/>
      <c r="E2838" s="3"/>
      <c r="F2838" s="3"/>
      <c r="G2838" s="3"/>
      <c r="H2838" s="3"/>
      <c r="I2838" s="3"/>
      <c r="J2838" s="3"/>
      <c r="K2838" s="14"/>
      <c r="L2838" s="3"/>
    </row>
    <row r="2839" spans="1:12" ht="16.5" customHeight="1" x14ac:dyDescent="0.3">
      <c r="A2839" s="11"/>
      <c r="B2839" s="11"/>
      <c r="C2839" s="42"/>
      <c r="D2839" s="3"/>
      <c r="E2839" s="3"/>
      <c r="F2839" s="3"/>
      <c r="G2839" s="3"/>
      <c r="H2839" s="3"/>
      <c r="I2839" s="3"/>
      <c r="J2839" s="3"/>
      <c r="K2839" s="14"/>
      <c r="L2839" s="3"/>
    </row>
    <row r="2840" spans="1:12" ht="16.5" customHeight="1" x14ac:dyDescent="0.3">
      <c r="A2840" s="11"/>
      <c r="B2840" s="11"/>
      <c r="C2840" s="42"/>
      <c r="D2840" s="3"/>
      <c r="E2840" s="3"/>
      <c r="F2840" s="3"/>
      <c r="G2840" s="3"/>
      <c r="H2840" s="3"/>
      <c r="I2840" s="3"/>
      <c r="J2840" s="3"/>
      <c r="K2840" s="14"/>
      <c r="L2840" s="3"/>
    </row>
    <row r="2841" spans="1:12" ht="16.5" customHeight="1" x14ac:dyDescent="0.3">
      <c r="A2841" s="11"/>
      <c r="B2841" s="11"/>
      <c r="C2841" s="42"/>
      <c r="D2841" s="3"/>
      <c r="E2841" s="3"/>
      <c r="F2841" s="3"/>
      <c r="G2841" s="3"/>
      <c r="H2841" s="3"/>
      <c r="I2841" s="3"/>
      <c r="J2841" s="3"/>
      <c r="K2841" s="14"/>
      <c r="L2841" s="3"/>
    </row>
    <row r="2842" spans="1:12" ht="16.5" customHeight="1" x14ac:dyDescent="0.3">
      <c r="A2842" s="11"/>
      <c r="B2842" s="11"/>
      <c r="C2842" s="42"/>
      <c r="D2842" s="3"/>
      <c r="E2842" s="3"/>
      <c r="F2842" s="3"/>
      <c r="G2842" s="3"/>
      <c r="H2842" s="3"/>
      <c r="I2842" s="3"/>
      <c r="J2842" s="3"/>
      <c r="K2842" s="14"/>
      <c r="L2842" s="3"/>
    </row>
    <row r="2843" spans="1:12" ht="16.5" customHeight="1" x14ac:dyDescent="0.3">
      <c r="A2843" s="11"/>
      <c r="B2843" s="11"/>
      <c r="C2843" s="42"/>
      <c r="D2843" s="3"/>
      <c r="E2843" s="3"/>
      <c r="F2843" s="3"/>
      <c r="G2843" s="3"/>
      <c r="H2843" s="3"/>
      <c r="I2843" s="3"/>
      <c r="J2843" s="3"/>
      <c r="K2843" s="14"/>
      <c r="L2843" s="3"/>
    </row>
    <row r="2844" spans="1:12" ht="16.5" customHeight="1" x14ac:dyDescent="0.3">
      <c r="A2844" s="11"/>
      <c r="B2844" s="11"/>
      <c r="C2844" s="42"/>
      <c r="D2844" s="3"/>
      <c r="E2844" s="3"/>
      <c r="F2844" s="3"/>
      <c r="G2844" s="3"/>
      <c r="H2844" s="3"/>
      <c r="I2844" s="3"/>
      <c r="J2844" s="3"/>
      <c r="K2844" s="14"/>
      <c r="L2844" s="3"/>
    </row>
    <row r="2845" spans="1:12" ht="16.5" customHeight="1" x14ac:dyDescent="0.3">
      <c r="A2845" s="11"/>
      <c r="B2845" s="11"/>
      <c r="C2845" s="42"/>
      <c r="D2845" s="3"/>
      <c r="E2845" s="3"/>
      <c r="F2845" s="3"/>
      <c r="G2845" s="3"/>
      <c r="H2845" s="3"/>
      <c r="I2845" s="3"/>
      <c r="J2845" s="3"/>
      <c r="K2845" s="14"/>
      <c r="L2845" s="3"/>
    </row>
    <row r="2846" spans="1:12" ht="16.5" customHeight="1" x14ac:dyDescent="0.3">
      <c r="A2846" s="11"/>
      <c r="B2846" s="11"/>
      <c r="C2846" s="42"/>
      <c r="D2846" s="3"/>
      <c r="E2846" s="3"/>
      <c r="F2846" s="3"/>
      <c r="G2846" s="3"/>
      <c r="H2846" s="3"/>
      <c r="I2846" s="3"/>
      <c r="J2846" s="3"/>
      <c r="K2846" s="14"/>
      <c r="L2846" s="3"/>
    </row>
    <row r="2847" spans="1:12" ht="16.5" customHeight="1" x14ac:dyDescent="0.3">
      <c r="A2847" s="11"/>
      <c r="B2847" s="11"/>
      <c r="C2847" s="42"/>
      <c r="D2847" s="3"/>
      <c r="E2847" s="3"/>
      <c r="F2847" s="3"/>
      <c r="G2847" s="3"/>
      <c r="H2847" s="3"/>
      <c r="I2847" s="3"/>
      <c r="J2847" s="3"/>
      <c r="K2847" s="14"/>
      <c r="L2847" s="3"/>
    </row>
    <row r="2848" spans="1:12" ht="16.5" customHeight="1" x14ac:dyDescent="0.3">
      <c r="A2848" s="11"/>
      <c r="B2848" s="11"/>
      <c r="C2848" s="42"/>
      <c r="D2848" s="3"/>
      <c r="E2848" s="3"/>
      <c r="F2848" s="3"/>
      <c r="G2848" s="3"/>
      <c r="H2848" s="3"/>
      <c r="I2848" s="3"/>
      <c r="J2848" s="3"/>
      <c r="K2848" s="14"/>
      <c r="L2848" s="3"/>
    </row>
    <row r="2849" spans="1:12" ht="16.5" customHeight="1" x14ac:dyDescent="0.3">
      <c r="A2849" s="11"/>
      <c r="B2849" s="11"/>
      <c r="C2849" s="42"/>
      <c r="D2849" s="3"/>
      <c r="E2849" s="3"/>
      <c r="F2849" s="3"/>
      <c r="G2849" s="3"/>
      <c r="H2849" s="3"/>
      <c r="I2849" s="3"/>
      <c r="J2849" s="3"/>
      <c r="K2849" s="14"/>
      <c r="L2849" s="3"/>
    </row>
    <row r="2850" spans="1:12" ht="16.5" customHeight="1" x14ac:dyDescent="0.3">
      <c r="A2850" s="11"/>
      <c r="B2850" s="11"/>
      <c r="C2850" s="42"/>
      <c r="D2850" s="3"/>
      <c r="E2850" s="3"/>
      <c r="F2850" s="3"/>
      <c r="G2850" s="3"/>
      <c r="H2850" s="3"/>
      <c r="I2850" s="3"/>
      <c r="J2850" s="3"/>
      <c r="K2850" s="14"/>
      <c r="L2850" s="3"/>
    </row>
    <row r="2851" spans="1:12" ht="16.5" customHeight="1" x14ac:dyDescent="0.3">
      <c r="A2851" s="11"/>
      <c r="B2851" s="11"/>
      <c r="C2851" s="42"/>
      <c r="D2851" s="3"/>
      <c r="E2851" s="3"/>
      <c r="F2851" s="3"/>
      <c r="G2851" s="3"/>
      <c r="H2851" s="3"/>
      <c r="I2851" s="3"/>
      <c r="J2851" s="3"/>
      <c r="K2851" s="14"/>
      <c r="L2851" s="3"/>
    </row>
    <row r="2852" spans="1:12" ht="16.5" customHeight="1" x14ac:dyDescent="0.3">
      <c r="A2852" s="11"/>
      <c r="B2852" s="11"/>
      <c r="C2852" s="42"/>
      <c r="D2852" s="3"/>
      <c r="E2852" s="3"/>
      <c r="F2852" s="3"/>
      <c r="G2852" s="3"/>
      <c r="H2852" s="3"/>
      <c r="I2852" s="3"/>
      <c r="J2852" s="3"/>
      <c r="K2852" s="14"/>
      <c r="L2852" s="3"/>
    </row>
    <row r="2853" spans="1:12" ht="16.5" customHeight="1" x14ac:dyDescent="0.3">
      <c r="A2853" s="11"/>
      <c r="B2853" s="11"/>
      <c r="C2853" s="42"/>
      <c r="D2853" s="3"/>
      <c r="E2853" s="3"/>
      <c r="F2853" s="3"/>
      <c r="G2853" s="3"/>
      <c r="H2853" s="3"/>
      <c r="I2853" s="3"/>
      <c r="J2853" s="3"/>
      <c r="K2853" s="14"/>
      <c r="L2853" s="3"/>
    </row>
    <row r="2854" spans="1:12" ht="16.5" customHeight="1" x14ac:dyDescent="0.3">
      <c r="A2854" s="11"/>
      <c r="B2854" s="11"/>
      <c r="C2854" s="42"/>
      <c r="D2854" s="3"/>
      <c r="E2854" s="3"/>
      <c r="F2854" s="3"/>
      <c r="G2854" s="3"/>
      <c r="H2854" s="3"/>
      <c r="I2854" s="3"/>
      <c r="J2854" s="3"/>
      <c r="K2854" s="14"/>
      <c r="L2854" s="3"/>
    </row>
    <row r="2855" spans="1:12" ht="16.5" customHeight="1" x14ac:dyDescent="0.3">
      <c r="A2855" s="11"/>
      <c r="B2855" s="11"/>
      <c r="C2855" s="42"/>
      <c r="D2855" s="3"/>
      <c r="E2855" s="3"/>
      <c r="F2855" s="3"/>
      <c r="G2855" s="3"/>
      <c r="H2855" s="3"/>
      <c r="I2855" s="3"/>
      <c r="J2855" s="3"/>
      <c r="K2855" s="14"/>
      <c r="L2855" s="3"/>
    </row>
    <row r="2856" spans="1:12" ht="16.5" customHeight="1" x14ac:dyDescent="0.3">
      <c r="A2856" s="11"/>
      <c r="B2856" s="11"/>
      <c r="C2856" s="42"/>
      <c r="D2856" s="3"/>
      <c r="E2856" s="3"/>
      <c r="F2856" s="3"/>
      <c r="G2856" s="3"/>
      <c r="H2856" s="3"/>
      <c r="I2856" s="3"/>
      <c r="J2856" s="3"/>
      <c r="K2856" s="14"/>
      <c r="L2856" s="3"/>
    </row>
    <row r="2857" spans="1:12" ht="16.5" customHeight="1" x14ac:dyDescent="0.3">
      <c r="A2857" s="11"/>
      <c r="B2857" s="11"/>
      <c r="C2857" s="42"/>
      <c r="D2857" s="3"/>
      <c r="E2857" s="3"/>
      <c r="F2857" s="3"/>
      <c r="G2857" s="3"/>
      <c r="H2857" s="3"/>
      <c r="I2857" s="3"/>
      <c r="J2857" s="3"/>
      <c r="K2857" s="14"/>
      <c r="L2857" s="3"/>
    </row>
    <row r="2858" spans="1:12" ht="16.5" customHeight="1" x14ac:dyDescent="0.3">
      <c r="A2858" s="11"/>
      <c r="B2858" s="11"/>
      <c r="C2858" s="42"/>
      <c r="D2858" s="3"/>
      <c r="E2858" s="3"/>
      <c r="F2858" s="3"/>
      <c r="G2858" s="3"/>
      <c r="H2858" s="3"/>
      <c r="I2858" s="3"/>
      <c r="J2858" s="3"/>
      <c r="K2858" s="14"/>
      <c r="L2858" s="3"/>
    </row>
    <row r="2859" spans="1:12" ht="16.5" customHeight="1" x14ac:dyDescent="0.3">
      <c r="A2859" s="11"/>
      <c r="B2859" s="11"/>
      <c r="C2859" s="42"/>
      <c r="D2859" s="3"/>
      <c r="E2859" s="3"/>
      <c r="F2859" s="3"/>
      <c r="G2859" s="3"/>
      <c r="H2859" s="3"/>
      <c r="I2859" s="3"/>
      <c r="J2859" s="3"/>
      <c r="K2859" s="14"/>
      <c r="L2859" s="3"/>
    </row>
    <row r="2860" spans="1:12" ht="16.5" customHeight="1" x14ac:dyDescent="0.3">
      <c r="A2860" s="11"/>
      <c r="B2860" s="11"/>
      <c r="C2860" s="42"/>
      <c r="D2860" s="3"/>
      <c r="E2860" s="3"/>
      <c r="F2860" s="3"/>
      <c r="G2860" s="3"/>
      <c r="H2860" s="3"/>
      <c r="I2860" s="3"/>
      <c r="J2860" s="3"/>
      <c r="K2860" s="14"/>
      <c r="L2860" s="3"/>
    </row>
    <row r="2861" spans="1:12" ht="16.5" customHeight="1" x14ac:dyDescent="0.3">
      <c r="A2861" s="11"/>
      <c r="B2861" s="11"/>
      <c r="C2861" s="42"/>
      <c r="D2861" s="3"/>
      <c r="E2861" s="3"/>
      <c r="F2861" s="3"/>
      <c r="G2861" s="3"/>
      <c r="H2861" s="3"/>
      <c r="I2861" s="3"/>
      <c r="J2861" s="3"/>
      <c r="K2861" s="14"/>
      <c r="L2861" s="3"/>
    </row>
    <row r="2862" spans="1:12" ht="16.5" customHeight="1" x14ac:dyDescent="0.3">
      <c r="A2862" s="11"/>
      <c r="B2862" s="11"/>
      <c r="C2862" s="42"/>
      <c r="D2862" s="3"/>
      <c r="E2862" s="3"/>
      <c r="F2862" s="3"/>
      <c r="G2862" s="3"/>
      <c r="H2862" s="3"/>
      <c r="I2862" s="3"/>
      <c r="J2862" s="3"/>
      <c r="K2862" s="14"/>
      <c r="L2862" s="3"/>
    </row>
    <row r="2863" spans="1:12" ht="16.5" customHeight="1" x14ac:dyDescent="0.3">
      <c r="A2863" s="11"/>
      <c r="B2863" s="11"/>
      <c r="C2863" s="42"/>
      <c r="D2863" s="3"/>
      <c r="E2863" s="3"/>
      <c r="F2863" s="3"/>
      <c r="G2863" s="3"/>
      <c r="H2863" s="3"/>
      <c r="I2863" s="3"/>
      <c r="J2863" s="3"/>
      <c r="K2863" s="14"/>
      <c r="L2863" s="3"/>
    </row>
    <row r="2864" spans="1:12" ht="16.5" customHeight="1" x14ac:dyDescent="0.3">
      <c r="A2864" s="11"/>
      <c r="B2864" s="11"/>
      <c r="C2864" s="42"/>
      <c r="D2864" s="3"/>
      <c r="E2864" s="3"/>
      <c r="F2864" s="3"/>
      <c r="G2864" s="3"/>
      <c r="H2864" s="3"/>
      <c r="I2864" s="3"/>
      <c r="J2864" s="3"/>
      <c r="K2864" s="14"/>
      <c r="L2864" s="3"/>
    </row>
    <row r="2865" spans="1:12" ht="16.5" customHeight="1" x14ac:dyDescent="0.3">
      <c r="A2865" s="11"/>
      <c r="B2865" s="11"/>
      <c r="C2865" s="42"/>
      <c r="D2865" s="3"/>
      <c r="E2865" s="3"/>
      <c r="F2865" s="3"/>
      <c r="G2865" s="3"/>
      <c r="H2865" s="3"/>
      <c r="I2865" s="3"/>
      <c r="J2865" s="3"/>
      <c r="K2865" s="14"/>
      <c r="L2865" s="3"/>
    </row>
    <row r="2866" spans="1:12" ht="16.5" customHeight="1" x14ac:dyDescent="0.3">
      <c r="A2866" s="11"/>
      <c r="B2866" s="11"/>
      <c r="C2866" s="42"/>
      <c r="D2866" s="3"/>
      <c r="E2866" s="3"/>
      <c r="F2866" s="3"/>
      <c r="G2866" s="3"/>
      <c r="H2866" s="3"/>
      <c r="I2866" s="3"/>
      <c r="J2866" s="3"/>
      <c r="K2866" s="14"/>
      <c r="L2866" s="3"/>
    </row>
    <row r="2867" spans="1:12" ht="16.5" customHeight="1" x14ac:dyDescent="0.3">
      <c r="A2867" s="11"/>
      <c r="B2867" s="11"/>
      <c r="C2867" s="42"/>
      <c r="D2867" s="3"/>
      <c r="E2867" s="3"/>
      <c r="F2867" s="3"/>
      <c r="G2867" s="3"/>
      <c r="H2867" s="3"/>
      <c r="I2867" s="3"/>
      <c r="J2867" s="3"/>
      <c r="K2867" s="14"/>
      <c r="L2867" s="3"/>
    </row>
    <row r="2868" spans="1:12" ht="16.5" customHeight="1" x14ac:dyDescent="0.3">
      <c r="A2868" s="11"/>
      <c r="B2868" s="11"/>
      <c r="C2868" s="42"/>
      <c r="D2868" s="3"/>
      <c r="E2868" s="3"/>
      <c r="F2868" s="3"/>
      <c r="G2868" s="3"/>
      <c r="H2868" s="3"/>
      <c r="I2868" s="3"/>
      <c r="J2868" s="3"/>
      <c r="K2868" s="14"/>
      <c r="L2868" s="3"/>
    </row>
    <row r="2869" spans="1:12" ht="16.5" customHeight="1" x14ac:dyDescent="0.3">
      <c r="A2869" s="11"/>
      <c r="B2869" s="11"/>
      <c r="C2869" s="42"/>
      <c r="D2869" s="3"/>
      <c r="E2869" s="3"/>
      <c r="F2869" s="3"/>
      <c r="G2869" s="3"/>
      <c r="H2869" s="3"/>
      <c r="I2869" s="3"/>
      <c r="J2869" s="3"/>
      <c r="K2869" s="14"/>
      <c r="L2869" s="3"/>
    </row>
    <row r="2870" spans="1:12" ht="16.5" customHeight="1" x14ac:dyDescent="0.3">
      <c r="A2870" s="11"/>
      <c r="B2870" s="11"/>
      <c r="C2870" s="42"/>
      <c r="D2870" s="3"/>
      <c r="E2870" s="3"/>
      <c r="F2870" s="3"/>
      <c r="G2870" s="3"/>
      <c r="H2870" s="3"/>
      <c r="I2870" s="3"/>
      <c r="J2870" s="3"/>
      <c r="K2870" s="14"/>
      <c r="L2870" s="3"/>
    </row>
    <row r="2871" spans="1:12" ht="16.5" customHeight="1" x14ac:dyDescent="0.3">
      <c r="A2871" s="11"/>
      <c r="B2871" s="11"/>
      <c r="C2871" s="42"/>
      <c r="D2871" s="3"/>
      <c r="E2871" s="3"/>
      <c r="F2871" s="3"/>
      <c r="G2871" s="3"/>
      <c r="H2871" s="3"/>
      <c r="I2871" s="3"/>
      <c r="J2871" s="3"/>
      <c r="K2871" s="14"/>
      <c r="L2871" s="3"/>
    </row>
    <row r="2872" spans="1:12" ht="16.5" customHeight="1" x14ac:dyDescent="0.3">
      <c r="A2872" s="11"/>
      <c r="B2872" s="11"/>
      <c r="C2872" s="42"/>
      <c r="D2872" s="3"/>
      <c r="E2872" s="3"/>
      <c r="F2872" s="3"/>
      <c r="G2872" s="3"/>
      <c r="H2872" s="3"/>
      <c r="I2872" s="3"/>
      <c r="J2872" s="3"/>
      <c r="K2872" s="14"/>
      <c r="L2872" s="3"/>
    </row>
    <row r="2873" spans="1:12" ht="16.5" customHeight="1" x14ac:dyDescent="0.3">
      <c r="A2873" s="11"/>
      <c r="B2873" s="11"/>
      <c r="C2873" s="42"/>
      <c r="D2873" s="3"/>
      <c r="E2873" s="3"/>
      <c r="F2873" s="3"/>
      <c r="G2873" s="3"/>
      <c r="H2873" s="3"/>
      <c r="I2873" s="3"/>
      <c r="J2873" s="3"/>
      <c r="K2873" s="14"/>
      <c r="L2873" s="3"/>
    </row>
    <row r="2874" spans="1:12" ht="16.5" customHeight="1" x14ac:dyDescent="0.3">
      <c r="A2874" s="11"/>
      <c r="B2874" s="11"/>
      <c r="C2874" s="42"/>
      <c r="D2874" s="3"/>
      <c r="E2874" s="3"/>
      <c r="F2874" s="3"/>
      <c r="G2874" s="3"/>
      <c r="H2874" s="3"/>
      <c r="I2874" s="3"/>
      <c r="J2874" s="3"/>
      <c r="K2874" s="14"/>
      <c r="L2874" s="3"/>
    </row>
    <row r="2875" spans="1:12" ht="16.5" customHeight="1" x14ac:dyDescent="0.3">
      <c r="A2875" s="11"/>
      <c r="B2875" s="11"/>
      <c r="C2875" s="42"/>
      <c r="D2875" s="3"/>
      <c r="E2875" s="3"/>
      <c r="F2875" s="3"/>
      <c r="G2875" s="3"/>
      <c r="H2875" s="3"/>
      <c r="I2875" s="3"/>
      <c r="J2875" s="3"/>
      <c r="K2875" s="14"/>
      <c r="L2875" s="3"/>
    </row>
    <row r="2876" spans="1:12" ht="16.5" customHeight="1" x14ac:dyDescent="0.3">
      <c r="A2876" s="11"/>
      <c r="B2876" s="11"/>
      <c r="C2876" s="42"/>
      <c r="D2876" s="3"/>
      <c r="E2876" s="3"/>
      <c r="F2876" s="3"/>
      <c r="G2876" s="3"/>
      <c r="H2876" s="3"/>
      <c r="I2876" s="3"/>
      <c r="J2876" s="3"/>
      <c r="K2876" s="14"/>
      <c r="L2876" s="3"/>
    </row>
    <row r="2877" spans="1:12" ht="16.5" customHeight="1" x14ac:dyDescent="0.3">
      <c r="A2877" s="11"/>
      <c r="B2877" s="11"/>
      <c r="C2877" s="42"/>
      <c r="D2877" s="3"/>
      <c r="E2877" s="3"/>
      <c r="F2877" s="3"/>
      <c r="G2877" s="3"/>
      <c r="H2877" s="3"/>
      <c r="I2877" s="3"/>
      <c r="J2877" s="3"/>
      <c r="K2877" s="14"/>
      <c r="L2877" s="3"/>
    </row>
    <row r="2878" spans="1:12" ht="16.5" customHeight="1" x14ac:dyDescent="0.3">
      <c r="A2878" s="11"/>
      <c r="B2878" s="11"/>
      <c r="C2878" s="42"/>
      <c r="D2878" s="3"/>
      <c r="E2878" s="3"/>
      <c r="F2878" s="3"/>
      <c r="G2878" s="3"/>
      <c r="H2878" s="3"/>
      <c r="I2878" s="3"/>
      <c r="J2878" s="3"/>
      <c r="K2878" s="14"/>
      <c r="L2878" s="3"/>
    </row>
    <row r="2879" spans="1:12" ht="16.5" customHeight="1" x14ac:dyDescent="0.3">
      <c r="A2879" s="11"/>
      <c r="B2879" s="11"/>
      <c r="C2879" s="42"/>
      <c r="D2879" s="3"/>
      <c r="E2879" s="3"/>
      <c r="F2879" s="3"/>
      <c r="G2879" s="3"/>
      <c r="H2879" s="3"/>
      <c r="I2879" s="3"/>
      <c r="J2879" s="3"/>
      <c r="K2879" s="14"/>
      <c r="L2879" s="3"/>
    </row>
    <row r="2880" spans="1:12" ht="16.5" customHeight="1" x14ac:dyDescent="0.3">
      <c r="A2880" s="11"/>
      <c r="B2880" s="11"/>
      <c r="C2880" s="42"/>
      <c r="D2880" s="3"/>
      <c r="E2880" s="3"/>
      <c r="F2880" s="3"/>
      <c r="G2880" s="3"/>
      <c r="H2880" s="3"/>
      <c r="I2880" s="3"/>
      <c r="J2880" s="3"/>
      <c r="K2880" s="14"/>
      <c r="L2880" s="3"/>
    </row>
    <row r="2881" spans="1:12" ht="16.5" customHeight="1" x14ac:dyDescent="0.3">
      <c r="A2881" s="11"/>
      <c r="B2881" s="11"/>
      <c r="C2881" s="42"/>
      <c r="D2881" s="3"/>
      <c r="E2881" s="3"/>
      <c r="F2881" s="3"/>
      <c r="G2881" s="3"/>
      <c r="H2881" s="3"/>
      <c r="I2881" s="3"/>
      <c r="J2881" s="3"/>
      <c r="K2881" s="14"/>
      <c r="L2881" s="3"/>
    </row>
    <row r="2882" spans="1:12" ht="16.5" customHeight="1" x14ac:dyDescent="0.3">
      <c r="A2882" s="11"/>
      <c r="B2882" s="11"/>
      <c r="C2882" s="42"/>
      <c r="D2882" s="3"/>
      <c r="E2882" s="3"/>
      <c r="F2882" s="3"/>
      <c r="G2882" s="3"/>
      <c r="H2882" s="3"/>
      <c r="I2882" s="3"/>
      <c r="J2882" s="3"/>
      <c r="K2882" s="14"/>
      <c r="L2882" s="3"/>
    </row>
    <row r="2883" spans="1:12" ht="16.5" customHeight="1" x14ac:dyDescent="0.3">
      <c r="A2883" s="11"/>
      <c r="B2883" s="11"/>
      <c r="C2883" s="42"/>
      <c r="D2883" s="3"/>
      <c r="E2883" s="3"/>
      <c r="F2883" s="3"/>
      <c r="G2883" s="3"/>
      <c r="H2883" s="3"/>
      <c r="I2883" s="3"/>
      <c r="J2883" s="3"/>
      <c r="K2883" s="14"/>
      <c r="L2883" s="3"/>
    </row>
    <row r="2884" spans="1:12" ht="16.5" customHeight="1" x14ac:dyDescent="0.3">
      <c r="A2884" s="11"/>
      <c r="B2884" s="11"/>
      <c r="C2884" s="42"/>
      <c r="D2884" s="3"/>
      <c r="E2884" s="3"/>
      <c r="F2884" s="3"/>
      <c r="G2884" s="3"/>
      <c r="H2884" s="3"/>
      <c r="I2884" s="3"/>
      <c r="J2884" s="3"/>
      <c r="K2884" s="14"/>
      <c r="L2884" s="3"/>
    </row>
    <row r="2885" spans="1:12" ht="16.5" customHeight="1" x14ac:dyDescent="0.3">
      <c r="A2885" s="11"/>
      <c r="B2885" s="11"/>
      <c r="C2885" s="42"/>
      <c r="D2885" s="3"/>
      <c r="E2885" s="3"/>
      <c r="F2885" s="3"/>
      <c r="G2885" s="3"/>
      <c r="H2885" s="3"/>
      <c r="I2885" s="3"/>
      <c r="J2885" s="3"/>
      <c r="K2885" s="14"/>
      <c r="L2885" s="3"/>
    </row>
    <row r="2886" spans="1:12" ht="16.5" customHeight="1" x14ac:dyDescent="0.3">
      <c r="A2886" s="11"/>
      <c r="B2886" s="11"/>
      <c r="C2886" s="42"/>
      <c r="D2886" s="3"/>
      <c r="E2886" s="3"/>
      <c r="F2886" s="3"/>
      <c r="G2886" s="3"/>
      <c r="H2886" s="3"/>
      <c r="I2886" s="3"/>
      <c r="J2886" s="3"/>
      <c r="K2886" s="14"/>
      <c r="L2886" s="3"/>
    </row>
    <row r="2887" spans="1:12" ht="16.5" customHeight="1" x14ac:dyDescent="0.3">
      <c r="A2887" s="11"/>
      <c r="B2887" s="11"/>
      <c r="C2887" s="42"/>
      <c r="D2887" s="3"/>
      <c r="E2887" s="3"/>
      <c r="F2887" s="3"/>
      <c r="G2887" s="3"/>
      <c r="H2887" s="3"/>
      <c r="I2887" s="3"/>
      <c r="J2887" s="3"/>
      <c r="K2887" s="14"/>
      <c r="L2887" s="3"/>
    </row>
    <row r="2888" spans="1:12" ht="16.5" customHeight="1" x14ac:dyDescent="0.3">
      <c r="A2888" s="11"/>
      <c r="B2888" s="11"/>
      <c r="C2888" s="42"/>
      <c r="D2888" s="3"/>
      <c r="E2888" s="3"/>
      <c r="F2888" s="3"/>
      <c r="G2888" s="3"/>
      <c r="H2888" s="3"/>
      <c r="I2888" s="3"/>
      <c r="J2888" s="3"/>
      <c r="K2888" s="14"/>
      <c r="L2888" s="3"/>
    </row>
    <row r="2889" spans="1:12" ht="16.5" customHeight="1" x14ac:dyDescent="0.3">
      <c r="A2889" s="11"/>
      <c r="B2889" s="11"/>
      <c r="C2889" s="42"/>
      <c r="D2889" s="3"/>
      <c r="E2889" s="3"/>
      <c r="F2889" s="3"/>
      <c r="G2889" s="3"/>
      <c r="H2889" s="3"/>
      <c r="I2889" s="3"/>
      <c r="J2889" s="3"/>
      <c r="K2889" s="14"/>
      <c r="L2889" s="3"/>
    </row>
    <row r="2890" spans="1:12" ht="16.5" customHeight="1" x14ac:dyDescent="0.3">
      <c r="A2890" s="11"/>
      <c r="B2890" s="11"/>
      <c r="C2890" s="42"/>
      <c r="D2890" s="3"/>
      <c r="E2890" s="3"/>
      <c r="F2890" s="3"/>
      <c r="G2890" s="3"/>
      <c r="H2890" s="3"/>
      <c r="I2890" s="3"/>
      <c r="J2890" s="3"/>
      <c r="K2890" s="14"/>
      <c r="L2890" s="3"/>
    </row>
    <row r="2891" spans="1:12" ht="16.5" customHeight="1" x14ac:dyDescent="0.3">
      <c r="A2891" s="11"/>
      <c r="B2891" s="11"/>
      <c r="C2891" s="42"/>
      <c r="D2891" s="3"/>
      <c r="E2891" s="3"/>
      <c r="F2891" s="3"/>
      <c r="G2891" s="3"/>
      <c r="H2891" s="3"/>
      <c r="I2891" s="3"/>
      <c r="J2891" s="3"/>
      <c r="K2891" s="14"/>
      <c r="L2891" s="3"/>
    </row>
    <row r="2892" spans="1:12" ht="16.5" customHeight="1" x14ac:dyDescent="0.3">
      <c r="A2892" s="11"/>
      <c r="B2892" s="11"/>
      <c r="C2892" s="42"/>
      <c r="D2892" s="3"/>
      <c r="E2892" s="3"/>
      <c r="F2892" s="3"/>
      <c r="G2892" s="3"/>
      <c r="H2892" s="3"/>
      <c r="I2892" s="3"/>
      <c r="J2892" s="3"/>
      <c r="K2892" s="14"/>
      <c r="L2892" s="3"/>
    </row>
    <row r="2893" spans="1:12" ht="16.5" customHeight="1" x14ac:dyDescent="0.3">
      <c r="A2893" s="11"/>
      <c r="B2893" s="11"/>
      <c r="C2893" s="42"/>
      <c r="D2893" s="3"/>
      <c r="E2893" s="3"/>
      <c r="F2893" s="3"/>
      <c r="G2893" s="3"/>
      <c r="H2893" s="3"/>
      <c r="I2893" s="3"/>
      <c r="J2893" s="3"/>
      <c r="K2893" s="14"/>
      <c r="L2893" s="3"/>
    </row>
    <row r="2894" spans="1:12" ht="16.5" customHeight="1" x14ac:dyDescent="0.3">
      <c r="A2894" s="11"/>
      <c r="B2894" s="11"/>
      <c r="C2894" s="42"/>
      <c r="D2894" s="3"/>
      <c r="E2894" s="3"/>
      <c r="F2894" s="3"/>
      <c r="G2894" s="3"/>
      <c r="H2894" s="3"/>
      <c r="I2894" s="3"/>
      <c r="J2894" s="3"/>
      <c r="K2894" s="14"/>
      <c r="L2894" s="3"/>
    </row>
    <row r="2895" spans="1:12" ht="16.5" customHeight="1" x14ac:dyDescent="0.3">
      <c r="A2895" s="11"/>
      <c r="B2895" s="11"/>
      <c r="C2895" s="42"/>
      <c r="D2895" s="3"/>
      <c r="E2895" s="3"/>
      <c r="F2895" s="3"/>
      <c r="G2895" s="3"/>
      <c r="H2895" s="3"/>
      <c r="I2895" s="3"/>
      <c r="J2895" s="3"/>
      <c r="K2895" s="14"/>
      <c r="L2895" s="3"/>
    </row>
    <row r="2896" spans="1:12" ht="16.5" customHeight="1" x14ac:dyDescent="0.3">
      <c r="A2896" s="11"/>
      <c r="B2896" s="11"/>
      <c r="C2896" s="42"/>
      <c r="D2896" s="3"/>
      <c r="E2896" s="3"/>
      <c r="F2896" s="3"/>
      <c r="G2896" s="3"/>
      <c r="H2896" s="3"/>
      <c r="I2896" s="3"/>
      <c r="J2896" s="3"/>
      <c r="K2896" s="14"/>
      <c r="L2896" s="3"/>
    </row>
    <row r="2897" spans="1:12" ht="16.5" customHeight="1" x14ac:dyDescent="0.3">
      <c r="A2897" s="11"/>
      <c r="B2897" s="11"/>
      <c r="C2897" s="42"/>
      <c r="D2897" s="3"/>
      <c r="E2897" s="3"/>
      <c r="F2897" s="3"/>
      <c r="G2897" s="3"/>
      <c r="H2897" s="3"/>
      <c r="I2897" s="3"/>
      <c r="J2897" s="3"/>
      <c r="K2897" s="14"/>
      <c r="L2897" s="3"/>
    </row>
    <row r="2898" spans="1:12" ht="16.5" customHeight="1" x14ac:dyDescent="0.3">
      <c r="A2898" s="11"/>
      <c r="B2898" s="11"/>
      <c r="C2898" s="42"/>
      <c r="D2898" s="3"/>
      <c r="E2898" s="3"/>
      <c r="F2898" s="3"/>
      <c r="G2898" s="3"/>
      <c r="H2898" s="3"/>
      <c r="I2898" s="3"/>
      <c r="J2898" s="3"/>
      <c r="K2898" s="14"/>
      <c r="L2898" s="3"/>
    </row>
    <row r="2899" spans="1:12" ht="16.5" customHeight="1" x14ac:dyDescent="0.3">
      <c r="A2899" s="11"/>
      <c r="B2899" s="11"/>
      <c r="C2899" s="42"/>
      <c r="D2899" s="3"/>
      <c r="E2899" s="3"/>
      <c r="F2899" s="3"/>
      <c r="G2899" s="3"/>
      <c r="H2899" s="3"/>
      <c r="I2899" s="3"/>
      <c r="J2899" s="3"/>
      <c r="K2899" s="14"/>
      <c r="L2899" s="3"/>
    </row>
    <row r="2900" spans="1:12" ht="16.5" customHeight="1" x14ac:dyDescent="0.3">
      <c r="A2900" s="11"/>
      <c r="B2900" s="11"/>
      <c r="C2900" s="42"/>
      <c r="D2900" s="3"/>
      <c r="E2900" s="3"/>
      <c r="F2900" s="3"/>
      <c r="G2900" s="3"/>
      <c r="H2900" s="3"/>
      <c r="I2900" s="3"/>
      <c r="J2900" s="3"/>
      <c r="K2900" s="14"/>
      <c r="L2900" s="3"/>
    </row>
    <row r="2901" spans="1:12" ht="16.5" customHeight="1" x14ac:dyDescent="0.3">
      <c r="A2901" s="11"/>
      <c r="B2901" s="11"/>
      <c r="C2901" s="42"/>
      <c r="D2901" s="3"/>
      <c r="E2901" s="3"/>
      <c r="F2901" s="3"/>
      <c r="G2901" s="3"/>
      <c r="H2901" s="3"/>
      <c r="I2901" s="3"/>
      <c r="J2901" s="3"/>
      <c r="K2901" s="14"/>
      <c r="L2901" s="3"/>
    </row>
    <row r="2902" spans="1:12" ht="16.5" customHeight="1" x14ac:dyDescent="0.3">
      <c r="A2902" s="11"/>
      <c r="B2902" s="11"/>
      <c r="C2902" s="42"/>
      <c r="D2902" s="3"/>
      <c r="E2902" s="3"/>
      <c r="F2902" s="3"/>
      <c r="G2902" s="3"/>
      <c r="H2902" s="3"/>
      <c r="I2902" s="3"/>
      <c r="J2902" s="3"/>
      <c r="K2902" s="14"/>
      <c r="L2902" s="3"/>
    </row>
    <row r="2903" spans="1:12" ht="16.5" customHeight="1" x14ac:dyDescent="0.3">
      <c r="A2903" s="11"/>
      <c r="B2903" s="11"/>
      <c r="C2903" s="42"/>
      <c r="D2903" s="3"/>
      <c r="E2903" s="3"/>
      <c r="F2903" s="3"/>
      <c r="G2903" s="3"/>
      <c r="H2903" s="3"/>
      <c r="I2903" s="3"/>
      <c r="J2903" s="3"/>
      <c r="K2903" s="14"/>
      <c r="L2903" s="3"/>
    </row>
    <row r="2904" spans="1:12" ht="16.5" customHeight="1" x14ac:dyDescent="0.3">
      <c r="A2904" s="11"/>
      <c r="B2904" s="11"/>
      <c r="C2904" s="42"/>
      <c r="D2904" s="3"/>
      <c r="E2904" s="3"/>
      <c r="F2904" s="3"/>
      <c r="G2904" s="3"/>
      <c r="H2904" s="3"/>
      <c r="I2904" s="3"/>
      <c r="J2904" s="3"/>
      <c r="K2904" s="14"/>
      <c r="L2904" s="3"/>
    </row>
    <row r="2905" spans="1:12" ht="16.5" customHeight="1" x14ac:dyDescent="0.3">
      <c r="A2905" s="11"/>
      <c r="B2905" s="11"/>
      <c r="C2905" s="42"/>
      <c r="D2905" s="3"/>
      <c r="E2905" s="3"/>
      <c r="F2905" s="3"/>
      <c r="G2905" s="3"/>
      <c r="H2905" s="3"/>
      <c r="I2905" s="3"/>
      <c r="J2905" s="3"/>
      <c r="K2905" s="14"/>
      <c r="L2905" s="3"/>
    </row>
    <row r="2906" spans="1:12" ht="16.5" customHeight="1" x14ac:dyDescent="0.3">
      <c r="A2906" s="11"/>
      <c r="B2906" s="11"/>
      <c r="C2906" s="42"/>
      <c r="D2906" s="3"/>
      <c r="E2906" s="3"/>
      <c r="F2906" s="3"/>
      <c r="G2906" s="3"/>
      <c r="H2906" s="3"/>
      <c r="I2906" s="3"/>
      <c r="J2906" s="3"/>
      <c r="K2906" s="14"/>
      <c r="L2906" s="3"/>
    </row>
    <row r="2907" spans="1:12" ht="16.5" customHeight="1" x14ac:dyDescent="0.3">
      <c r="A2907" s="11"/>
      <c r="B2907" s="11"/>
      <c r="C2907" s="42"/>
      <c r="D2907" s="3"/>
      <c r="E2907" s="3"/>
      <c r="F2907" s="3"/>
      <c r="G2907" s="3"/>
      <c r="H2907" s="3"/>
      <c r="I2907" s="3"/>
      <c r="J2907" s="3"/>
      <c r="K2907" s="14"/>
      <c r="L2907" s="3"/>
    </row>
    <row r="2908" spans="1:12" ht="16.5" customHeight="1" x14ac:dyDescent="0.3">
      <c r="A2908" s="11"/>
      <c r="B2908" s="11"/>
      <c r="C2908" s="42"/>
      <c r="D2908" s="3"/>
      <c r="E2908" s="3"/>
      <c r="F2908" s="3"/>
      <c r="G2908" s="3"/>
      <c r="H2908" s="3"/>
      <c r="I2908" s="3"/>
      <c r="J2908" s="3"/>
      <c r="K2908" s="14"/>
      <c r="L2908" s="3"/>
    </row>
    <row r="2909" spans="1:12" ht="16.5" customHeight="1" x14ac:dyDescent="0.3">
      <c r="A2909" s="11"/>
      <c r="B2909" s="11"/>
      <c r="C2909" s="42"/>
      <c r="D2909" s="3"/>
      <c r="E2909" s="3"/>
      <c r="F2909" s="3"/>
      <c r="G2909" s="3"/>
      <c r="H2909" s="3"/>
      <c r="I2909" s="3"/>
      <c r="J2909" s="3"/>
      <c r="K2909" s="14"/>
      <c r="L2909" s="3"/>
    </row>
    <row r="2910" spans="1:12" ht="16.5" customHeight="1" x14ac:dyDescent="0.3">
      <c r="A2910" s="11"/>
      <c r="B2910" s="11"/>
      <c r="C2910" s="42"/>
      <c r="D2910" s="3"/>
      <c r="E2910" s="3"/>
      <c r="F2910" s="3"/>
      <c r="G2910" s="3"/>
      <c r="H2910" s="3"/>
      <c r="I2910" s="3"/>
      <c r="J2910" s="3"/>
      <c r="K2910" s="14"/>
      <c r="L2910" s="3"/>
    </row>
    <row r="2911" spans="1:12" ht="16.5" customHeight="1" x14ac:dyDescent="0.3">
      <c r="A2911" s="11"/>
      <c r="B2911" s="11"/>
      <c r="C2911" s="42"/>
      <c r="D2911" s="3"/>
      <c r="E2911" s="3"/>
      <c r="F2911" s="3"/>
      <c r="G2911" s="3"/>
      <c r="H2911" s="3"/>
      <c r="I2911" s="3"/>
      <c r="J2911" s="3"/>
      <c r="K2911" s="14"/>
      <c r="L2911" s="3"/>
    </row>
    <row r="2912" spans="1:12" ht="16.5" customHeight="1" x14ac:dyDescent="0.3">
      <c r="A2912" s="11"/>
      <c r="B2912" s="11"/>
      <c r="C2912" s="42"/>
      <c r="D2912" s="3"/>
      <c r="E2912" s="3"/>
      <c r="F2912" s="3"/>
      <c r="G2912" s="3"/>
      <c r="H2912" s="3"/>
      <c r="I2912" s="3"/>
      <c r="J2912" s="3"/>
      <c r="K2912" s="14"/>
      <c r="L2912" s="3"/>
    </row>
    <row r="2913" spans="1:12" ht="16.5" customHeight="1" x14ac:dyDescent="0.3">
      <c r="A2913" s="11"/>
      <c r="B2913" s="11"/>
      <c r="C2913" s="42"/>
      <c r="D2913" s="3"/>
      <c r="E2913" s="3"/>
      <c r="F2913" s="3"/>
      <c r="G2913" s="3"/>
      <c r="H2913" s="3"/>
      <c r="I2913" s="3"/>
      <c r="J2913" s="3"/>
      <c r="K2913" s="14"/>
      <c r="L2913" s="3"/>
    </row>
    <row r="2914" spans="1:12" ht="16.5" customHeight="1" x14ac:dyDescent="0.3">
      <c r="A2914" s="11"/>
      <c r="B2914" s="11"/>
      <c r="C2914" s="42"/>
      <c r="D2914" s="3"/>
      <c r="E2914" s="3"/>
      <c r="F2914" s="3"/>
      <c r="G2914" s="3"/>
      <c r="H2914" s="3"/>
      <c r="I2914" s="3"/>
      <c r="J2914" s="3"/>
      <c r="K2914" s="14"/>
      <c r="L2914" s="3"/>
    </row>
    <row r="2915" spans="1:12" ht="16.5" customHeight="1" x14ac:dyDescent="0.3">
      <c r="A2915" s="11"/>
      <c r="B2915" s="11"/>
      <c r="C2915" s="42"/>
      <c r="D2915" s="3"/>
      <c r="E2915" s="3"/>
      <c r="F2915" s="3"/>
      <c r="G2915" s="3"/>
      <c r="H2915" s="3"/>
      <c r="I2915" s="3"/>
      <c r="J2915" s="3"/>
      <c r="K2915" s="14"/>
      <c r="L2915" s="3"/>
    </row>
    <row r="2916" spans="1:12" ht="16.5" customHeight="1" x14ac:dyDescent="0.3">
      <c r="A2916" s="11"/>
      <c r="B2916" s="11"/>
      <c r="C2916" s="42"/>
      <c r="D2916" s="3"/>
      <c r="E2916" s="3"/>
      <c r="F2916" s="3"/>
      <c r="G2916" s="3"/>
      <c r="H2916" s="3"/>
      <c r="I2916" s="3"/>
      <c r="J2916" s="3"/>
      <c r="K2916" s="14"/>
      <c r="L2916" s="3"/>
    </row>
    <row r="2917" spans="1:12" ht="16.5" customHeight="1" x14ac:dyDescent="0.3">
      <c r="A2917" s="11"/>
      <c r="B2917" s="11"/>
      <c r="C2917" s="42"/>
      <c r="D2917" s="3"/>
      <c r="E2917" s="3"/>
      <c r="F2917" s="3"/>
      <c r="G2917" s="3"/>
      <c r="H2917" s="3"/>
      <c r="I2917" s="3"/>
      <c r="J2917" s="3"/>
      <c r="K2917" s="14"/>
      <c r="L2917" s="3"/>
    </row>
    <row r="2918" spans="1:12" ht="16.5" customHeight="1" x14ac:dyDescent="0.3">
      <c r="A2918" s="11"/>
      <c r="B2918" s="11"/>
      <c r="C2918" s="42"/>
      <c r="D2918" s="3"/>
      <c r="E2918" s="3"/>
      <c r="F2918" s="3"/>
      <c r="G2918" s="3"/>
      <c r="H2918" s="3"/>
      <c r="I2918" s="3"/>
      <c r="J2918" s="3"/>
      <c r="K2918" s="14"/>
      <c r="L2918" s="3"/>
    </row>
    <row r="2919" spans="1:12" ht="16.5" customHeight="1" x14ac:dyDescent="0.3">
      <c r="A2919" s="11"/>
      <c r="B2919" s="11"/>
      <c r="C2919" s="42"/>
      <c r="D2919" s="3"/>
      <c r="E2919" s="3"/>
      <c r="F2919" s="3"/>
      <c r="G2919" s="3"/>
      <c r="H2919" s="3"/>
      <c r="I2919" s="3"/>
      <c r="J2919" s="3"/>
      <c r="K2919" s="14"/>
      <c r="L2919" s="3"/>
    </row>
    <row r="2920" spans="1:12" ht="16.5" customHeight="1" x14ac:dyDescent="0.3">
      <c r="A2920" s="11"/>
      <c r="B2920" s="11"/>
      <c r="C2920" s="42"/>
      <c r="D2920" s="3"/>
      <c r="E2920" s="3"/>
      <c r="F2920" s="3"/>
      <c r="G2920" s="3"/>
      <c r="H2920" s="3"/>
      <c r="I2920" s="3"/>
      <c r="J2920" s="3"/>
      <c r="K2920" s="14"/>
      <c r="L2920" s="3"/>
    </row>
    <row r="2921" spans="1:12" ht="16.5" customHeight="1" x14ac:dyDescent="0.3">
      <c r="A2921" s="11"/>
      <c r="B2921" s="11"/>
      <c r="C2921" s="42"/>
      <c r="D2921" s="3"/>
      <c r="E2921" s="3"/>
      <c r="F2921" s="3"/>
      <c r="G2921" s="3"/>
      <c r="H2921" s="3"/>
      <c r="I2921" s="3"/>
      <c r="J2921" s="3"/>
      <c r="K2921" s="14"/>
      <c r="L2921" s="3"/>
    </row>
    <row r="2922" spans="1:12" ht="16.5" customHeight="1" x14ac:dyDescent="0.3">
      <c r="A2922" s="11"/>
      <c r="B2922" s="11"/>
      <c r="C2922" s="42"/>
      <c r="D2922" s="3"/>
      <c r="E2922" s="3"/>
      <c r="F2922" s="3"/>
      <c r="G2922" s="3"/>
      <c r="H2922" s="3"/>
      <c r="I2922" s="3"/>
      <c r="J2922" s="3"/>
      <c r="K2922" s="14"/>
      <c r="L2922" s="3"/>
    </row>
    <row r="2923" spans="1:12" ht="16.5" customHeight="1" x14ac:dyDescent="0.3">
      <c r="A2923" s="11"/>
      <c r="B2923" s="11"/>
      <c r="C2923" s="42"/>
      <c r="D2923" s="3"/>
      <c r="E2923" s="3"/>
      <c r="F2923" s="3"/>
      <c r="G2923" s="3"/>
      <c r="H2923" s="3"/>
      <c r="I2923" s="3"/>
      <c r="J2923" s="3"/>
      <c r="K2923" s="14"/>
      <c r="L2923" s="3"/>
    </row>
    <row r="2924" spans="1:12" ht="16.5" customHeight="1" x14ac:dyDescent="0.3">
      <c r="A2924" s="11"/>
      <c r="B2924" s="11"/>
      <c r="C2924" s="42"/>
      <c r="D2924" s="3"/>
      <c r="E2924" s="3"/>
      <c r="F2924" s="3"/>
      <c r="G2924" s="3"/>
      <c r="H2924" s="3"/>
      <c r="I2924" s="3"/>
      <c r="J2924" s="3"/>
      <c r="K2924" s="14"/>
      <c r="L2924" s="3"/>
    </row>
    <row r="2925" spans="1:12" ht="16.5" customHeight="1" x14ac:dyDescent="0.3">
      <c r="A2925" s="11"/>
      <c r="B2925" s="11"/>
      <c r="C2925" s="42"/>
      <c r="D2925" s="3"/>
      <c r="E2925" s="3"/>
      <c r="F2925" s="3"/>
      <c r="G2925" s="3"/>
      <c r="H2925" s="3"/>
      <c r="I2925" s="3"/>
      <c r="J2925" s="3"/>
      <c r="K2925" s="14"/>
      <c r="L2925" s="3"/>
    </row>
    <row r="2926" spans="1:12" ht="16.5" customHeight="1" x14ac:dyDescent="0.3">
      <c r="A2926" s="11"/>
      <c r="B2926" s="11"/>
      <c r="C2926" s="42"/>
      <c r="D2926" s="3"/>
      <c r="E2926" s="3"/>
      <c r="F2926" s="3"/>
      <c r="G2926" s="3"/>
      <c r="H2926" s="3"/>
      <c r="I2926" s="3"/>
      <c r="J2926" s="3"/>
      <c r="K2926" s="14"/>
      <c r="L2926" s="3"/>
    </row>
    <row r="2927" spans="1:12" ht="16.5" customHeight="1" x14ac:dyDescent="0.3">
      <c r="A2927" s="11"/>
      <c r="B2927" s="11"/>
      <c r="C2927" s="42"/>
      <c r="D2927" s="3"/>
      <c r="E2927" s="3"/>
      <c r="F2927" s="3"/>
      <c r="G2927" s="3"/>
      <c r="H2927" s="3"/>
      <c r="I2927" s="3"/>
      <c r="J2927" s="3"/>
      <c r="K2927" s="14"/>
      <c r="L2927" s="3"/>
    </row>
    <row r="2928" spans="1:12" ht="16.5" customHeight="1" x14ac:dyDescent="0.3">
      <c r="A2928" s="11"/>
      <c r="B2928" s="11"/>
      <c r="C2928" s="42"/>
      <c r="D2928" s="3"/>
      <c r="E2928" s="3"/>
      <c r="F2928" s="3"/>
      <c r="G2928" s="3"/>
      <c r="H2928" s="3"/>
      <c r="I2928" s="3"/>
      <c r="J2928" s="3"/>
      <c r="K2928" s="14"/>
      <c r="L2928" s="3"/>
    </row>
    <row r="2929" spans="1:12" ht="16.5" customHeight="1" x14ac:dyDescent="0.3">
      <c r="A2929" s="11"/>
      <c r="B2929" s="11"/>
      <c r="C2929" s="42"/>
      <c r="D2929" s="3"/>
      <c r="E2929" s="3"/>
      <c r="F2929" s="3"/>
      <c r="G2929" s="3"/>
      <c r="H2929" s="3"/>
      <c r="I2929" s="3"/>
      <c r="J2929" s="3"/>
      <c r="K2929" s="14"/>
      <c r="L2929" s="3"/>
    </row>
    <row r="2930" spans="1:12" ht="16.5" customHeight="1" x14ac:dyDescent="0.3">
      <c r="A2930" s="11"/>
      <c r="B2930" s="11"/>
      <c r="C2930" s="42"/>
      <c r="D2930" s="3"/>
      <c r="E2930" s="3"/>
      <c r="F2930" s="3"/>
      <c r="G2930" s="3"/>
      <c r="H2930" s="3"/>
      <c r="I2930" s="3"/>
      <c r="J2930" s="3"/>
      <c r="K2930" s="14"/>
      <c r="L2930" s="3"/>
    </row>
    <row r="2931" spans="1:12" ht="16.5" customHeight="1" x14ac:dyDescent="0.3">
      <c r="A2931" s="11"/>
      <c r="B2931" s="11"/>
      <c r="C2931" s="42"/>
      <c r="D2931" s="3"/>
      <c r="E2931" s="3"/>
      <c r="F2931" s="3"/>
      <c r="G2931" s="3"/>
      <c r="H2931" s="3"/>
      <c r="I2931" s="3"/>
      <c r="J2931" s="3"/>
      <c r="K2931" s="14"/>
      <c r="L2931" s="3"/>
    </row>
    <row r="2932" spans="1:12" ht="16.5" customHeight="1" x14ac:dyDescent="0.3">
      <c r="A2932" s="11"/>
      <c r="B2932" s="11"/>
      <c r="C2932" s="42"/>
      <c r="D2932" s="3"/>
      <c r="E2932" s="3"/>
      <c r="F2932" s="3"/>
      <c r="G2932" s="3"/>
      <c r="H2932" s="3"/>
      <c r="I2932" s="3"/>
      <c r="J2932" s="3"/>
      <c r="K2932" s="14"/>
      <c r="L2932" s="3"/>
    </row>
    <row r="2933" spans="1:12" ht="16.5" customHeight="1" x14ac:dyDescent="0.3">
      <c r="A2933" s="11"/>
      <c r="B2933" s="11"/>
      <c r="C2933" s="42"/>
      <c r="D2933" s="3"/>
      <c r="E2933" s="3"/>
      <c r="F2933" s="3"/>
      <c r="G2933" s="3"/>
      <c r="H2933" s="3"/>
      <c r="I2933" s="3"/>
      <c r="J2933" s="3"/>
      <c r="K2933" s="14"/>
      <c r="L2933" s="3"/>
    </row>
    <row r="2934" spans="1:12" ht="16.5" customHeight="1" x14ac:dyDescent="0.3">
      <c r="A2934" s="11"/>
      <c r="B2934" s="11"/>
      <c r="C2934" s="42"/>
      <c r="D2934" s="3"/>
      <c r="E2934" s="3"/>
      <c r="F2934" s="3"/>
      <c r="G2934" s="3"/>
      <c r="H2934" s="3"/>
      <c r="I2934" s="3"/>
      <c r="J2934" s="3"/>
      <c r="K2934" s="14"/>
      <c r="L2934" s="3"/>
    </row>
    <row r="2935" spans="1:12" ht="16.5" customHeight="1" x14ac:dyDescent="0.3">
      <c r="A2935" s="11"/>
      <c r="B2935" s="11"/>
      <c r="C2935" s="42"/>
      <c r="D2935" s="3"/>
      <c r="E2935" s="3"/>
      <c r="F2935" s="3"/>
      <c r="G2935" s="3"/>
      <c r="H2935" s="3"/>
      <c r="I2935" s="3"/>
      <c r="J2935" s="3"/>
      <c r="K2935" s="14"/>
      <c r="L2935" s="3"/>
    </row>
    <row r="2936" spans="1:12" ht="16.5" customHeight="1" x14ac:dyDescent="0.3">
      <c r="A2936" s="11"/>
      <c r="B2936" s="11"/>
      <c r="C2936" s="42"/>
      <c r="D2936" s="3"/>
      <c r="E2936" s="3"/>
      <c r="F2936" s="3"/>
      <c r="G2936" s="3"/>
      <c r="H2936" s="3"/>
      <c r="I2936" s="3"/>
      <c r="J2936" s="3"/>
      <c r="K2936" s="14"/>
      <c r="L2936" s="3"/>
    </row>
    <row r="2937" spans="1:12" ht="16.5" customHeight="1" x14ac:dyDescent="0.3">
      <c r="A2937" s="11"/>
      <c r="B2937" s="11"/>
      <c r="C2937" s="42"/>
      <c r="D2937" s="3"/>
      <c r="E2937" s="3"/>
      <c r="F2937" s="3"/>
      <c r="G2937" s="3"/>
      <c r="H2937" s="3"/>
      <c r="I2937" s="3"/>
      <c r="J2937" s="3"/>
      <c r="K2937" s="14"/>
      <c r="L2937" s="3"/>
    </row>
    <row r="2938" spans="1:12" ht="16.5" customHeight="1" x14ac:dyDescent="0.3">
      <c r="A2938" s="11"/>
      <c r="B2938" s="11"/>
      <c r="C2938" s="42"/>
      <c r="D2938" s="3"/>
      <c r="E2938" s="3"/>
      <c r="F2938" s="3"/>
      <c r="G2938" s="3"/>
      <c r="H2938" s="3"/>
      <c r="I2938" s="3"/>
      <c r="J2938" s="3"/>
      <c r="K2938" s="14"/>
      <c r="L2938" s="3"/>
    </row>
    <row r="2939" spans="1:12" ht="16.5" customHeight="1" x14ac:dyDescent="0.3">
      <c r="A2939" s="11"/>
      <c r="B2939" s="11"/>
      <c r="C2939" s="42"/>
      <c r="D2939" s="3"/>
      <c r="E2939" s="3"/>
      <c r="F2939" s="3"/>
      <c r="G2939" s="3"/>
      <c r="H2939" s="3"/>
      <c r="I2939" s="3"/>
      <c r="J2939" s="3"/>
      <c r="K2939" s="14"/>
      <c r="L2939" s="3"/>
    </row>
    <row r="2940" spans="1:12" ht="16.5" customHeight="1" x14ac:dyDescent="0.3">
      <c r="A2940" s="11"/>
      <c r="B2940" s="11"/>
      <c r="C2940" s="42"/>
      <c r="D2940" s="3"/>
      <c r="E2940" s="3"/>
      <c r="F2940" s="3"/>
      <c r="G2940" s="3"/>
      <c r="H2940" s="3"/>
      <c r="I2940" s="3"/>
      <c r="J2940" s="3"/>
      <c r="K2940" s="14"/>
      <c r="L2940" s="3"/>
    </row>
    <row r="2941" spans="1:12" ht="16.5" customHeight="1" x14ac:dyDescent="0.3">
      <c r="A2941" s="11"/>
      <c r="B2941" s="11"/>
      <c r="C2941" s="42"/>
      <c r="D2941" s="3"/>
      <c r="E2941" s="3"/>
      <c r="F2941" s="3"/>
      <c r="G2941" s="3"/>
      <c r="H2941" s="3"/>
      <c r="I2941" s="3"/>
      <c r="J2941" s="3"/>
      <c r="K2941" s="14"/>
      <c r="L2941" s="3"/>
    </row>
    <row r="2942" spans="1:12" ht="16.5" customHeight="1" x14ac:dyDescent="0.3">
      <c r="A2942" s="11"/>
      <c r="B2942" s="11"/>
      <c r="C2942" s="42"/>
      <c r="D2942" s="3"/>
      <c r="E2942" s="3"/>
      <c r="F2942" s="3"/>
      <c r="G2942" s="3"/>
      <c r="H2942" s="3"/>
      <c r="I2942" s="3"/>
      <c r="J2942" s="3"/>
      <c r="K2942" s="14"/>
      <c r="L2942" s="3"/>
    </row>
    <row r="2943" spans="1:12" ht="16.5" customHeight="1" x14ac:dyDescent="0.3">
      <c r="A2943" s="11"/>
      <c r="B2943" s="11"/>
      <c r="C2943" s="42"/>
      <c r="D2943" s="3"/>
      <c r="E2943" s="3"/>
      <c r="F2943" s="3"/>
      <c r="G2943" s="3"/>
      <c r="H2943" s="3"/>
      <c r="I2943" s="3"/>
      <c r="J2943" s="3"/>
      <c r="K2943" s="14"/>
      <c r="L2943" s="3"/>
    </row>
    <row r="2944" spans="1:12" ht="16.5" customHeight="1" x14ac:dyDescent="0.3">
      <c r="A2944" s="11"/>
      <c r="B2944" s="11"/>
      <c r="C2944" s="42"/>
      <c r="D2944" s="3"/>
      <c r="E2944" s="3"/>
      <c r="F2944" s="3"/>
      <c r="G2944" s="3"/>
      <c r="H2944" s="3"/>
      <c r="I2944" s="3"/>
      <c r="J2944" s="3"/>
      <c r="K2944" s="14"/>
      <c r="L2944" s="3"/>
    </row>
    <row r="2945" spans="1:12" ht="16.5" customHeight="1" x14ac:dyDescent="0.3">
      <c r="A2945" s="11"/>
      <c r="B2945" s="11"/>
      <c r="C2945" s="42"/>
      <c r="D2945" s="3"/>
      <c r="E2945" s="3"/>
      <c r="F2945" s="3"/>
      <c r="G2945" s="3"/>
      <c r="H2945" s="3"/>
      <c r="I2945" s="3"/>
      <c r="J2945" s="3"/>
      <c r="K2945" s="14"/>
      <c r="L2945" s="3"/>
    </row>
    <row r="2946" spans="1:12" ht="16.5" customHeight="1" x14ac:dyDescent="0.3">
      <c r="A2946" s="11"/>
      <c r="B2946" s="11"/>
      <c r="C2946" s="42"/>
      <c r="D2946" s="3"/>
      <c r="E2946" s="3"/>
      <c r="F2946" s="3"/>
      <c r="G2946" s="3"/>
      <c r="H2946" s="3"/>
      <c r="I2946" s="3"/>
      <c r="J2946" s="3"/>
      <c r="K2946" s="14"/>
      <c r="L2946" s="3"/>
    </row>
    <row r="2947" spans="1:12" ht="16.5" customHeight="1" x14ac:dyDescent="0.3">
      <c r="A2947" s="11"/>
      <c r="B2947" s="11"/>
      <c r="C2947" s="42"/>
      <c r="D2947" s="3"/>
      <c r="E2947" s="3"/>
      <c r="F2947" s="3"/>
      <c r="G2947" s="3"/>
      <c r="H2947" s="3"/>
      <c r="I2947" s="3"/>
      <c r="J2947" s="3"/>
      <c r="K2947" s="14"/>
      <c r="L2947" s="3"/>
    </row>
    <row r="2948" spans="1:12" ht="16.5" customHeight="1" x14ac:dyDescent="0.3">
      <c r="A2948" s="11"/>
      <c r="B2948" s="11"/>
      <c r="C2948" s="42"/>
      <c r="D2948" s="3"/>
      <c r="E2948" s="3"/>
      <c r="F2948" s="3"/>
      <c r="G2948" s="3"/>
      <c r="H2948" s="3"/>
      <c r="I2948" s="3"/>
      <c r="J2948" s="3"/>
      <c r="K2948" s="14"/>
      <c r="L2948" s="3"/>
    </row>
    <row r="2949" spans="1:12" ht="16.5" customHeight="1" x14ac:dyDescent="0.3">
      <c r="A2949" s="11"/>
      <c r="B2949" s="11"/>
      <c r="C2949" s="42"/>
      <c r="D2949" s="3"/>
      <c r="E2949" s="3"/>
      <c r="F2949" s="3"/>
      <c r="G2949" s="3"/>
      <c r="H2949" s="3"/>
      <c r="I2949" s="3"/>
      <c r="J2949" s="3"/>
      <c r="K2949" s="14"/>
      <c r="L2949" s="3"/>
    </row>
    <row r="2950" spans="1:12" ht="16.5" customHeight="1" x14ac:dyDescent="0.3">
      <c r="A2950" s="11"/>
      <c r="B2950" s="11"/>
      <c r="C2950" s="42"/>
      <c r="D2950" s="3"/>
      <c r="E2950" s="3"/>
      <c r="F2950" s="3"/>
      <c r="G2950" s="3"/>
      <c r="H2950" s="3"/>
      <c r="I2950" s="3"/>
      <c r="J2950" s="3"/>
      <c r="K2950" s="14"/>
      <c r="L2950" s="3"/>
    </row>
    <row r="2951" spans="1:12" ht="16.5" customHeight="1" x14ac:dyDescent="0.3">
      <c r="A2951" s="11"/>
      <c r="B2951" s="11"/>
      <c r="C2951" s="42"/>
      <c r="D2951" s="3"/>
      <c r="E2951" s="3"/>
      <c r="F2951" s="3"/>
      <c r="G2951" s="3"/>
      <c r="H2951" s="3"/>
      <c r="I2951" s="3"/>
      <c r="J2951" s="3"/>
      <c r="K2951" s="14"/>
      <c r="L2951" s="3"/>
    </row>
    <row r="2952" spans="1:12" ht="16.5" customHeight="1" x14ac:dyDescent="0.3">
      <c r="A2952" s="11"/>
      <c r="B2952" s="11"/>
      <c r="C2952" s="42"/>
      <c r="D2952" s="3"/>
      <c r="E2952" s="3"/>
      <c r="F2952" s="3"/>
      <c r="G2952" s="3"/>
      <c r="H2952" s="3"/>
      <c r="I2952" s="3"/>
      <c r="J2952" s="3"/>
      <c r="K2952" s="14"/>
      <c r="L2952" s="3"/>
    </row>
    <row r="2953" spans="1:12" ht="16.5" customHeight="1" x14ac:dyDescent="0.3">
      <c r="A2953" s="11"/>
      <c r="B2953" s="11"/>
      <c r="C2953" s="42"/>
      <c r="D2953" s="3"/>
      <c r="E2953" s="3"/>
      <c r="F2953" s="3"/>
      <c r="G2953" s="3"/>
      <c r="H2953" s="3"/>
      <c r="I2953" s="3"/>
      <c r="J2953" s="3"/>
      <c r="K2953" s="14"/>
      <c r="L2953" s="3"/>
    </row>
    <row r="2954" spans="1:12" ht="16.5" customHeight="1" x14ac:dyDescent="0.3">
      <c r="A2954" s="11"/>
      <c r="B2954" s="11"/>
      <c r="C2954" s="42"/>
      <c r="D2954" s="3"/>
      <c r="E2954" s="3"/>
      <c r="F2954" s="3"/>
      <c r="G2954" s="3"/>
      <c r="H2954" s="3"/>
      <c r="I2954" s="3"/>
      <c r="J2954" s="3"/>
      <c r="K2954" s="14"/>
      <c r="L2954" s="3"/>
    </row>
    <row r="2955" spans="1:12" ht="16.5" customHeight="1" x14ac:dyDescent="0.3">
      <c r="A2955" s="11"/>
      <c r="B2955" s="11"/>
      <c r="C2955" s="42"/>
      <c r="D2955" s="3"/>
      <c r="E2955" s="3"/>
      <c r="F2955" s="3"/>
      <c r="G2955" s="3"/>
      <c r="H2955" s="3"/>
      <c r="I2955" s="3"/>
      <c r="J2955" s="3"/>
      <c r="K2955" s="14"/>
      <c r="L2955" s="3"/>
    </row>
    <row r="2956" spans="1:12" ht="16.5" customHeight="1" x14ac:dyDescent="0.3">
      <c r="A2956" s="11"/>
      <c r="B2956" s="11"/>
      <c r="C2956" s="42"/>
      <c r="D2956" s="3"/>
      <c r="E2956" s="3"/>
      <c r="F2956" s="3"/>
      <c r="G2956" s="3"/>
      <c r="H2956" s="3"/>
      <c r="I2956" s="3"/>
      <c r="J2956" s="3"/>
      <c r="K2956" s="14"/>
      <c r="L2956" s="3"/>
    </row>
    <row r="2957" spans="1:12" ht="16.5" customHeight="1" x14ac:dyDescent="0.3">
      <c r="A2957" s="11"/>
      <c r="B2957" s="11"/>
      <c r="C2957" s="42"/>
      <c r="D2957" s="3"/>
      <c r="E2957" s="3"/>
      <c r="F2957" s="3"/>
      <c r="G2957" s="3"/>
      <c r="H2957" s="3"/>
      <c r="I2957" s="3"/>
      <c r="J2957" s="3"/>
      <c r="K2957" s="14"/>
      <c r="L2957" s="3"/>
    </row>
    <row r="2958" spans="1:12" ht="16.5" customHeight="1" x14ac:dyDescent="0.3">
      <c r="A2958" s="11"/>
      <c r="B2958" s="11"/>
      <c r="C2958" s="42"/>
      <c r="D2958" s="3"/>
      <c r="E2958" s="3"/>
      <c r="F2958" s="3"/>
      <c r="G2958" s="3"/>
      <c r="H2958" s="3"/>
      <c r="I2958" s="3"/>
      <c r="J2958" s="3"/>
      <c r="K2958" s="14"/>
      <c r="L2958" s="3"/>
    </row>
    <row r="2959" spans="1:12" ht="16.5" customHeight="1" x14ac:dyDescent="0.3">
      <c r="A2959" s="11"/>
      <c r="B2959" s="11"/>
      <c r="C2959" s="42"/>
      <c r="D2959" s="3"/>
      <c r="E2959" s="3"/>
      <c r="F2959" s="3"/>
      <c r="G2959" s="3"/>
      <c r="H2959" s="3"/>
      <c r="I2959" s="3"/>
      <c r="J2959" s="3"/>
      <c r="K2959" s="14"/>
      <c r="L2959" s="3"/>
    </row>
    <row r="2960" spans="1:12" ht="16.5" customHeight="1" x14ac:dyDescent="0.3">
      <c r="A2960" s="11"/>
      <c r="B2960" s="11"/>
      <c r="C2960" s="42"/>
      <c r="D2960" s="3"/>
      <c r="E2960" s="3"/>
      <c r="F2960" s="3"/>
      <c r="G2960" s="3"/>
      <c r="H2960" s="3"/>
      <c r="I2960" s="3"/>
      <c r="J2960" s="3"/>
      <c r="K2960" s="14"/>
      <c r="L2960" s="3"/>
    </row>
    <row r="2961" spans="1:12" ht="16.5" customHeight="1" x14ac:dyDescent="0.3">
      <c r="A2961" s="11"/>
      <c r="B2961" s="11"/>
      <c r="C2961" s="42"/>
      <c r="D2961" s="3"/>
      <c r="E2961" s="3"/>
      <c r="F2961" s="3"/>
      <c r="G2961" s="3"/>
      <c r="H2961" s="3"/>
      <c r="I2961" s="3"/>
      <c r="J2961" s="3"/>
      <c r="K2961" s="14"/>
      <c r="L2961" s="3"/>
    </row>
    <row r="2962" spans="1:12" ht="16.5" customHeight="1" x14ac:dyDescent="0.3">
      <c r="A2962" s="11"/>
      <c r="B2962" s="11"/>
      <c r="C2962" s="42"/>
      <c r="D2962" s="3"/>
      <c r="E2962" s="3"/>
      <c r="F2962" s="3"/>
      <c r="G2962" s="3"/>
      <c r="H2962" s="3"/>
      <c r="I2962" s="3"/>
      <c r="J2962" s="3"/>
      <c r="K2962" s="14"/>
      <c r="L2962" s="3"/>
    </row>
    <row r="2963" spans="1:12" ht="16.5" customHeight="1" x14ac:dyDescent="0.3">
      <c r="A2963" s="11"/>
      <c r="B2963" s="11"/>
      <c r="C2963" s="42"/>
      <c r="D2963" s="3"/>
      <c r="E2963" s="3"/>
      <c r="F2963" s="3"/>
      <c r="G2963" s="3"/>
      <c r="H2963" s="3"/>
      <c r="I2963" s="3"/>
      <c r="J2963" s="3"/>
      <c r="K2963" s="14"/>
      <c r="L2963" s="3"/>
    </row>
    <row r="2964" spans="1:12" ht="16.5" customHeight="1" x14ac:dyDescent="0.3">
      <c r="A2964" s="11"/>
      <c r="B2964" s="11"/>
      <c r="C2964" s="42"/>
      <c r="D2964" s="3"/>
      <c r="E2964" s="3"/>
      <c r="F2964" s="3"/>
      <c r="G2964" s="3"/>
      <c r="H2964" s="3"/>
      <c r="I2964" s="3"/>
      <c r="J2964" s="3"/>
      <c r="K2964" s="14"/>
      <c r="L2964" s="3"/>
    </row>
    <row r="2965" spans="1:12" ht="16.5" customHeight="1" x14ac:dyDescent="0.3">
      <c r="A2965" s="11"/>
      <c r="B2965" s="11"/>
      <c r="C2965" s="42"/>
      <c r="D2965" s="3"/>
      <c r="E2965" s="3"/>
      <c r="F2965" s="3"/>
      <c r="G2965" s="3"/>
      <c r="H2965" s="3"/>
      <c r="I2965" s="3"/>
      <c r="J2965" s="3"/>
      <c r="K2965" s="14"/>
      <c r="L2965" s="3"/>
    </row>
    <row r="2966" spans="1:12" ht="16.5" customHeight="1" x14ac:dyDescent="0.3">
      <c r="A2966" s="11"/>
      <c r="B2966" s="11"/>
      <c r="C2966" s="42"/>
      <c r="D2966" s="3"/>
      <c r="E2966" s="3"/>
      <c r="F2966" s="3"/>
      <c r="G2966" s="3"/>
      <c r="H2966" s="3"/>
      <c r="I2966" s="3"/>
      <c r="J2966" s="3"/>
      <c r="K2966" s="14"/>
      <c r="L2966" s="3"/>
    </row>
    <row r="2967" spans="1:12" ht="16.5" customHeight="1" x14ac:dyDescent="0.3">
      <c r="A2967" s="11"/>
      <c r="B2967" s="11"/>
      <c r="C2967" s="42"/>
      <c r="D2967" s="3"/>
      <c r="E2967" s="3"/>
      <c r="F2967" s="3"/>
      <c r="G2967" s="3"/>
      <c r="H2967" s="3"/>
      <c r="I2967" s="3"/>
      <c r="J2967" s="3"/>
      <c r="K2967" s="14"/>
      <c r="L2967" s="3"/>
    </row>
    <row r="2968" spans="1:12" ht="16.5" customHeight="1" x14ac:dyDescent="0.3">
      <c r="A2968" s="11"/>
      <c r="B2968" s="11"/>
      <c r="C2968" s="42"/>
      <c r="D2968" s="3"/>
      <c r="E2968" s="3"/>
      <c r="F2968" s="3"/>
      <c r="G2968" s="3"/>
      <c r="H2968" s="3"/>
      <c r="I2968" s="3"/>
      <c r="J2968" s="3"/>
      <c r="K2968" s="14"/>
      <c r="L2968" s="3"/>
    </row>
    <row r="2969" spans="1:12" ht="16.5" customHeight="1" x14ac:dyDescent="0.3">
      <c r="A2969" s="11"/>
      <c r="B2969" s="11"/>
      <c r="C2969" s="42"/>
      <c r="D2969" s="3"/>
      <c r="E2969" s="3"/>
      <c r="F2969" s="3"/>
      <c r="G2969" s="3"/>
      <c r="H2969" s="3"/>
      <c r="I2969" s="3"/>
      <c r="J2969" s="3"/>
      <c r="K2969" s="14"/>
      <c r="L2969" s="3"/>
    </row>
    <row r="2970" spans="1:12" ht="16.5" customHeight="1" x14ac:dyDescent="0.3">
      <c r="A2970" s="11"/>
      <c r="B2970" s="11"/>
      <c r="C2970" s="42"/>
      <c r="D2970" s="3"/>
      <c r="E2970" s="3"/>
      <c r="F2970" s="3"/>
      <c r="G2970" s="3"/>
      <c r="H2970" s="3"/>
      <c r="I2970" s="3"/>
      <c r="J2970" s="3"/>
      <c r="K2970" s="14"/>
      <c r="L2970" s="3"/>
    </row>
    <row r="2971" spans="1:12" ht="16.5" customHeight="1" x14ac:dyDescent="0.3">
      <c r="A2971" s="11"/>
      <c r="B2971" s="11"/>
      <c r="C2971" s="42"/>
      <c r="D2971" s="3"/>
      <c r="E2971" s="3"/>
      <c r="F2971" s="3"/>
      <c r="G2971" s="3"/>
      <c r="H2971" s="3"/>
      <c r="I2971" s="3"/>
      <c r="J2971" s="3"/>
      <c r="K2971" s="14"/>
      <c r="L2971" s="3"/>
    </row>
    <row r="2972" spans="1:12" ht="16.5" customHeight="1" x14ac:dyDescent="0.3">
      <c r="A2972" s="11"/>
      <c r="B2972" s="11"/>
      <c r="C2972" s="42"/>
      <c r="D2972" s="3"/>
      <c r="E2972" s="3"/>
      <c r="F2972" s="3"/>
      <c r="G2972" s="3"/>
      <c r="H2972" s="3"/>
      <c r="I2972" s="3"/>
      <c r="J2972" s="3"/>
      <c r="K2972" s="14"/>
      <c r="L2972" s="3"/>
    </row>
    <row r="2973" spans="1:12" ht="16.5" customHeight="1" x14ac:dyDescent="0.3">
      <c r="A2973" s="11"/>
      <c r="B2973" s="11"/>
      <c r="C2973" s="42"/>
      <c r="D2973" s="3"/>
      <c r="E2973" s="3"/>
      <c r="F2973" s="3"/>
      <c r="G2973" s="3"/>
      <c r="H2973" s="3"/>
      <c r="I2973" s="3"/>
      <c r="J2973" s="3"/>
      <c r="K2973" s="14"/>
      <c r="L2973" s="3"/>
    </row>
    <row r="2974" spans="1:12" ht="16.5" customHeight="1" x14ac:dyDescent="0.3">
      <c r="A2974" s="11"/>
      <c r="B2974" s="11"/>
      <c r="C2974" s="42"/>
      <c r="D2974" s="3"/>
      <c r="E2974" s="3"/>
      <c r="F2974" s="3"/>
      <c r="G2974" s="3"/>
      <c r="H2974" s="3"/>
      <c r="I2974" s="3"/>
      <c r="J2974" s="3"/>
      <c r="K2974" s="14"/>
      <c r="L2974" s="3"/>
    </row>
    <row r="2975" spans="1:12" ht="16.5" customHeight="1" x14ac:dyDescent="0.3">
      <c r="A2975" s="11"/>
      <c r="B2975" s="11"/>
      <c r="C2975" s="42"/>
      <c r="D2975" s="3"/>
      <c r="E2975" s="3"/>
      <c r="F2975" s="3"/>
      <c r="G2975" s="3"/>
      <c r="H2975" s="3"/>
      <c r="I2975" s="3"/>
      <c r="J2975" s="3"/>
      <c r="K2975" s="14"/>
      <c r="L2975" s="3"/>
    </row>
    <row r="2976" spans="1:12" ht="16.5" customHeight="1" x14ac:dyDescent="0.3">
      <c r="A2976" s="11"/>
      <c r="B2976" s="11"/>
      <c r="C2976" s="42"/>
      <c r="D2976" s="3"/>
      <c r="E2976" s="3"/>
      <c r="F2976" s="3"/>
      <c r="G2976" s="3"/>
      <c r="H2976" s="3"/>
      <c r="I2976" s="3"/>
      <c r="J2976" s="3"/>
      <c r="K2976" s="14"/>
      <c r="L2976" s="3"/>
    </row>
    <row r="2977" spans="1:12" ht="16.5" customHeight="1" x14ac:dyDescent="0.3">
      <c r="A2977" s="11"/>
      <c r="B2977" s="11"/>
      <c r="C2977" s="42"/>
      <c r="D2977" s="3"/>
      <c r="E2977" s="3"/>
      <c r="F2977" s="3"/>
      <c r="G2977" s="3"/>
      <c r="H2977" s="3"/>
      <c r="I2977" s="3"/>
      <c r="J2977" s="3"/>
      <c r="K2977" s="14"/>
      <c r="L2977" s="3"/>
    </row>
    <row r="2978" spans="1:12" ht="16.5" customHeight="1" x14ac:dyDescent="0.3">
      <c r="A2978" s="11"/>
      <c r="B2978" s="11"/>
      <c r="C2978" s="42"/>
      <c r="D2978" s="3"/>
      <c r="E2978" s="3"/>
      <c r="F2978" s="3"/>
      <c r="G2978" s="3"/>
      <c r="H2978" s="3"/>
      <c r="I2978" s="3"/>
      <c r="J2978" s="3"/>
      <c r="K2978" s="14"/>
      <c r="L2978" s="3"/>
    </row>
    <row r="2979" spans="1:12" ht="16.5" customHeight="1" x14ac:dyDescent="0.3">
      <c r="A2979" s="11"/>
      <c r="B2979" s="11"/>
      <c r="C2979" s="42"/>
      <c r="D2979" s="3"/>
      <c r="E2979" s="3"/>
      <c r="F2979" s="3"/>
      <c r="G2979" s="3"/>
      <c r="H2979" s="3"/>
      <c r="I2979" s="3"/>
      <c r="J2979" s="3"/>
      <c r="K2979" s="14"/>
      <c r="L2979" s="3"/>
    </row>
    <row r="2980" spans="1:12" ht="16.5" customHeight="1" x14ac:dyDescent="0.3">
      <c r="A2980" s="11"/>
      <c r="B2980" s="11"/>
      <c r="C2980" s="42"/>
      <c r="D2980" s="3"/>
      <c r="E2980" s="3"/>
      <c r="F2980" s="3"/>
      <c r="G2980" s="3"/>
      <c r="H2980" s="3"/>
      <c r="I2980" s="3"/>
      <c r="J2980" s="3"/>
      <c r="K2980" s="14"/>
      <c r="L2980" s="3"/>
    </row>
    <row r="2981" spans="1:12" ht="16.5" customHeight="1" x14ac:dyDescent="0.3">
      <c r="A2981" s="11"/>
      <c r="B2981" s="11"/>
      <c r="C2981" s="42"/>
      <c r="D2981" s="3"/>
      <c r="E2981" s="3"/>
      <c r="F2981" s="3"/>
      <c r="G2981" s="3"/>
      <c r="H2981" s="3"/>
      <c r="I2981" s="3"/>
      <c r="J2981" s="3"/>
      <c r="K2981" s="14"/>
      <c r="L2981" s="3"/>
    </row>
    <row r="2982" spans="1:12" ht="16.5" customHeight="1" x14ac:dyDescent="0.3">
      <c r="A2982" s="11"/>
      <c r="B2982" s="11"/>
      <c r="C2982" s="42"/>
      <c r="D2982" s="3"/>
      <c r="E2982" s="3"/>
      <c r="F2982" s="3"/>
      <c r="G2982" s="3"/>
      <c r="H2982" s="3"/>
      <c r="I2982" s="3"/>
      <c r="J2982" s="3"/>
      <c r="K2982" s="14"/>
      <c r="L2982" s="3"/>
    </row>
    <row r="2983" spans="1:12" ht="16.5" customHeight="1" x14ac:dyDescent="0.3">
      <c r="A2983" s="11"/>
      <c r="B2983" s="11"/>
      <c r="C2983" s="42"/>
      <c r="D2983" s="3"/>
      <c r="E2983" s="3"/>
      <c r="F2983" s="3"/>
      <c r="G2983" s="3"/>
      <c r="H2983" s="3"/>
      <c r="I2983" s="3"/>
      <c r="J2983" s="3"/>
      <c r="K2983" s="14"/>
      <c r="L2983" s="3"/>
    </row>
    <row r="2984" spans="1:12" ht="16.5" customHeight="1" x14ac:dyDescent="0.3">
      <c r="A2984" s="11"/>
      <c r="B2984" s="11"/>
      <c r="C2984" s="42"/>
      <c r="D2984" s="3"/>
      <c r="E2984" s="3"/>
      <c r="F2984" s="3"/>
      <c r="G2984" s="3"/>
      <c r="H2984" s="3"/>
      <c r="I2984" s="3"/>
      <c r="J2984" s="3"/>
      <c r="K2984" s="14"/>
      <c r="L2984" s="3"/>
    </row>
    <row r="2985" spans="1:12" ht="16.5" customHeight="1" x14ac:dyDescent="0.3">
      <c r="A2985" s="11"/>
      <c r="B2985" s="11"/>
      <c r="C2985" s="42"/>
      <c r="D2985" s="3"/>
      <c r="E2985" s="3"/>
      <c r="F2985" s="3"/>
      <c r="G2985" s="3"/>
      <c r="H2985" s="3"/>
      <c r="I2985" s="3"/>
      <c r="J2985" s="3"/>
      <c r="K2985" s="14"/>
      <c r="L2985" s="3"/>
    </row>
    <row r="2986" spans="1:12" ht="16.5" customHeight="1" x14ac:dyDescent="0.3">
      <c r="A2986" s="11"/>
      <c r="B2986" s="11"/>
      <c r="C2986" s="42"/>
      <c r="D2986" s="3"/>
      <c r="E2986" s="3"/>
      <c r="F2986" s="3"/>
      <c r="G2986" s="3"/>
      <c r="H2986" s="3"/>
      <c r="I2986" s="3"/>
      <c r="J2986" s="3"/>
      <c r="K2986" s="14"/>
      <c r="L2986" s="3"/>
    </row>
    <row r="2987" spans="1:12" ht="16.5" customHeight="1" x14ac:dyDescent="0.3">
      <c r="A2987" s="11"/>
      <c r="B2987" s="11"/>
      <c r="C2987" s="42"/>
      <c r="D2987" s="3"/>
      <c r="E2987" s="3"/>
      <c r="F2987" s="3"/>
      <c r="G2987" s="3"/>
      <c r="H2987" s="3"/>
      <c r="I2987" s="3"/>
      <c r="J2987" s="3"/>
      <c r="K2987" s="14"/>
      <c r="L2987" s="3"/>
    </row>
    <row r="2988" spans="1:12" ht="16.5" customHeight="1" x14ac:dyDescent="0.3">
      <c r="A2988" s="11"/>
      <c r="B2988" s="11"/>
      <c r="C2988" s="42"/>
      <c r="D2988" s="3"/>
      <c r="E2988" s="3"/>
      <c r="F2988" s="3"/>
      <c r="G2988" s="3"/>
      <c r="H2988" s="3"/>
      <c r="I2988" s="3"/>
      <c r="J2988" s="3"/>
      <c r="K2988" s="14"/>
      <c r="L2988" s="3"/>
    </row>
    <row r="2989" spans="1:12" ht="16.5" customHeight="1" x14ac:dyDescent="0.3">
      <c r="A2989" s="11"/>
      <c r="B2989" s="11"/>
      <c r="C2989" s="42"/>
      <c r="D2989" s="3"/>
      <c r="E2989" s="3"/>
      <c r="F2989" s="3"/>
      <c r="G2989" s="3"/>
      <c r="H2989" s="3"/>
      <c r="I2989" s="3"/>
      <c r="J2989" s="3"/>
      <c r="K2989" s="14"/>
      <c r="L2989" s="3"/>
    </row>
    <row r="2990" spans="1:12" ht="16.5" customHeight="1" x14ac:dyDescent="0.3">
      <c r="A2990" s="11"/>
      <c r="B2990" s="11"/>
      <c r="C2990" s="42"/>
      <c r="D2990" s="3"/>
      <c r="E2990" s="3"/>
      <c r="F2990" s="3"/>
      <c r="G2990" s="3"/>
      <c r="H2990" s="3"/>
      <c r="I2990" s="3"/>
      <c r="J2990" s="3"/>
      <c r="K2990" s="14"/>
      <c r="L2990" s="3"/>
    </row>
    <row r="2991" spans="1:12" ht="16.5" customHeight="1" x14ac:dyDescent="0.3">
      <c r="A2991" s="11"/>
      <c r="B2991" s="11"/>
      <c r="C2991" s="42"/>
      <c r="D2991" s="3"/>
      <c r="E2991" s="3"/>
      <c r="F2991" s="3"/>
      <c r="G2991" s="3"/>
      <c r="H2991" s="3"/>
      <c r="I2991" s="3"/>
      <c r="J2991" s="3"/>
      <c r="K2991" s="14"/>
      <c r="L2991" s="3"/>
    </row>
    <row r="2992" spans="1:12" ht="16.5" customHeight="1" x14ac:dyDescent="0.3">
      <c r="A2992" s="11"/>
      <c r="B2992" s="11"/>
      <c r="C2992" s="42"/>
      <c r="D2992" s="3"/>
      <c r="E2992" s="3"/>
      <c r="F2992" s="3"/>
      <c r="G2992" s="3"/>
      <c r="H2992" s="3"/>
      <c r="I2992" s="3"/>
      <c r="J2992" s="3"/>
      <c r="K2992" s="14"/>
      <c r="L2992" s="3"/>
    </row>
    <row r="2993" spans="1:12" ht="16.5" customHeight="1" x14ac:dyDescent="0.3">
      <c r="A2993" s="11"/>
      <c r="B2993" s="11"/>
      <c r="C2993" s="42"/>
      <c r="D2993" s="3"/>
      <c r="E2993" s="3"/>
      <c r="F2993" s="3"/>
      <c r="G2993" s="3"/>
      <c r="H2993" s="3"/>
      <c r="I2993" s="3"/>
      <c r="J2993" s="3"/>
      <c r="K2993" s="14"/>
      <c r="L2993" s="3"/>
    </row>
    <row r="2994" spans="1:12" ht="16.5" customHeight="1" x14ac:dyDescent="0.3">
      <c r="A2994" s="11"/>
      <c r="B2994" s="11"/>
      <c r="C2994" s="42"/>
      <c r="D2994" s="3"/>
      <c r="E2994" s="3"/>
      <c r="F2994" s="3"/>
      <c r="G2994" s="3"/>
      <c r="H2994" s="3"/>
      <c r="I2994" s="3"/>
      <c r="J2994" s="3"/>
      <c r="K2994" s="14"/>
      <c r="L2994" s="3"/>
    </row>
    <row r="2995" spans="1:12" ht="16.5" customHeight="1" x14ac:dyDescent="0.3">
      <c r="A2995" s="11"/>
      <c r="B2995" s="11"/>
      <c r="C2995" s="42"/>
      <c r="D2995" s="3"/>
      <c r="E2995" s="3"/>
      <c r="F2995" s="3"/>
      <c r="G2995" s="3"/>
      <c r="H2995" s="3"/>
      <c r="I2995" s="3"/>
      <c r="J2995" s="3"/>
      <c r="K2995" s="14"/>
      <c r="L2995" s="3"/>
    </row>
    <row r="2996" spans="1:12" ht="16.5" customHeight="1" x14ac:dyDescent="0.3">
      <c r="A2996" s="11"/>
      <c r="B2996" s="11"/>
      <c r="C2996" s="42"/>
      <c r="D2996" s="3"/>
      <c r="E2996" s="3"/>
      <c r="F2996" s="3"/>
      <c r="G2996" s="3"/>
      <c r="H2996" s="3"/>
      <c r="I2996" s="3"/>
      <c r="J2996" s="3"/>
      <c r="K2996" s="14"/>
      <c r="L2996" s="3"/>
    </row>
    <row r="2997" spans="1:12" ht="16.5" customHeight="1" x14ac:dyDescent="0.3">
      <c r="A2997" s="11"/>
      <c r="B2997" s="11"/>
      <c r="C2997" s="42"/>
      <c r="D2997" s="3"/>
      <c r="E2997" s="3"/>
      <c r="F2997" s="3"/>
      <c r="G2997" s="3"/>
      <c r="H2997" s="3"/>
      <c r="I2997" s="3"/>
      <c r="J2997" s="3"/>
      <c r="K2997" s="14"/>
      <c r="L2997" s="3"/>
    </row>
    <row r="2998" spans="1:12" ht="16.5" customHeight="1" x14ac:dyDescent="0.3">
      <c r="A2998" s="11"/>
      <c r="B2998" s="11"/>
      <c r="C2998" s="42"/>
      <c r="D2998" s="3"/>
      <c r="E2998" s="3"/>
      <c r="F2998" s="3"/>
      <c r="G2998" s="3"/>
      <c r="H2998" s="3"/>
      <c r="I2998" s="3"/>
      <c r="J2998" s="3"/>
      <c r="K2998" s="14"/>
      <c r="L2998" s="3"/>
    </row>
    <row r="2999" spans="1:12" ht="16.5" customHeight="1" x14ac:dyDescent="0.3">
      <c r="A2999" s="11"/>
      <c r="B2999" s="11"/>
      <c r="C2999" s="42"/>
      <c r="D2999" s="3"/>
      <c r="E2999" s="3"/>
      <c r="F2999" s="3"/>
      <c r="G2999" s="3"/>
      <c r="H2999" s="3"/>
      <c r="I2999" s="3"/>
      <c r="J2999" s="3"/>
      <c r="K2999" s="14"/>
      <c r="L2999" s="3"/>
    </row>
    <row r="3000" spans="1:12" ht="16.5" customHeight="1" x14ac:dyDescent="0.3">
      <c r="A3000" s="11"/>
      <c r="B3000" s="11"/>
      <c r="C3000" s="42"/>
      <c r="D3000" s="3"/>
      <c r="E3000" s="3"/>
      <c r="F3000" s="3"/>
      <c r="G3000" s="3"/>
      <c r="H3000" s="3"/>
      <c r="I3000" s="3"/>
      <c r="J3000" s="3"/>
      <c r="K3000" s="14"/>
      <c r="L3000" s="3"/>
    </row>
    <row r="3001" spans="1:12" ht="16.5" customHeight="1" x14ac:dyDescent="0.3">
      <c r="A3001" s="11"/>
      <c r="B3001" s="11"/>
      <c r="C3001" s="42"/>
      <c r="D3001" s="3"/>
      <c r="E3001" s="3"/>
      <c r="F3001" s="3"/>
      <c r="G3001" s="3"/>
      <c r="H3001" s="3"/>
      <c r="I3001" s="3"/>
      <c r="J3001" s="3"/>
      <c r="K3001" s="14"/>
      <c r="L3001" s="3"/>
    </row>
    <row r="3002" spans="1:12" ht="16.5" customHeight="1" x14ac:dyDescent="0.3">
      <c r="A3002" s="11"/>
      <c r="B3002" s="11"/>
      <c r="C3002" s="42"/>
      <c r="D3002" s="3"/>
      <c r="E3002" s="3"/>
      <c r="F3002" s="3"/>
      <c r="G3002" s="3"/>
      <c r="H3002" s="3"/>
      <c r="I3002" s="3"/>
      <c r="J3002" s="3"/>
      <c r="K3002" s="14"/>
      <c r="L3002" s="3"/>
    </row>
    <row r="3003" spans="1:12" ht="16.5" customHeight="1" x14ac:dyDescent="0.3">
      <c r="A3003" s="11"/>
      <c r="B3003" s="11"/>
      <c r="C3003" s="42"/>
      <c r="D3003" s="3"/>
      <c r="E3003" s="3"/>
      <c r="F3003" s="3"/>
      <c r="G3003" s="3"/>
      <c r="H3003" s="3"/>
      <c r="I3003" s="3"/>
      <c r="J3003" s="3"/>
      <c r="K3003" s="14"/>
      <c r="L3003" s="3"/>
    </row>
    <row r="3004" spans="1:12" ht="16.5" customHeight="1" x14ac:dyDescent="0.3">
      <c r="A3004" s="11"/>
      <c r="B3004" s="11"/>
      <c r="C3004" s="42"/>
      <c r="D3004" s="3"/>
      <c r="E3004" s="3"/>
      <c r="F3004" s="3"/>
      <c r="G3004" s="3"/>
      <c r="H3004" s="3"/>
      <c r="I3004" s="3"/>
      <c r="J3004" s="3"/>
      <c r="K3004" s="14"/>
      <c r="L3004" s="3"/>
    </row>
    <row r="3005" spans="1:12" ht="16.5" customHeight="1" x14ac:dyDescent="0.3">
      <c r="A3005" s="11"/>
      <c r="B3005" s="11"/>
      <c r="C3005" s="42"/>
      <c r="D3005" s="3"/>
      <c r="E3005" s="3"/>
      <c r="F3005" s="3"/>
      <c r="G3005" s="3"/>
      <c r="H3005" s="3"/>
      <c r="I3005" s="3"/>
      <c r="J3005" s="3"/>
      <c r="K3005" s="14"/>
      <c r="L3005" s="3"/>
    </row>
    <row r="3006" spans="1:12" ht="16.5" customHeight="1" x14ac:dyDescent="0.3">
      <c r="A3006" s="11"/>
      <c r="B3006" s="11"/>
      <c r="C3006" s="42"/>
      <c r="D3006" s="3"/>
      <c r="E3006" s="3"/>
      <c r="F3006" s="3"/>
      <c r="G3006" s="3"/>
      <c r="H3006" s="3"/>
      <c r="I3006" s="3"/>
      <c r="J3006" s="3"/>
      <c r="K3006" s="14"/>
      <c r="L3006" s="3"/>
    </row>
    <row r="3007" spans="1:12" ht="16.5" customHeight="1" x14ac:dyDescent="0.3">
      <c r="A3007" s="11"/>
      <c r="B3007" s="11"/>
      <c r="C3007" s="42"/>
      <c r="D3007" s="3"/>
      <c r="E3007" s="3"/>
      <c r="F3007" s="3"/>
      <c r="G3007" s="3"/>
      <c r="H3007" s="3"/>
      <c r="I3007" s="3"/>
      <c r="J3007" s="3"/>
      <c r="K3007" s="14"/>
      <c r="L3007" s="3"/>
    </row>
    <row r="3008" spans="1:12" ht="16.5" customHeight="1" x14ac:dyDescent="0.3">
      <c r="A3008" s="11"/>
      <c r="B3008" s="11"/>
      <c r="C3008" s="42"/>
      <c r="D3008" s="3"/>
      <c r="E3008" s="3"/>
      <c r="F3008" s="3"/>
      <c r="G3008" s="3"/>
      <c r="H3008" s="3"/>
      <c r="I3008" s="3"/>
      <c r="J3008" s="3"/>
      <c r="K3008" s="14"/>
      <c r="L3008" s="3"/>
    </row>
    <row r="3009" spans="1:12" ht="16.5" customHeight="1" x14ac:dyDescent="0.3">
      <c r="A3009" s="11"/>
      <c r="B3009" s="11"/>
      <c r="C3009" s="42"/>
      <c r="D3009" s="3"/>
      <c r="E3009" s="3"/>
      <c r="F3009" s="3"/>
      <c r="G3009" s="3"/>
      <c r="H3009" s="3"/>
      <c r="I3009" s="3"/>
      <c r="J3009" s="3"/>
      <c r="K3009" s="14"/>
      <c r="L3009" s="3"/>
    </row>
    <row r="3010" spans="1:12" ht="16.5" customHeight="1" x14ac:dyDescent="0.3">
      <c r="A3010" s="11"/>
      <c r="B3010" s="11"/>
      <c r="C3010" s="42"/>
      <c r="D3010" s="3"/>
      <c r="E3010" s="3"/>
      <c r="F3010" s="3"/>
      <c r="G3010" s="3"/>
      <c r="H3010" s="3"/>
      <c r="I3010" s="3"/>
      <c r="J3010" s="3"/>
      <c r="K3010" s="14"/>
      <c r="L3010" s="3"/>
    </row>
    <row r="3011" spans="1:12" ht="16.5" customHeight="1" x14ac:dyDescent="0.3">
      <c r="A3011" s="11"/>
      <c r="B3011" s="11"/>
      <c r="C3011" s="42"/>
      <c r="D3011" s="3"/>
      <c r="E3011" s="3"/>
      <c r="F3011" s="3"/>
      <c r="G3011" s="3"/>
      <c r="H3011" s="3"/>
      <c r="I3011" s="3"/>
      <c r="J3011" s="3"/>
      <c r="K3011" s="14"/>
      <c r="L3011" s="3"/>
    </row>
    <row r="3012" spans="1:12" ht="16.5" customHeight="1" x14ac:dyDescent="0.3">
      <c r="A3012" s="11"/>
      <c r="B3012" s="11"/>
      <c r="C3012" s="42"/>
      <c r="D3012" s="3"/>
      <c r="E3012" s="3"/>
      <c r="F3012" s="3"/>
      <c r="G3012" s="3"/>
      <c r="H3012" s="3"/>
      <c r="I3012" s="3"/>
      <c r="J3012" s="3"/>
      <c r="K3012" s="14"/>
      <c r="L3012" s="3"/>
    </row>
    <row r="3013" spans="1:12" ht="16.5" customHeight="1" x14ac:dyDescent="0.3">
      <c r="A3013" s="11"/>
      <c r="B3013" s="11"/>
      <c r="C3013" s="42"/>
      <c r="D3013" s="3"/>
      <c r="E3013" s="3"/>
      <c r="F3013" s="3"/>
      <c r="G3013" s="3"/>
      <c r="H3013" s="3"/>
      <c r="I3013" s="3"/>
      <c r="J3013" s="3"/>
      <c r="K3013" s="14"/>
      <c r="L3013" s="3"/>
    </row>
    <row r="3014" spans="1:12" ht="16.5" customHeight="1" x14ac:dyDescent="0.3">
      <c r="A3014" s="11"/>
      <c r="B3014" s="11"/>
      <c r="C3014" s="42"/>
      <c r="D3014" s="3"/>
      <c r="E3014" s="3"/>
      <c r="F3014" s="3"/>
      <c r="G3014" s="3"/>
      <c r="H3014" s="3"/>
      <c r="I3014" s="3"/>
      <c r="J3014" s="3"/>
      <c r="K3014" s="14"/>
      <c r="L3014" s="3"/>
    </row>
    <row r="3015" spans="1:12" ht="16.5" customHeight="1" x14ac:dyDescent="0.3">
      <c r="A3015" s="11"/>
      <c r="B3015" s="11"/>
      <c r="C3015" s="42"/>
      <c r="D3015" s="3"/>
      <c r="E3015" s="3"/>
      <c r="F3015" s="3"/>
      <c r="G3015" s="3"/>
      <c r="H3015" s="3"/>
      <c r="I3015" s="3"/>
      <c r="J3015" s="3"/>
      <c r="K3015" s="14"/>
      <c r="L3015" s="3"/>
    </row>
    <row r="3016" spans="1:12" ht="16.5" customHeight="1" x14ac:dyDescent="0.3">
      <c r="A3016" s="11"/>
      <c r="B3016" s="11"/>
      <c r="C3016" s="42"/>
      <c r="D3016" s="3"/>
      <c r="E3016" s="3"/>
      <c r="F3016" s="3"/>
      <c r="G3016" s="3"/>
      <c r="H3016" s="3"/>
      <c r="I3016" s="3"/>
      <c r="J3016" s="3"/>
      <c r="K3016" s="14"/>
      <c r="L3016" s="3"/>
    </row>
    <row r="3017" spans="1:12" ht="16.5" customHeight="1" x14ac:dyDescent="0.3">
      <c r="A3017" s="11"/>
      <c r="B3017" s="11"/>
      <c r="C3017" s="42"/>
      <c r="D3017" s="3"/>
      <c r="E3017" s="3"/>
      <c r="F3017" s="3"/>
      <c r="G3017" s="3"/>
      <c r="H3017" s="3"/>
      <c r="I3017" s="3"/>
      <c r="J3017" s="3"/>
      <c r="K3017" s="14"/>
      <c r="L3017" s="3"/>
    </row>
    <row r="3018" spans="1:12" ht="16.5" customHeight="1" x14ac:dyDescent="0.3">
      <c r="A3018" s="11"/>
      <c r="B3018" s="11"/>
      <c r="C3018" s="42"/>
      <c r="D3018" s="3"/>
      <c r="E3018" s="3"/>
      <c r="F3018" s="3"/>
      <c r="G3018" s="3"/>
      <c r="H3018" s="3"/>
      <c r="I3018" s="3"/>
      <c r="J3018" s="3"/>
      <c r="K3018" s="14"/>
      <c r="L3018" s="3"/>
    </row>
    <row r="3019" spans="1:12" ht="16.5" customHeight="1" x14ac:dyDescent="0.3">
      <c r="A3019" s="11"/>
      <c r="B3019" s="11"/>
      <c r="C3019" s="42"/>
      <c r="D3019" s="3"/>
      <c r="E3019" s="3"/>
      <c r="F3019" s="3"/>
      <c r="G3019" s="3"/>
      <c r="H3019" s="3"/>
      <c r="I3019" s="3"/>
      <c r="J3019" s="3"/>
      <c r="K3019" s="14"/>
      <c r="L3019" s="3"/>
    </row>
    <row r="3020" spans="1:12" ht="16.5" customHeight="1" x14ac:dyDescent="0.3">
      <c r="A3020" s="11"/>
      <c r="B3020" s="11"/>
      <c r="C3020" s="42"/>
      <c r="D3020" s="3"/>
      <c r="E3020" s="3"/>
      <c r="F3020" s="3"/>
      <c r="G3020" s="3"/>
      <c r="H3020" s="3"/>
      <c r="I3020" s="3"/>
      <c r="J3020" s="3"/>
      <c r="K3020" s="14"/>
      <c r="L3020" s="3"/>
    </row>
    <row r="3021" spans="1:12" ht="16.5" customHeight="1" x14ac:dyDescent="0.3">
      <c r="A3021" s="12"/>
      <c r="B3021" s="12"/>
      <c r="C3021" s="12"/>
      <c r="D3021" s="2"/>
      <c r="E3021" s="2"/>
      <c r="F3021" s="2"/>
      <c r="G3021" s="2"/>
      <c r="H3021" s="12"/>
      <c r="I3021" s="2"/>
      <c r="J3021" s="2"/>
      <c r="K3021" s="2"/>
      <c r="L3021" s="2"/>
    </row>
    <row r="3022" spans="1:12" ht="16.5" customHeight="1" x14ac:dyDescent="0.3">
      <c r="A3022" s="11"/>
      <c r="B3022" s="11"/>
      <c r="C3022" s="42"/>
      <c r="D3022" s="3"/>
      <c r="E3022" s="3"/>
      <c r="F3022" s="3"/>
      <c r="G3022" s="3"/>
      <c r="H3022" s="3"/>
      <c r="I3022" s="3"/>
      <c r="J3022" s="3"/>
      <c r="K3022" s="14"/>
      <c r="L3022" s="3"/>
    </row>
    <row r="3023" spans="1:12" ht="16.5" customHeight="1" x14ac:dyDescent="0.3">
      <c r="A3023" s="11"/>
      <c r="B3023" s="11"/>
      <c r="C3023" s="42"/>
      <c r="D3023" s="3"/>
      <c r="E3023" s="3"/>
      <c r="F3023" s="3"/>
      <c r="G3023" s="3"/>
      <c r="H3023" s="3"/>
      <c r="I3023" s="3"/>
      <c r="J3023" s="3"/>
      <c r="K3023" s="14"/>
      <c r="L3023" s="3"/>
    </row>
    <row r="3024" spans="1:12" ht="16.5" customHeight="1" x14ac:dyDescent="0.3">
      <c r="A3024" s="11"/>
      <c r="B3024" s="11"/>
      <c r="C3024" s="42"/>
      <c r="D3024" s="3"/>
      <c r="E3024" s="3"/>
      <c r="F3024" s="3"/>
      <c r="G3024" s="3"/>
      <c r="H3024" s="3"/>
      <c r="I3024" s="3"/>
      <c r="J3024" s="3"/>
      <c r="K3024" s="14"/>
      <c r="L3024" s="3"/>
    </row>
    <row r="3025" spans="1:12" ht="16.5" customHeight="1" x14ac:dyDescent="0.3">
      <c r="A3025" s="11"/>
      <c r="B3025" s="11"/>
      <c r="C3025" s="42"/>
      <c r="D3025" s="3"/>
      <c r="E3025" s="3"/>
      <c r="F3025" s="3"/>
      <c r="G3025" s="3"/>
      <c r="H3025" s="3"/>
      <c r="I3025" s="3"/>
      <c r="J3025" s="3"/>
      <c r="K3025" s="14"/>
      <c r="L3025" s="3"/>
    </row>
    <row r="3026" spans="1:12" ht="16.5" customHeight="1" x14ac:dyDescent="0.3">
      <c r="A3026" s="11"/>
      <c r="B3026" s="11"/>
      <c r="C3026" s="42"/>
      <c r="D3026" s="3"/>
      <c r="E3026" s="3"/>
      <c r="F3026" s="3"/>
      <c r="G3026" s="3"/>
      <c r="H3026" s="3"/>
      <c r="I3026" s="3"/>
      <c r="J3026" s="3"/>
      <c r="K3026" s="14"/>
      <c r="L3026" s="3"/>
    </row>
    <row r="3027" spans="1:12" ht="16.5" customHeight="1" x14ac:dyDescent="0.3">
      <c r="A3027" s="11"/>
      <c r="B3027" s="11"/>
      <c r="C3027" s="42"/>
      <c r="D3027" s="3"/>
      <c r="E3027" s="3"/>
      <c r="F3027" s="3"/>
      <c r="G3027" s="3"/>
      <c r="H3027" s="3"/>
      <c r="I3027" s="3"/>
      <c r="J3027" s="3"/>
      <c r="K3027" s="14"/>
      <c r="L3027" s="3"/>
    </row>
    <row r="3028" spans="1:12" ht="16.5" customHeight="1" x14ac:dyDescent="0.3">
      <c r="A3028" s="11"/>
      <c r="B3028" s="11"/>
      <c r="C3028" s="42"/>
      <c r="D3028" s="3"/>
      <c r="E3028" s="3"/>
      <c r="F3028" s="3"/>
      <c r="G3028" s="3"/>
      <c r="H3028" s="3"/>
      <c r="I3028" s="3"/>
      <c r="J3028" s="3"/>
      <c r="K3028" s="14"/>
      <c r="L3028" s="3"/>
    </row>
    <row r="3029" spans="1:12" ht="16.5" customHeight="1" x14ac:dyDescent="0.3">
      <c r="A3029" s="11"/>
      <c r="B3029" s="11"/>
      <c r="C3029" s="42"/>
      <c r="D3029" s="3"/>
      <c r="E3029" s="3"/>
      <c r="F3029" s="3"/>
      <c r="G3029" s="3"/>
      <c r="H3029" s="3"/>
      <c r="I3029" s="3"/>
      <c r="J3029" s="3"/>
      <c r="K3029" s="14"/>
      <c r="L3029" s="3"/>
    </row>
    <row r="3030" spans="1:12" ht="16.5" customHeight="1" x14ac:dyDescent="0.3">
      <c r="A3030" s="11"/>
      <c r="B3030" s="11"/>
      <c r="C3030" s="42"/>
      <c r="D3030" s="3"/>
      <c r="E3030" s="3"/>
      <c r="F3030" s="3"/>
      <c r="G3030" s="3"/>
      <c r="H3030" s="3"/>
      <c r="I3030" s="3"/>
      <c r="J3030" s="3"/>
      <c r="K3030" s="14"/>
      <c r="L3030" s="3"/>
    </row>
    <row r="3031" spans="1:12" ht="16.5" customHeight="1" x14ac:dyDescent="0.3">
      <c r="A3031" s="11"/>
      <c r="B3031" s="11"/>
      <c r="C3031" s="42"/>
      <c r="D3031" s="3"/>
      <c r="E3031" s="3"/>
      <c r="F3031" s="3"/>
      <c r="G3031" s="3"/>
      <c r="H3031" s="3"/>
      <c r="I3031" s="3"/>
      <c r="J3031" s="3"/>
      <c r="K3031" s="14"/>
      <c r="L3031" s="3"/>
    </row>
    <row r="3032" spans="1:12" ht="16.5" customHeight="1" x14ac:dyDescent="0.3">
      <c r="A3032" s="11"/>
      <c r="B3032" s="11"/>
      <c r="C3032" s="42"/>
      <c r="D3032" s="3"/>
      <c r="E3032" s="3"/>
      <c r="F3032" s="3"/>
      <c r="G3032" s="3"/>
      <c r="H3032" s="3"/>
      <c r="I3032" s="3"/>
      <c r="J3032" s="3"/>
      <c r="K3032" s="14"/>
      <c r="L3032" s="3"/>
    </row>
    <row r="3033" spans="1:12" ht="16.5" customHeight="1" x14ac:dyDescent="0.3">
      <c r="A3033" s="11"/>
      <c r="B3033" s="11"/>
      <c r="C3033" s="42"/>
      <c r="D3033" s="3"/>
      <c r="E3033" s="3"/>
      <c r="F3033" s="3"/>
      <c r="G3033" s="3"/>
      <c r="H3033" s="3"/>
      <c r="I3033" s="3"/>
      <c r="J3033" s="3"/>
      <c r="K3033" s="14"/>
      <c r="L3033" s="3"/>
    </row>
    <row r="3034" spans="1:12" ht="16.5" customHeight="1" x14ac:dyDescent="0.3">
      <c r="A3034" s="11"/>
      <c r="B3034" s="11"/>
      <c r="C3034" s="42"/>
      <c r="D3034" s="3"/>
      <c r="E3034" s="3"/>
      <c r="F3034" s="3"/>
      <c r="G3034" s="3"/>
      <c r="H3034" s="3"/>
      <c r="I3034" s="3"/>
      <c r="J3034" s="3"/>
      <c r="K3034" s="14"/>
      <c r="L3034" s="3"/>
    </row>
    <row r="3035" spans="1:12" ht="16.5" customHeight="1" x14ac:dyDescent="0.3">
      <c r="A3035" s="11"/>
      <c r="B3035" s="11"/>
      <c r="C3035" s="42"/>
      <c r="D3035" s="3"/>
      <c r="E3035" s="3"/>
      <c r="F3035" s="3"/>
      <c r="G3035" s="3"/>
      <c r="H3035" s="3"/>
      <c r="I3035" s="3"/>
      <c r="J3035" s="3"/>
      <c r="K3035" s="14"/>
      <c r="L3035" s="3"/>
    </row>
    <row r="3036" spans="1:12" ht="16.5" customHeight="1" x14ac:dyDescent="0.3">
      <c r="A3036" s="11"/>
      <c r="B3036" s="11"/>
      <c r="C3036" s="42"/>
      <c r="D3036" s="3"/>
      <c r="E3036" s="3"/>
      <c r="F3036" s="3"/>
      <c r="G3036" s="3"/>
      <c r="H3036" s="3"/>
      <c r="I3036" s="3"/>
      <c r="J3036" s="3"/>
      <c r="K3036" s="14"/>
      <c r="L3036" s="3"/>
    </row>
    <row r="3037" spans="1:12" ht="16.5" customHeight="1" x14ac:dyDescent="0.3">
      <c r="A3037" s="11"/>
      <c r="B3037" s="11"/>
      <c r="C3037" s="42"/>
      <c r="D3037" s="3"/>
      <c r="E3037" s="3"/>
      <c r="F3037" s="3"/>
      <c r="G3037" s="3"/>
      <c r="H3037" s="3"/>
      <c r="I3037" s="3"/>
      <c r="J3037" s="3"/>
      <c r="K3037" s="14"/>
      <c r="L3037" s="3"/>
    </row>
    <row r="3038" spans="1:12" ht="16.5" customHeight="1" x14ac:dyDescent="0.3">
      <c r="A3038" s="11"/>
      <c r="B3038" s="11"/>
      <c r="C3038" s="42"/>
      <c r="D3038" s="3"/>
      <c r="E3038" s="3"/>
      <c r="F3038" s="3"/>
      <c r="G3038" s="3"/>
      <c r="H3038" s="3"/>
      <c r="I3038" s="3"/>
      <c r="J3038" s="3"/>
      <c r="K3038" s="14"/>
      <c r="L3038" s="3"/>
    </row>
    <row r="3039" spans="1:12" ht="16.5" customHeight="1" x14ac:dyDescent="0.3">
      <c r="A3039" s="11"/>
      <c r="B3039" s="11"/>
      <c r="C3039" s="42"/>
      <c r="D3039" s="3"/>
      <c r="E3039" s="3"/>
      <c r="F3039" s="3"/>
      <c r="G3039" s="3"/>
      <c r="H3039" s="3"/>
      <c r="I3039" s="3"/>
      <c r="J3039" s="3"/>
      <c r="K3039" s="14"/>
      <c r="L3039" s="3"/>
    </row>
    <row r="3040" spans="1:12" ht="16.5" customHeight="1" x14ac:dyDescent="0.3">
      <c r="A3040" s="11"/>
      <c r="B3040" s="11"/>
      <c r="C3040" s="42"/>
      <c r="D3040" s="3"/>
      <c r="E3040" s="3"/>
      <c r="F3040" s="3"/>
      <c r="G3040" s="3"/>
      <c r="H3040" s="3"/>
      <c r="I3040" s="3"/>
      <c r="J3040" s="3"/>
      <c r="K3040" s="14"/>
      <c r="L3040" s="3"/>
    </row>
    <row r="3041" spans="1:12" ht="16.5" customHeight="1" x14ac:dyDescent="0.3">
      <c r="A3041" s="11"/>
      <c r="B3041" s="11"/>
      <c r="C3041" s="42"/>
      <c r="D3041" s="3"/>
      <c r="E3041" s="3"/>
      <c r="F3041" s="3"/>
      <c r="G3041" s="3"/>
      <c r="H3041" s="3"/>
      <c r="I3041" s="3"/>
      <c r="J3041" s="3"/>
      <c r="K3041" s="14"/>
      <c r="L3041" s="3"/>
    </row>
    <row r="3042" spans="1:12" ht="16.5" customHeight="1" x14ac:dyDescent="0.3">
      <c r="A3042" s="11"/>
      <c r="B3042" s="11"/>
      <c r="C3042" s="42"/>
      <c r="D3042" s="3"/>
      <c r="E3042" s="3"/>
      <c r="F3042" s="3"/>
      <c r="G3042" s="3"/>
      <c r="H3042" s="3"/>
      <c r="I3042" s="3"/>
      <c r="J3042" s="3"/>
      <c r="K3042" s="14"/>
      <c r="L3042" s="3"/>
    </row>
    <row r="3043" spans="1:12" ht="16.5" customHeight="1" x14ac:dyDescent="0.3">
      <c r="A3043" s="11"/>
      <c r="B3043" s="11"/>
      <c r="C3043" s="42"/>
      <c r="D3043" s="3"/>
      <c r="E3043" s="3"/>
      <c r="F3043" s="3"/>
      <c r="G3043" s="3"/>
      <c r="H3043" s="3"/>
      <c r="I3043" s="3"/>
      <c r="J3043" s="3"/>
      <c r="K3043" s="14"/>
      <c r="L3043" s="3"/>
    </row>
    <row r="3044" spans="1:12" ht="16.5" customHeight="1" x14ac:dyDescent="0.3">
      <c r="A3044" s="11"/>
      <c r="B3044" s="11"/>
      <c r="C3044" s="42"/>
      <c r="D3044" s="3"/>
      <c r="E3044" s="3"/>
      <c r="F3044" s="3"/>
      <c r="G3044" s="3"/>
      <c r="H3044" s="3"/>
      <c r="I3044" s="3"/>
      <c r="J3044" s="3"/>
      <c r="K3044" s="14"/>
      <c r="L3044" s="3"/>
    </row>
    <row r="3045" spans="1:12" ht="16.5" customHeight="1" x14ac:dyDescent="0.3">
      <c r="A3045" s="11"/>
      <c r="B3045" s="11"/>
      <c r="C3045" s="42"/>
      <c r="D3045" s="3"/>
      <c r="E3045" s="3"/>
      <c r="F3045" s="3"/>
      <c r="G3045" s="3"/>
      <c r="H3045" s="3"/>
      <c r="I3045" s="3"/>
      <c r="J3045" s="3"/>
      <c r="K3045" s="14"/>
      <c r="L3045" s="3"/>
    </row>
    <row r="3046" spans="1:12" ht="16.5" customHeight="1" x14ac:dyDescent="0.3">
      <c r="A3046" s="11"/>
      <c r="B3046" s="11"/>
      <c r="C3046" s="42"/>
      <c r="D3046" s="3"/>
      <c r="E3046" s="3"/>
      <c r="F3046" s="3"/>
      <c r="G3046" s="3"/>
      <c r="H3046" s="3"/>
      <c r="I3046" s="3"/>
      <c r="J3046" s="3"/>
      <c r="K3046" s="14"/>
      <c r="L3046" s="3"/>
    </row>
    <row r="3047" spans="1:12" ht="16.5" customHeight="1" x14ac:dyDescent="0.3">
      <c r="A3047" s="11"/>
      <c r="B3047" s="11"/>
      <c r="C3047" s="42"/>
      <c r="D3047" s="3"/>
      <c r="E3047" s="3"/>
      <c r="F3047" s="3"/>
      <c r="G3047" s="3"/>
      <c r="H3047" s="3"/>
      <c r="I3047" s="3"/>
      <c r="J3047" s="3"/>
      <c r="K3047" s="14"/>
      <c r="L3047" s="3"/>
    </row>
    <row r="3048" spans="1:12" ht="16.5" customHeight="1" x14ac:dyDescent="0.3">
      <c r="A3048" s="11"/>
      <c r="B3048" s="11"/>
      <c r="C3048" s="42"/>
      <c r="D3048" s="3"/>
      <c r="E3048" s="3"/>
      <c r="F3048" s="3"/>
      <c r="G3048" s="3"/>
      <c r="H3048" s="3"/>
      <c r="I3048" s="3"/>
      <c r="J3048" s="3"/>
      <c r="K3048" s="14"/>
      <c r="L3048" s="3"/>
    </row>
    <row r="3049" spans="1:12" ht="16.5" customHeight="1" x14ac:dyDescent="0.3">
      <c r="A3049" s="11"/>
      <c r="B3049" s="11"/>
      <c r="C3049" s="42"/>
      <c r="D3049" s="3"/>
      <c r="E3049" s="3"/>
      <c r="F3049" s="3"/>
      <c r="G3049" s="3"/>
      <c r="H3049" s="3"/>
      <c r="I3049" s="3"/>
      <c r="J3049" s="3"/>
      <c r="K3049" s="14"/>
      <c r="L3049" s="3"/>
    </row>
    <row r="3050" spans="1:12" ht="16.5" customHeight="1" x14ac:dyDescent="0.3">
      <c r="A3050" s="11"/>
      <c r="B3050" s="11"/>
      <c r="C3050" s="42"/>
      <c r="D3050" s="3"/>
      <c r="E3050" s="3"/>
      <c r="F3050" s="3"/>
      <c r="G3050" s="3"/>
      <c r="H3050" s="3"/>
      <c r="I3050" s="3"/>
      <c r="J3050" s="3"/>
      <c r="K3050" s="14"/>
      <c r="L3050" s="3"/>
    </row>
    <row r="3051" spans="1:12" ht="16.5" customHeight="1" x14ac:dyDescent="0.3">
      <c r="A3051" s="11"/>
      <c r="B3051" s="11"/>
      <c r="C3051" s="42"/>
      <c r="D3051" s="3"/>
      <c r="E3051" s="3"/>
      <c r="F3051" s="3"/>
      <c r="G3051" s="3"/>
      <c r="H3051" s="3"/>
      <c r="I3051" s="3"/>
      <c r="J3051" s="3"/>
      <c r="K3051" s="14"/>
      <c r="L3051" s="3"/>
    </row>
    <row r="3052" spans="1:12" ht="16.5" customHeight="1" x14ac:dyDescent="0.3">
      <c r="A3052" s="11"/>
      <c r="B3052" s="11"/>
      <c r="C3052" s="42"/>
      <c r="D3052" s="3"/>
      <c r="E3052" s="3"/>
      <c r="F3052" s="3"/>
      <c r="G3052" s="3"/>
      <c r="H3052" s="3"/>
      <c r="I3052" s="3"/>
      <c r="J3052" s="3"/>
      <c r="K3052" s="14"/>
      <c r="L3052" s="3"/>
    </row>
    <row r="3053" spans="1:12" ht="16.5" customHeight="1" x14ac:dyDescent="0.3">
      <c r="A3053" s="11"/>
      <c r="B3053" s="11"/>
      <c r="C3053" s="42"/>
      <c r="D3053" s="3"/>
      <c r="E3053" s="3"/>
      <c r="F3053" s="3"/>
      <c r="G3053" s="3"/>
      <c r="H3053" s="3"/>
      <c r="I3053" s="3"/>
      <c r="J3053" s="3"/>
      <c r="K3053" s="14"/>
      <c r="L3053" s="3"/>
    </row>
    <row r="3054" spans="1:12" ht="16.5" customHeight="1" x14ac:dyDescent="0.3">
      <c r="A3054" s="11"/>
      <c r="B3054" s="11"/>
      <c r="C3054" s="42"/>
      <c r="D3054" s="3"/>
      <c r="E3054" s="3"/>
      <c r="F3054" s="3"/>
      <c r="G3054" s="3"/>
      <c r="H3054" s="3"/>
      <c r="I3054" s="3"/>
      <c r="J3054" s="3"/>
      <c r="K3054" s="14"/>
      <c r="L3054" s="3"/>
    </row>
    <row r="3055" spans="1:12" ht="16.5" customHeight="1" x14ac:dyDescent="0.3">
      <c r="A3055" s="11"/>
      <c r="B3055" s="11"/>
      <c r="C3055" s="42"/>
      <c r="D3055" s="3"/>
      <c r="E3055" s="3"/>
      <c r="F3055" s="3"/>
      <c r="G3055" s="3"/>
      <c r="H3055" s="3"/>
      <c r="I3055" s="3"/>
      <c r="J3055" s="3"/>
      <c r="K3055" s="14"/>
      <c r="L3055" s="3"/>
    </row>
    <row r="3056" spans="1:12" ht="16.5" customHeight="1" x14ac:dyDescent="0.3">
      <c r="A3056" s="11"/>
      <c r="B3056" s="11"/>
      <c r="C3056" s="42"/>
      <c r="D3056" s="3"/>
      <c r="E3056" s="3"/>
      <c r="F3056" s="3"/>
      <c r="G3056" s="3"/>
      <c r="H3056" s="3"/>
      <c r="I3056" s="3"/>
      <c r="J3056" s="3"/>
      <c r="K3056" s="14"/>
      <c r="L3056" s="3"/>
    </row>
    <row r="3057" spans="1:12" ht="16.5" customHeight="1" x14ac:dyDescent="0.3">
      <c r="A3057" s="11"/>
      <c r="B3057" s="11"/>
      <c r="C3057" s="42"/>
      <c r="D3057" s="3"/>
      <c r="E3057" s="3"/>
      <c r="F3057" s="3"/>
      <c r="G3057" s="3"/>
      <c r="H3057" s="3"/>
      <c r="I3057" s="3"/>
      <c r="J3057" s="3"/>
      <c r="K3057" s="14"/>
      <c r="L3057" s="3"/>
    </row>
    <row r="3058" spans="1:12" ht="16.5" customHeight="1" x14ac:dyDescent="0.3">
      <c r="A3058" s="11"/>
      <c r="B3058" s="11"/>
      <c r="C3058" s="46"/>
      <c r="D3058" s="13"/>
      <c r="E3058" s="13"/>
      <c r="F3058" s="13"/>
      <c r="G3058" s="13"/>
      <c r="H3058" s="3"/>
      <c r="I3058" s="13"/>
      <c r="J3058" s="13"/>
      <c r="K3058" s="15"/>
      <c r="L3058" s="13"/>
    </row>
    <row r="3059" spans="1:12" ht="16.5" customHeight="1" x14ac:dyDescent="0.3">
      <c r="A3059" s="11"/>
      <c r="B3059" s="11"/>
      <c r="C3059" s="42"/>
      <c r="D3059" s="13"/>
      <c r="E3059" s="13"/>
      <c r="F3059" s="13"/>
      <c r="G3059" s="13"/>
      <c r="H3059" s="3"/>
      <c r="I3059" s="13"/>
      <c r="J3059" s="13"/>
      <c r="K3059" s="15"/>
      <c r="L3059" s="13"/>
    </row>
    <row r="3060" spans="1:12" ht="16.5" customHeight="1" x14ac:dyDescent="0.3">
      <c r="A3060" s="11"/>
      <c r="B3060" s="11"/>
      <c r="C3060" s="42"/>
      <c r="D3060" s="3"/>
      <c r="E3060" s="3"/>
      <c r="F3060" s="3"/>
      <c r="G3060" s="3"/>
      <c r="H3060" s="3"/>
      <c r="I3060" s="3"/>
      <c r="J3060" s="3"/>
      <c r="K3060" s="14"/>
      <c r="L3060" s="3"/>
    </row>
    <row r="3061" spans="1:12" ht="16.5" customHeight="1" x14ac:dyDescent="0.3">
      <c r="A3061" s="11"/>
      <c r="B3061" s="11"/>
      <c r="C3061" s="42"/>
      <c r="D3061" s="3"/>
      <c r="E3061" s="3"/>
      <c r="F3061" s="3"/>
      <c r="G3061" s="3"/>
      <c r="H3061" s="3"/>
      <c r="I3061" s="3"/>
      <c r="J3061" s="3"/>
      <c r="K3061" s="14"/>
      <c r="L3061" s="3"/>
    </row>
    <row r="3062" spans="1:12" ht="16.5" customHeight="1" x14ac:dyDescent="0.3">
      <c r="A3062" s="11"/>
      <c r="B3062" s="11"/>
      <c r="C3062" s="42"/>
      <c r="D3062" s="3"/>
      <c r="E3062" s="3"/>
      <c r="F3062" s="3"/>
      <c r="G3062" s="3"/>
      <c r="H3062" s="3"/>
      <c r="I3062" s="3"/>
      <c r="J3062" s="3"/>
      <c r="K3062" s="14"/>
      <c r="L3062" s="3"/>
    </row>
    <row r="3063" spans="1:12" ht="16.5" customHeight="1" x14ac:dyDescent="0.3">
      <c r="A3063" s="11"/>
      <c r="B3063" s="11"/>
      <c r="C3063" s="42"/>
      <c r="D3063" s="3"/>
      <c r="E3063" s="3"/>
      <c r="F3063" s="3"/>
      <c r="G3063" s="3"/>
      <c r="H3063" s="3"/>
      <c r="I3063" s="3"/>
      <c r="J3063" s="3"/>
      <c r="K3063" s="14"/>
      <c r="L3063" s="3"/>
    </row>
    <row r="3064" spans="1:12" ht="16.5" customHeight="1" x14ac:dyDescent="0.3">
      <c r="A3064" s="11"/>
      <c r="B3064" s="11"/>
      <c r="C3064" s="42"/>
      <c r="D3064" s="3"/>
      <c r="E3064" s="3"/>
      <c r="F3064" s="3"/>
      <c r="G3064" s="3"/>
      <c r="H3064" s="3"/>
      <c r="I3064" s="3"/>
      <c r="J3064" s="3"/>
      <c r="K3064" s="14"/>
      <c r="L3064" s="3"/>
    </row>
    <row r="3065" spans="1:12" ht="16.5" customHeight="1" x14ac:dyDescent="0.3">
      <c r="A3065" s="11"/>
      <c r="B3065" s="11"/>
      <c r="C3065" s="42"/>
      <c r="D3065" s="3"/>
      <c r="E3065" s="3"/>
      <c r="F3065" s="3"/>
      <c r="G3065" s="3"/>
      <c r="H3065" s="3"/>
      <c r="I3065" s="3"/>
      <c r="J3065" s="3"/>
      <c r="K3065" s="14"/>
      <c r="L3065" s="3"/>
    </row>
    <row r="3066" spans="1:12" ht="16.5" customHeight="1" x14ac:dyDescent="0.3">
      <c r="A3066" s="11"/>
      <c r="B3066" s="11"/>
      <c r="C3066" s="42"/>
      <c r="D3066" s="3"/>
      <c r="E3066" s="3"/>
      <c r="F3066" s="3"/>
      <c r="G3066" s="3"/>
      <c r="H3066" s="3"/>
      <c r="I3066" s="3"/>
      <c r="J3066" s="3"/>
      <c r="K3066" s="14"/>
      <c r="L3066" s="3"/>
    </row>
    <row r="3067" spans="1:12" ht="16.5" customHeight="1" x14ac:dyDescent="0.3">
      <c r="A3067" s="11"/>
      <c r="B3067" s="11"/>
      <c r="C3067" s="42"/>
      <c r="D3067" s="3"/>
      <c r="E3067" s="3"/>
      <c r="F3067" s="3"/>
      <c r="G3067" s="3"/>
      <c r="H3067" s="3"/>
      <c r="I3067" s="3"/>
      <c r="J3067" s="3"/>
      <c r="K3067" s="14"/>
      <c r="L3067" s="3"/>
    </row>
    <row r="3068" spans="1:12" ht="16.5" customHeight="1" x14ac:dyDescent="0.3">
      <c r="A3068" s="11"/>
      <c r="B3068" s="11"/>
      <c r="C3068" s="42"/>
      <c r="D3068" s="3"/>
      <c r="E3068" s="3"/>
      <c r="F3068" s="3"/>
      <c r="G3068" s="3"/>
      <c r="H3068" s="3"/>
      <c r="I3068" s="3"/>
      <c r="J3068" s="3"/>
      <c r="K3068" s="14"/>
      <c r="L3068" s="3"/>
    </row>
    <row r="3069" spans="1:12" ht="16.5" customHeight="1" x14ac:dyDescent="0.3">
      <c r="A3069" s="11"/>
      <c r="B3069" s="11"/>
      <c r="C3069" s="42"/>
      <c r="D3069" s="3"/>
      <c r="E3069" s="3"/>
      <c r="F3069" s="3"/>
      <c r="G3069" s="3"/>
      <c r="H3069" s="3"/>
      <c r="I3069" s="3"/>
      <c r="J3069" s="3"/>
      <c r="K3069" s="14"/>
      <c r="L3069" s="3"/>
    </row>
    <row r="3070" spans="1:12" ht="16.5" customHeight="1" x14ac:dyDescent="0.3">
      <c r="A3070" s="11"/>
      <c r="B3070" s="11"/>
      <c r="C3070" s="42"/>
      <c r="D3070" s="3"/>
      <c r="E3070" s="3"/>
      <c r="F3070" s="3"/>
      <c r="G3070" s="3"/>
      <c r="H3070" s="3"/>
      <c r="I3070" s="3"/>
      <c r="J3070" s="3"/>
      <c r="K3070" s="14"/>
      <c r="L3070" s="3"/>
    </row>
    <row r="3071" spans="1:12" ht="16.5" customHeight="1" x14ac:dyDescent="0.3">
      <c r="A3071" s="11"/>
      <c r="B3071" s="11"/>
      <c r="C3071" s="42"/>
      <c r="D3071" s="3"/>
      <c r="E3071" s="3"/>
      <c r="F3071" s="3"/>
      <c r="G3071" s="3"/>
      <c r="H3071" s="3"/>
      <c r="I3071" s="3"/>
      <c r="J3071" s="3"/>
      <c r="K3071" s="14"/>
      <c r="L3071" s="3"/>
    </row>
    <row r="3072" spans="1:12" ht="16.5" customHeight="1" x14ac:dyDescent="0.3">
      <c r="A3072" s="11"/>
      <c r="B3072" s="11"/>
      <c r="C3072" s="42"/>
      <c r="D3072" s="3"/>
      <c r="E3072" s="3"/>
      <c r="F3072" s="3"/>
      <c r="G3072" s="3"/>
      <c r="H3072" s="3"/>
      <c r="I3072" s="3"/>
      <c r="J3072" s="3"/>
      <c r="K3072" s="14"/>
      <c r="L3072" s="3"/>
    </row>
    <row r="3073" spans="1:12" ht="16.5" customHeight="1" x14ac:dyDescent="0.3">
      <c r="A3073" s="11"/>
      <c r="B3073" s="11"/>
      <c r="C3073" s="42"/>
      <c r="D3073" s="3"/>
      <c r="E3073" s="3"/>
      <c r="F3073" s="3"/>
      <c r="G3073" s="3"/>
      <c r="H3073" s="3"/>
      <c r="I3073" s="3"/>
      <c r="J3073" s="3"/>
      <c r="K3073" s="14"/>
      <c r="L3073" s="3"/>
    </row>
    <row r="3074" spans="1:12" ht="16.5" customHeight="1" x14ac:dyDescent="0.3">
      <c r="A3074" s="11"/>
      <c r="B3074" s="11"/>
      <c r="C3074" s="42"/>
      <c r="D3074" s="3"/>
      <c r="E3074" s="3"/>
      <c r="F3074" s="3"/>
      <c r="G3074" s="3"/>
      <c r="H3074" s="3"/>
      <c r="I3074" s="3"/>
      <c r="J3074" s="3"/>
      <c r="K3074" s="14"/>
      <c r="L3074" s="3"/>
    </row>
    <row r="3075" spans="1:12" ht="16.5" customHeight="1" x14ac:dyDescent="0.3">
      <c r="A3075" s="11"/>
      <c r="B3075" s="11"/>
      <c r="C3075" s="42"/>
      <c r="D3075" s="3"/>
      <c r="E3075" s="3"/>
      <c r="F3075" s="3"/>
      <c r="G3075" s="3"/>
      <c r="H3075" s="3"/>
      <c r="I3075" s="3"/>
      <c r="J3075" s="3"/>
      <c r="K3075" s="14"/>
      <c r="L3075" s="3"/>
    </row>
    <row r="3076" spans="1:12" ht="16.5" customHeight="1" x14ac:dyDescent="0.3">
      <c r="A3076" s="11"/>
      <c r="B3076" s="11"/>
      <c r="C3076" s="42"/>
      <c r="D3076" s="3"/>
      <c r="E3076" s="3"/>
      <c r="F3076" s="3"/>
      <c r="G3076" s="3"/>
      <c r="H3076" s="3"/>
      <c r="I3076" s="3"/>
      <c r="J3076" s="3"/>
      <c r="K3076" s="14"/>
      <c r="L3076" s="3"/>
    </row>
    <row r="3077" spans="1:12" ht="16.5" customHeight="1" x14ac:dyDescent="0.3">
      <c r="A3077" s="11"/>
      <c r="B3077" s="11"/>
      <c r="C3077" s="42"/>
      <c r="D3077" s="3"/>
      <c r="E3077" s="3"/>
      <c r="F3077" s="3"/>
      <c r="G3077" s="3"/>
      <c r="H3077" s="3"/>
      <c r="I3077" s="3"/>
      <c r="J3077" s="3"/>
      <c r="K3077" s="14"/>
      <c r="L3077" s="3"/>
    </row>
    <row r="3078" spans="1:12" ht="16.5" customHeight="1" x14ac:dyDescent="0.3">
      <c r="A3078" s="11"/>
      <c r="B3078" s="11"/>
      <c r="C3078" s="42"/>
      <c r="D3078" s="3"/>
      <c r="E3078" s="3"/>
      <c r="F3078" s="3"/>
      <c r="G3078" s="3"/>
      <c r="H3078" s="3"/>
      <c r="I3078" s="3"/>
      <c r="J3078" s="3"/>
      <c r="K3078" s="14"/>
      <c r="L3078" s="3"/>
    </row>
    <row r="3079" spans="1:12" ht="16.5" customHeight="1" x14ac:dyDescent="0.3">
      <c r="A3079" s="11"/>
      <c r="B3079" s="11"/>
      <c r="C3079" s="42"/>
      <c r="D3079" s="3"/>
      <c r="E3079" s="3"/>
      <c r="F3079" s="3"/>
      <c r="G3079" s="3"/>
      <c r="H3079" s="3"/>
      <c r="I3079" s="3"/>
      <c r="J3079" s="3"/>
      <c r="K3079" s="14"/>
      <c r="L3079" s="3"/>
    </row>
    <row r="3080" spans="1:12" ht="16.5" customHeight="1" x14ac:dyDescent="0.3">
      <c r="A3080" s="11"/>
      <c r="B3080" s="11"/>
      <c r="C3080" s="42"/>
      <c r="D3080" s="3"/>
      <c r="E3080" s="3"/>
      <c r="F3080" s="3"/>
      <c r="G3080" s="3"/>
      <c r="H3080" s="3"/>
      <c r="I3080" s="3"/>
      <c r="J3080" s="3"/>
      <c r="K3080" s="14"/>
      <c r="L3080" s="3"/>
    </row>
    <row r="3081" spans="1:12" ht="16.5" customHeight="1" x14ac:dyDescent="0.3">
      <c r="A3081" s="11"/>
      <c r="B3081" s="11"/>
      <c r="C3081" s="42"/>
      <c r="D3081" s="3"/>
      <c r="E3081" s="3"/>
      <c r="F3081" s="3"/>
      <c r="G3081" s="3"/>
      <c r="H3081" s="3"/>
      <c r="I3081" s="3"/>
      <c r="J3081" s="3"/>
      <c r="K3081" s="14"/>
      <c r="L3081" s="3"/>
    </row>
    <row r="3082" spans="1:12" ht="16.5" customHeight="1" x14ac:dyDescent="0.3">
      <c r="A3082" s="11"/>
      <c r="B3082" s="11"/>
      <c r="C3082" s="42"/>
      <c r="D3082" s="3"/>
      <c r="E3082" s="3"/>
      <c r="F3082" s="3"/>
      <c r="G3082" s="3"/>
      <c r="H3082" s="3"/>
      <c r="I3082" s="3"/>
      <c r="J3082" s="3"/>
      <c r="K3082" s="14"/>
      <c r="L3082" s="3"/>
    </row>
    <row r="3083" spans="1:12" ht="16.5" customHeight="1" x14ac:dyDescent="0.3">
      <c r="A3083" s="11"/>
      <c r="B3083" s="11"/>
      <c r="C3083" s="42"/>
      <c r="D3083" s="3"/>
      <c r="E3083" s="3"/>
      <c r="F3083" s="3"/>
      <c r="G3083" s="3"/>
      <c r="H3083" s="3"/>
      <c r="I3083" s="3"/>
      <c r="J3083" s="3"/>
      <c r="K3083" s="14"/>
      <c r="L3083" s="3"/>
    </row>
    <row r="3084" spans="1:12" ht="16.5" customHeight="1" x14ac:dyDescent="0.3">
      <c r="A3084" s="11"/>
      <c r="B3084" s="11"/>
      <c r="C3084" s="42"/>
      <c r="D3084" s="3"/>
      <c r="E3084" s="3"/>
      <c r="F3084" s="3"/>
      <c r="G3084" s="3"/>
      <c r="H3084" s="3"/>
      <c r="I3084" s="3"/>
      <c r="J3084" s="3"/>
      <c r="K3084" s="14"/>
      <c r="L3084" s="3"/>
    </row>
    <row r="3085" spans="1:12" ht="16.5" customHeight="1" x14ac:dyDescent="0.3">
      <c r="A3085" s="11"/>
      <c r="B3085" s="11"/>
      <c r="C3085" s="42"/>
      <c r="D3085" s="3"/>
      <c r="E3085" s="3"/>
      <c r="F3085" s="3"/>
      <c r="G3085" s="3"/>
      <c r="H3085" s="3"/>
      <c r="I3085" s="3"/>
      <c r="J3085" s="3"/>
      <c r="K3085" s="14"/>
      <c r="L3085" s="3"/>
    </row>
    <row r="3086" spans="1:12" ht="16.5" customHeight="1" x14ac:dyDescent="0.3">
      <c r="A3086" s="11"/>
      <c r="B3086" s="11"/>
      <c r="C3086" s="42"/>
      <c r="D3086" s="3"/>
      <c r="E3086" s="3"/>
      <c r="F3086" s="3"/>
      <c r="G3086" s="3"/>
      <c r="H3086" s="3"/>
      <c r="I3086" s="3"/>
      <c r="J3086" s="3"/>
      <c r="K3086" s="14"/>
      <c r="L3086" s="3"/>
    </row>
    <row r="3087" spans="1:12" ht="16.5" customHeight="1" x14ac:dyDescent="0.3">
      <c r="A3087" s="11"/>
      <c r="B3087" s="11"/>
      <c r="C3087" s="42"/>
      <c r="D3087" s="3"/>
      <c r="E3087" s="3"/>
      <c r="F3087" s="3"/>
      <c r="G3087" s="3"/>
      <c r="H3087" s="3"/>
      <c r="I3087" s="3"/>
      <c r="J3087" s="3"/>
      <c r="K3087" s="14"/>
      <c r="L3087" s="3"/>
    </row>
    <row r="3088" spans="1:12" ht="16.5" customHeight="1" x14ac:dyDescent="0.3">
      <c r="A3088" s="11"/>
      <c r="B3088" s="11"/>
      <c r="C3088" s="42"/>
      <c r="D3088" s="3"/>
      <c r="E3088" s="3"/>
      <c r="F3088" s="3"/>
      <c r="G3088" s="3"/>
      <c r="H3088" s="3"/>
      <c r="I3088" s="3"/>
      <c r="J3088" s="3"/>
      <c r="K3088" s="14"/>
      <c r="L3088" s="3"/>
    </row>
    <row r="3089" spans="1:12" ht="16.5" customHeight="1" x14ac:dyDescent="0.3">
      <c r="A3089" s="11"/>
      <c r="B3089" s="11"/>
      <c r="C3089" s="42"/>
      <c r="D3089" s="3"/>
      <c r="E3089" s="3"/>
      <c r="F3089" s="3"/>
      <c r="G3089" s="3"/>
      <c r="H3089" s="3"/>
      <c r="I3089" s="3"/>
      <c r="J3089" s="3"/>
      <c r="K3089" s="14"/>
      <c r="L3089" s="3"/>
    </row>
    <row r="3090" spans="1:12" ht="16.5" customHeight="1" x14ac:dyDescent="0.3">
      <c r="A3090" s="11"/>
      <c r="B3090" s="11"/>
      <c r="C3090" s="42"/>
      <c r="D3090" s="3"/>
      <c r="E3090" s="3"/>
      <c r="F3090" s="3"/>
      <c r="G3090" s="3"/>
      <c r="H3090" s="3"/>
      <c r="I3090" s="3"/>
      <c r="J3090" s="3"/>
      <c r="K3090" s="14"/>
      <c r="L3090" s="3"/>
    </row>
    <row r="3091" spans="1:12" ht="16.5" customHeight="1" x14ac:dyDescent="0.3">
      <c r="A3091" s="11"/>
      <c r="B3091" s="11"/>
      <c r="C3091" s="42"/>
      <c r="D3091" s="3"/>
      <c r="E3091" s="3"/>
      <c r="F3091" s="3"/>
      <c r="G3091" s="3"/>
      <c r="H3091" s="3"/>
      <c r="I3091" s="3"/>
      <c r="J3091" s="3"/>
      <c r="K3091" s="14"/>
      <c r="L3091" s="3"/>
    </row>
    <row r="3092" spans="1:12" ht="16.5" customHeight="1" x14ac:dyDescent="0.3">
      <c r="A3092" s="11"/>
      <c r="B3092" s="11"/>
      <c r="C3092" s="42"/>
      <c r="D3092" s="3"/>
      <c r="E3092" s="3"/>
      <c r="F3092" s="3"/>
      <c r="G3092" s="3"/>
      <c r="H3092" s="3"/>
      <c r="I3092" s="3"/>
      <c r="J3092" s="3"/>
      <c r="K3092" s="14"/>
      <c r="L3092" s="3"/>
    </row>
    <row r="3093" spans="1:12" ht="16.5" customHeight="1" x14ac:dyDescent="0.3">
      <c r="A3093" s="11"/>
      <c r="B3093" s="11"/>
      <c r="C3093" s="42"/>
      <c r="D3093" s="3"/>
      <c r="E3093" s="3"/>
      <c r="F3093" s="3"/>
      <c r="G3093" s="3"/>
      <c r="H3093" s="3"/>
      <c r="I3093" s="3"/>
      <c r="J3093" s="3"/>
      <c r="K3093" s="14"/>
      <c r="L3093" s="3"/>
    </row>
    <row r="3094" spans="1:12" ht="16.5" customHeight="1" x14ac:dyDescent="0.3">
      <c r="A3094" s="11"/>
      <c r="B3094" s="11"/>
      <c r="C3094" s="42"/>
      <c r="D3094" s="3"/>
      <c r="E3094" s="3"/>
      <c r="F3094" s="3"/>
      <c r="G3094" s="3"/>
      <c r="H3094" s="3"/>
      <c r="I3094" s="3"/>
      <c r="J3094" s="3"/>
      <c r="K3094" s="14"/>
      <c r="L3094" s="3"/>
    </row>
    <row r="3095" spans="1:12" ht="16.5" customHeight="1" x14ac:dyDescent="0.3">
      <c r="A3095" s="11"/>
      <c r="B3095" s="11"/>
      <c r="C3095" s="42"/>
      <c r="D3095" s="3"/>
      <c r="E3095" s="3"/>
      <c r="F3095" s="3"/>
      <c r="G3095" s="3"/>
      <c r="H3095" s="3"/>
      <c r="I3095" s="3"/>
      <c r="J3095" s="3"/>
      <c r="K3095" s="14"/>
      <c r="L3095" s="3"/>
    </row>
    <row r="3096" spans="1:12" ht="16.5" customHeight="1" x14ac:dyDescent="0.3">
      <c r="A3096" s="11"/>
      <c r="B3096" s="11"/>
      <c r="C3096" s="42"/>
      <c r="D3096" s="3"/>
      <c r="E3096" s="3"/>
      <c r="F3096" s="3"/>
      <c r="G3096" s="3"/>
      <c r="H3096" s="3"/>
      <c r="I3096" s="3"/>
      <c r="J3096" s="3"/>
      <c r="K3096" s="14"/>
      <c r="L3096" s="3"/>
    </row>
    <row r="3097" spans="1:12" ht="16.5" customHeight="1" x14ac:dyDescent="0.3">
      <c r="A3097" s="11"/>
      <c r="B3097" s="11"/>
      <c r="C3097" s="42"/>
      <c r="D3097" s="3"/>
      <c r="E3097" s="3"/>
      <c r="F3097" s="3"/>
      <c r="G3097" s="3"/>
      <c r="H3097" s="3"/>
      <c r="I3097" s="3"/>
      <c r="J3097" s="3"/>
      <c r="K3097" s="14"/>
      <c r="L3097" s="3"/>
    </row>
    <row r="3098" spans="1:12" ht="16.5" customHeight="1" x14ac:dyDescent="0.3">
      <c r="A3098" s="11"/>
      <c r="B3098" s="11"/>
      <c r="C3098" s="42"/>
      <c r="D3098" s="3"/>
      <c r="E3098" s="3"/>
      <c r="F3098" s="3"/>
      <c r="G3098" s="3"/>
      <c r="H3098" s="3"/>
      <c r="I3098" s="3"/>
      <c r="J3098" s="3"/>
      <c r="K3098" s="14"/>
      <c r="L3098" s="3"/>
    </row>
    <row r="3099" spans="1:12" ht="16.5" customHeight="1" x14ac:dyDescent="0.3">
      <c r="A3099" s="11"/>
      <c r="B3099" s="11"/>
      <c r="C3099" s="42"/>
      <c r="D3099" s="3"/>
      <c r="E3099" s="3"/>
      <c r="F3099" s="3"/>
      <c r="G3099" s="3"/>
      <c r="H3099" s="3"/>
      <c r="I3099" s="3"/>
      <c r="J3099" s="3"/>
      <c r="K3099" s="14"/>
      <c r="L3099" s="3"/>
    </row>
    <row r="3100" spans="1:12" ht="16.5" customHeight="1" x14ac:dyDescent="0.3">
      <c r="A3100" s="11"/>
      <c r="B3100" s="11"/>
      <c r="C3100" s="42"/>
      <c r="D3100" s="3"/>
      <c r="E3100" s="3"/>
      <c r="F3100" s="3"/>
      <c r="G3100" s="3"/>
      <c r="H3100" s="3"/>
      <c r="I3100" s="3"/>
      <c r="J3100" s="3"/>
      <c r="K3100" s="14"/>
      <c r="L3100" s="3"/>
    </row>
    <row r="3101" spans="1:12" ht="16.5" customHeight="1" x14ac:dyDescent="0.3">
      <c r="A3101" s="11"/>
      <c r="B3101" s="11"/>
      <c r="C3101" s="42"/>
      <c r="D3101" s="3"/>
      <c r="E3101" s="3"/>
      <c r="F3101" s="3"/>
      <c r="G3101" s="3"/>
      <c r="H3101" s="3"/>
      <c r="I3101" s="3"/>
      <c r="J3101" s="3"/>
      <c r="K3101" s="14"/>
      <c r="L3101" s="3"/>
    </row>
    <row r="3102" spans="1:12" ht="16.5" customHeight="1" x14ac:dyDescent="0.3">
      <c r="A3102" s="11"/>
      <c r="B3102" s="11"/>
      <c r="C3102" s="42"/>
      <c r="D3102" s="3"/>
      <c r="E3102" s="3"/>
      <c r="F3102" s="3"/>
      <c r="G3102" s="3"/>
      <c r="H3102" s="3"/>
      <c r="I3102" s="3"/>
      <c r="J3102" s="3"/>
      <c r="K3102" s="14"/>
      <c r="L3102" s="3"/>
    </row>
    <row r="3103" spans="1:12" ht="16.5" customHeight="1" x14ac:dyDescent="0.3">
      <c r="A3103" s="11"/>
      <c r="B3103" s="11"/>
      <c r="C3103" s="42"/>
      <c r="D3103" s="3"/>
      <c r="E3103" s="3"/>
      <c r="F3103" s="3"/>
      <c r="G3103" s="3"/>
      <c r="H3103" s="3"/>
      <c r="I3103" s="3"/>
      <c r="J3103" s="3"/>
      <c r="K3103" s="14"/>
      <c r="L3103" s="3"/>
    </row>
    <row r="3104" spans="1:12" ht="16.5" customHeight="1" x14ac:dyDescent="0.3">
      <c r="A3104" s="11"/>
      <c r="B3104" s="11"/>
      <c r="C3104" s="42"/>
      <c r="D3104" s="3"/>
      <c r="E3104" s="3"/>
      <c r="F3104" s="3"/>
      <c r="G3104" s="3"/>
      <c r="H3104" s="3"/>
      <c r="I3104" s="3"/>
      <c r="J3104" s="3"/>
      <c r="K3104" s="14"/>
      <c r="L3104" s="3"/>
    </row>
    <row r="3105" spans="1:12" ht="16.5" customHeight="1" x14ac:dyDescent="0.3">
      <c r="A3105" s="11"/>
      <c r="B3105" s="11"/>
      <c r="C3105" s="42"/>
      <c r="D3105" s="3"/>
      <c r="E3105" s="3"/>
      <c r="F3105" s="3"/>
      <c r="G3105" s="3"/>
      <c r="H3105" s="3"/>
      <c r="I3105" s="3"/>
      <c r="J3105" s="3"/>
      <c r="K3105" s="14"/>
      <c r="L3105" s="3"/>
    </row>
    <row r="3106" spans="1:12" ht="16.5" customHeight="1" x14ac:dyDescent="0.3">
      <c r="A3106" s="11"/>
      <c r="B3106" s="11"/>
      <c r="C3106" s="42"/>
      <c r="D3106" s="3"/>
      <c r="E3106" s="3"/>
      <c r="F3106" s="3"/>
      <c r="G3106" s="3"/>
      <c r="H3106" s="3"/>
      <c r="I3106" s="3"/>
      <c r="J3106" s="3"/>
      <c r="K3106" s="14"/>
      <c r="L3106" s="3"/>
    </row>
    <row r="3107" spans="1:12" ht="16.5" customHeight="1" x14ac:dyDescent="0.3">
      <c r="A3107" s="11"/>
      <c r="B3107" s="11"/>
      <c r="C3107" s="42"/>
      <c r="D3107" s="3"/>
      <c r="E3107" s="3"/>
      <c r="F3107" s="3"/>
      <c r="G3107" s="3"/>
      <c r="H3107" s="3"/>
      <c r="I3107" s="3"/>
      <c r="J3107" s="3"/>
      <c r="K3107" s="14"/>
      <c r="L3107" s="3"/>
    </row>
    <row r="3108" spans="1:12" ht="16.5" customHeight="1" x14ac:dyDescent="0.3">
      <c r="A3108" s="11"/>
      <c r="B3108" s="11"/>
      <c r="C3108" s="42"/>
      <c r="D3108" s="3"/>
      <c r="E3108" s="3"/>
      <c r="F3108" s="3"/>
      <c r="G3108" s="3"/>
      <c r="H3108" s="3"/>
      <c r="I3108" s="3"/>
      <c r="J3108" s="3"/>
      <c r="K3108" s="14"/>
      <c r="L3108" s="3"/>
    </row>
    <row r="3109" spans="1:12" ht="16.5" customHeight="1" x14ac:dyDescent="0.3">
      <c r="A3109" s="11"/>
      <c r="B3109" s="11"/>
      <c r="C3109" s="42"/>
      <c r="D3109" s="3"/>
      <c r="E3109" s="3"/>
      <c r="F3109" s="3"/>
      <c r="G3109" s="3"/>
      <c r="H3109" s="3"/>
      <c r="I3109" s="3"/>
      <c r="J3109" s="3"/>
      <c r="K3109" s="14"/>
      <c r="L3109" s="3"/>
    </row>
    <row r="3110" spans="1:12" ht="16.5" customHeight="1" x14ac:dyDescent="0.3">
      <c r="A3110" s="11"/>
      <c r="B3110" s="11"/>
      <c r="C3110" s="42"/>
      <c r="D3110" s="3"/>
      <c r="E3110" s="3"/>
      <c r="F3110" s="3"/>
      <c r="G3110" s="3"/>
      <c r="H3110" s="3"/>
      <c r="I3110" s="3"/>
      <c r="J3110" s="3"/>
      <c r="K3110" s="14"/>
      <c r="L3110" s="3"/>
    </row>
    <row r="3111" spans="1:12" ht="16.5" customHeight="1" x14ac:dyDescent="0.3">
      <c r="A3111" s="11"/>
      <c r="B3111" s="11"/>
      <c r="C3111" s="42"/>
      <c r="D3111" s="3"/>
      <c r="E3111" s="3"/>
      <c r="F3111" s="3"/>
      <c r="G3111" s="3"/>
      <c r="H3111" s="3"/>
      <c r="I3111" s="3"/>
      <c r="J3111" s="3"/>
      <c r="K3111" s="14"/>
      <c r="L3111" s="3"/>
    </row>
    <row r="3112" spans="1:12" ht="16.5" customHeight="1" x14ac:dyDescent="0.3">
      <c r="A3112" s="11"/>
      <c r="B3112" s="11"/>
      <c r="C3112" s="42"/>
      <c r="D3112" s="3"/>
      <c r="E3112" s="3"/>
      <c r="F3112" s="3"/>
      <c r="G3112" s="3"/>
      <c r="H3112" s="3"/>
      <c r="I3112" s="3"/>
      <c r="J3112" s="3"/>
      <c r="K3112" s="14"/>
      <c r="L3112" s="3"/>
    </row>
    <row r="3113" spans="1:12" ht="16.5" customHeight="1" x14ac:dyDescent="0.3">
      <c r="A3113" s="11"/>
      <c r="B3113" s="11"/>
      <c r="C3113" s="42"/>
      <c r="D3113" s="3"/>
      <c r="E3113" s="3"/>
      <c r="F3113" s="3"/>
      <c r="G3113" s="3"/>
      <c r="H3113" s="3"/>
      <c r="I3113" s="3"/>
      <c r="J3113" s="3"/>
      <c r="K3113" s="14"/>
      <c r="L3113" s="3"/>
    </row>
    <row r="3114" spans="1:12" ht="16.5" customHeight="1" x14ac:dyDescent="0.3">
      <c r="A3114" s="11"/>
      <c r="B3114" s="11"/>
      <c r="C3114" s="42"/>
      <c r="D3114" s="3"/>
      <c r="E3114" s="3"/>
      <c r="F3114" s="3"/>
      <c r="G3114" s="3"/>
      <c r="H3114" s="3"/>
      <c r="I3114" s="3"/>
      <c r="J3114" s="3"/>
      <c r="K3114" s="14"/>
      <c r="L3114" s="3"/>
    </row>
    <row r="3115" spans="1:12" ht="16.5" customHeight="1" x14ac:dyDescent="0.3">
      <c r="A3115" s="11"/>
      <c r="B3115" s="11"/>
      <c r="C3115" s="42"/>
      <c r="D3115" s="3"/>
      <c r="E3115" s="3"/>
      <c r="F3115" s="3"/>
      <c r="G3115" s="3"/>
      <c r="H3115" s="3"/>
      <c r="I3115" s="3"/>
      <c r="J3115" s="3"/>
      <c r="K3115" s="14"/>
      <c r="L3115" s="3"/>
    </row>
    <row r="3116" spans="1:12" ht="16.5" customHeight="1" x14ac:dyDescent="0.3">
      <c r="A3116" s="11"/>
      <c r="B3116" s="11"/>
      <c r="C3116" s="42"/>
      <c r="D3116" s="3"/>
      <c r="E3116" s="3"/>
      <c r="F3116" s="3"/>
      <c r="G3116" s="3"/>
      <c r="H3116" s="3"/>
      <c r="I3116" s="3"/>
      <c r="J3116" s="3"/>
      <c r="K3116" s="14"/>
      <c r="L3116" s="3"/>
    </row>
    <row r="3117" spans="1:12" ht="16.5" customHeight="1" x14ac:dyDescent="0.3">
      <c r="A3117" s="11"/>
      <c r="B3117" s="11"/>
      <c r="C3117" s="42"/>
      <c r="D3117" s="3"/>
      <c r="E3117" s="3"/>
      <c r="F3117" s="3"/>
      <c r="G3117" s="3"/>
      <c r="H3117" s="3"/>
      <c r="I3117" s="3"/>
      <c r="J3117" s="3"/>
      <c r="K3117" s="14"/>
      <c r="L3117" s="3"/>
    </row>
    <row r="3118" spans="1:12" ht="16.5" customHeight="1" x14ac:dyDescent="0.3">
      <c r="A3118" s="11"/>
      <c r="B3118" s="11"/>
      <c r="C3118" s="42"/>
      <c r="D3118" s="3"/>
      <c r="E3118" s="3"/>
      <c r="F3118" s="3"/>
      <c r="G3118" s="3"/>
      <c r="H3118" s="3"/>
      <c r="I3118" s="3"/>
      <c r="J3118" s="3"/>
      <c r="K3118" s="14"/>
      <c r="L3118" s="3"/>
    </row>
    <row r="3119" spans="1:12" ht="16.5" customHeight="1" x14ac:dyDescent="0.3">
      <c r="A3119" s="11"/>
      <c r="B3119" s="11"/>
      <c r="C3119" s="42"/>
      <c r="D3119" s="3"/>
      <c r="E3119" s="3"/>
      <c r="F3119" s="3"/>
      <c r="G3119" s="3"/>
      <c r="H3119" s="3"/>
      <c r="I3119" s="3"/>
      <c r="J3119" s="3"/>
      <c r="K3119" s="14"/>
      <c r="L3119" s="3"/>
    </row>
    <row r="3120" spans="1:12" ht="16.5" customHeight="1" x14ac:dyDescent="0.3">
      <c r="A3120" s="11"/>
      <c r="B3120" s="11"/>
      <c r="C3120" s="42"/>
      <c r="D3120" s="3"/>
      <c r="E3120" s="3"/>
      <c r="F3120" s="3"/>
      <c r="G3120" s="3"/>
      <c r="H3120" s="3"/>
      <c r="I3120" s="3"/>
      <c r="J3120" s="3"/>
      <c r="K3120" s="14"/>
      <c r="L3120" s="3"/>
    </row>
    <row r="3121" spans="1:12" ht="16.5" customHeight="1" x14ac:dyDescent="0.3">
      <c r="A3121" s="11"/>
      <c r="B3121" s="11"/>
      <c r="C3121" s="42"/>
      <c r="D3121" s="3"/>
      <c r="E3121" s="3"/>
      <c r="F3121" s="3"/>
      <c r="G3121" s="3"/>
      <c r="H3121" s="3"/>
      <c r="I3121" s="3"/>
      <c r="J3121" s="3"/>
      <c r="K3121" s="14"/>
      <c r="L3121" s="3"/>
    </row>
    <row r="3122" spans="1:12" ht="16.5" customHeight="1" x14ac:dyDescent="0.3">
      <c r="A3122" s="11"/>
      <c r="B3122" s="11"/>
      <c r="C3122" s="42"/>
      <c r="D3122" s="3"/>
      <c r="E3122" s="3"/>
      <c r="F3122" s="3"/>
      <c r="G3122" s="3"/>
      <c r="H3122" s="3"/>
      <c r="I3122" s="3"/>
      <c r="J3122" s="3"/>
      <c r="K3122" s="14"/>
      <c r="L3122" s="3"/>
    </row>
    <row r="3123" spans="1:12" ht="16.5" customHeight="1" x14ac:dyDescent="0.3">
      <c r="A3123" s="11"/>
      <c r="B3123" s="11"/>
      <c r="C3123" s="42"/>
      <c r="D3123" s="3"/>
      <c r="E3123" s="3"/>
      <c r="F3123" s="3"/>
      <c r="G3123" s="3"/>
      <c r="H3123" s="3"/>
      <c r="I3123" s="3"/>
      <c r="J3123" s="3"/>
      <c r="K3123" s="14"/>
      <c r="L3123" s="3"/>
    </row>
    <row r="3124" spans="1:12" ht="16.5" customHeight="1" x14ac:dyDescent="0.3">
      <c r="A3124" s="11"/>
      <c r="B3124" s="11"/>
      <c r="C3124" s="42"/>
      <c r="D3124" s="3"/>
      <c r="E3124" s="3"/>
      <c r="F3124" s="3"/>
      <c r="G3124" s="3"/>
      <c r="H3124" s="3"/>
      <c r="I3124" s="3"/>
      <c r="J3124" s="3"/>
      <c r="K3124" s="14"/>
      <c r="L3124" s="3"/>
    </row>
    <row r="3125" spans="1:12" ht="16.5" customHeight="1" x14ac:dyDescent="0.3">
      <c r="A3125" s="11"/>
      <c r="B3125" s="11"/>
      <c r="C3125" s="42"/>
      <c r="D3125" s="3"/>
      <c r="E3125" s="3"/>
      <c r="F3125" s="3"/>
      <c r="G3125" s="3"/>
      <c r="H3125" s="3"/>
      <c r="I3125" s="3"/>
      <c r="J3125" s="3"/>
      <c r="K3125" s="14"/>
      <c r="L3125" s="3"/>
    </row>
    <row r="3126" spans="1:12" ht="16.5" customHeight="1" x14ac:dyDescent="0.3">
      <c r="A3126" s="11"/>
      <c r="B3126" s="11"/>
      <c r="C3126" s="42"/>
      <c r="D3126" s="3"/>
      <c r="E3126" s="3"/>
      <c r="F3126" s="3"/>
      <c r="G3126" s="3"/>
      <c r="H3126" s="3"/>
      <c r="I3126" s="3"/>
      <c r="J3126" s="3"/>
      <c r="K3126" s="14"/>
      <c r="L3126" s="3"/>
    </row>
    <row r="3127" spans="1:12" ht="16.5" customHeight="1" x14ac:dyDescent="0.3">
      <c r="A3127" s="11"/>
      <c r="B3127" s="11"/>
      <c r="C3127" s="42"/>
      <c r="D3127" s="3"/>
      <c r="E3127" s="3"/>
      <c r="F3127" s="3"/>
      <c r="G3127" s="3"/>
      <c r="H3127" s="3"/>
      <c r="I3127" s="3"/>
      <c r="J3127" s="3"/>
      <c r="K3127" s="14"/>
      <c r="L3127" s="3"/>
    </row>
    <row r="3128" spans="1:12" ht="16.5" customHeight="1" x14ac:dyDescent="0.3">
      <c r="A3128" s="11"/>
      <c r="B3128" s="11"/>
      <c r="C3128" s="42"/>
      <c r="D3128" s="3"/>
      <c r="E3128" s="3"/>
      <c r="F3128" s="3"/>
      <c r="G3128" s="3"/>
      <c r="H3128" s="3"/>
      <c r="I3128" s="3"/>
      <c r="J3128" s="3"/>
      <c r="K3128" s="14"/>
      <c r="L3128" s="3"/>
    </row>
    <row r="3129" spans="1:12" ht="16.5" customHeight="1" x14ac:dyDescent="0.3">
      <c r="A3129" s="11"/>
      <c r="B3129" s="11"/>
      <c r="C3129" s="42"/>
      <c r="D3129" s="3"/>
      <c r="E3129" s="3"/>
      <c r="F3129" s="3"/>
      <c r="G3129" s="3"/>
      <c r="H3129" s="3"/>
      <c r="I3129" s="3"/>
      <c r="J3129" s="3"/>
      <c r="K3129" s="14"/>
      <c r="L3129" s="3"/>
    </row>
    <row r="3130" spans="1:12" ht="16.5" customHeight="1" x14ac:dyDescent="0.3">
      <c r="A3130" s="11"/>
      <c r="B3130" s="11"/>
      <c r="C3130" s="42"/>
      <c r="D3130" s="3"/>
      <c r="E3130" s="3"/>
      <c r="F3130" s="3"/>
      <c r="G3130" s="3"/>
      <c r="H3130" s="3"/>
      <c r="I3130" s="3"/>
      <c r="J3130" s="3"/>
      <c r="K3130" s="14"/>
      <c r="L3130" s="3"/>
    </row>
    <row r="3131" spans="1:12" ht="16.5" customHeight="1" x14ac:dyDescent="0.3">
      <c r="A3131" s="11"/>
      <c r="B3131" s="11"/>
      <c r="C3131" s="42"/>
      <c r="D3131" s="3"/>
      <c r="E3131" s="3"/>
      <c r="F3131" s="3"/>
      <c r="G3131" s="3"/>
      <c r="H3131" s="3"/>
      <c r="I3131" s="3"/>
      <c r="J3131" s="3"/>
      <c r="K3131" s="14"/>
      <c r="L3131" s="3"/>
    </row>
    <row r="3132" spans="1:12" ht="16.5" customHeight="1" x14ac:dyDescent="0.3">
      <c r="A3132" s="11"/>
      <c r="B3132" s="11"/>
      <c r="C3132" s="42"/>
      <c r="D3132" s="3"/>
      <c r="E3132" s="3"/>
      <c r="F3132" s="3"/>
      <c r="G3132" s="3"/>
      <c r="H3132" s="3"/>
      <c r="I3132" s="3"/>
      <c r="J3132" s="3"/>
      <c r="K3132" s="14"/>
      <c r="L3132" s="3"/>
    </row>
    <row r="3133" spans="1:12" ht="16.5" customHeight="1" x14ac:dyDescent="0.3">
      <c r="A3133" s="11"/>
      <c r="B3133" s="11"/>
      <c r="C3133" s="42"/>
      <c r="D3133" s="3"/>
      <c r="E3133" s="3"/>
      <c r="F3133" s="3"/>
      <c r="G3133" s="3"/>
      <c r="H3133" s="3"/>
      <c r="I3133" s="3"/>
      <c r="J3133" s="3"/>
      <c r="K3133" s="14"/>
      <c r="L3133" s="3"/>
    </row>
    <row r="3134" spans="1:12" ht="16.5" customHeight="1" x14ac:dyDescent="0.3">
      <c r="A3134" s="11"/>
      <c r="B3134" s="11"/>
      <c r="C3134" s="42"/>
      <c r="D3134" s="3"/>
      <c r="E3134" s="3"/>
      <c r="F3134" s="3"/>
      <c r="G3134" s="3"/>
      <c r="H3134" s="3"/>
      <c r="I3134" s="3"/>
      <c r="J3134" s="3"/>
      <c r="K3134" s="14"/>
      <c r="L3134" s="3"/>
    </row>
    <row r="3135" spans="1:12" ht="16.5" customHeight="1" x14ac:dyDescent="0.3">
      <c r="A3135" s="11"/>
      <c r="B3135" s="11"/>
      <c r="C3135" s="42"/>
      <c r="D3135" s="3"/>
      <c r="E3135" s="3"/>
      <c r="F3135" s="3"/>
      <c r="G3135" s="3"/>
      <c r="H3135" s="3"/>
      <c r="I3135" s="3"/>
      <c r="J3135" s="3"/>
      <c r="K3135" s="14"/>
      <c r="L3135" s="3"/>
    </row>
    <row r="3136" spans="1:12" ht="16.5" customHeight="1" x14ac:dyDescent="0.3">
      <c r="A3136" s="11"/>
      <c r="B3136" s="11"/>
      <c r="C3136" s="42"/>
      <c r="D3136" s="3"/>
      <c r="E3136" s="3"/>
      <c r="F3136" s="3"/>
      <c r="G3136" s="3"/>
      <c r="H3136" s="3"/>
      <c r="I3136" s="3"/>
      <c r="J3136" s="3"/>
      <c r="K3136" s="14"/>
      <c r="L3136" s="3"/>
    </row>
    <row r="3137" spans="1:12" ht="16.5" customHeight="1" x14ac:dyDescent="0.3">
      <c r="A3137" s="11"/>
      <c r="B3137" s="11"/>
      <c r="C3137" s="42"/>
      <c r="D3137" s="3"/>
      <c r="E3137" s="3"/>
      <c r="F3137" s="3"/>
      <c r="G3137" s="3"/>
      <c r="H3137" s="3"/>
      <c r="I3137" s="3"/>
      <c r="J3137" s="3"/>
      <c r="K3137" s="14"/>
      <c r="L3137" s="3"/>
    </row>
    <row r="3138" spans="1:12" ht="16.5" customHeight="1" x14ac:dyDescent="0.3">
      <c r="A3138" s="11"/>
      <c r="B3138" s="11"/>
      <c r="C3138" s="42"/>
      <c r="D3138" s="3"/>
      <c r="E3138" s="3"/>
      <c r="F3138" s="3"/>
      <c r="G3138" s="3"/>
      <c r="H3138" s="3"/>
      <c r="I3138" s="3"/>
      <c r="J3138" s="3"/>
      <c r="K3138" s="14"/>
      <c r="L3138" s="3"/>
    </row>
    <row r="3139" spans="1:12" ht="16.5" customHeight="1" x14ac:dyDescent="0.3">
      <c r="A3139" s="11"/>
      <c r="B3139" s="11"/>
      <c r="C3139" s="42"/>
      <c r="D3139" s="3"/>
      <c r="E3139" s="3"/>
      <c r="F3139" s="3"/>
      <c r="G3139" s="3"/>
      <c r="H3139" s="3"/>
      <c r="I3139" s="3"/>
      <c r="J3139" s="3"/>
      <c r="K3139" s="14"/>
      <c r="L3139" s="3"/>
    </row>
    <row r="3140" spans="1:12" ht="16.5" customHeight="1" x14ac:dyDescent="0.3">
      <c r="A3140" s="11"/>
      <c r="B3140" s="11"/>
      <c r="C3140" s="42"/>
      <c r="D3140" s="3"/>
      <c r="E3140" s="3"/>
      <c r="F3140" s="3"/>
      <c r="G3140" s="3"/>
      <c r="H3140" s="3"/>
      <c r="I3140" s="3"/>
      <c r="J3140" s="3"/>
      <c r="K3140" s="14"/>
      <c r="L3140" s="3"/>
    </row>
    <row r="3141" spans="1:12" ht="16.5" customHeight="1" x14ac:dyDescent="0.3">
      <c r="A3141" s="11"/>
      <c r="B3141" s="11"/>
      <c r="C3141" s="42"/>
      <c r="D3141" s="3"/>
      <c r="E3141" s="3"/>
      <c r="F3141" s="3"/>
      <c r="G3141" s="3"/>
      <c r="H3141" s="3"/>
      <c r="I3141" s="3"/>
      <c r="J3141" s="3"/>
      <c r="K3141" s="14"/>
      <c r="L3141" s="3"/>
    </row>
    <row r="3142" spans="1:12" ht="16.5" customHeight="1" x14ac:dyDescent="0.3">
      <c r="A3142" s="11"/>
      <c r="B3142" s="11"/>
      <c r="C3142" s="42"/>
      <c r="D3142" s="3"/>
      <c r="E3142" s="3"/>
      <c r="F3142" s="3"/>
      <c r="G3142" s="3"/>
      <c r="H3142" s="3"/>
      <c r="I3142" s="3"/>
      <c r="J3142" s="3"/>
      <c r="K3142" s="14"/>
      <c r="L3142" s="3"/>
    </row>
    <row r="3143" spans="1:12" ht="16.5" customHeight="1" x14ac:dyDescent="0.3">
      <c r="A3143" s="11"/>
      <c r="B3143" s="11"/>
      <c r="C3143" s="42"/>
      <c r="D3143" s="3"/>
      <c r="E3143" s="3"/>
      <c r="F3143" s="3"/>
      <c r="G3143" s="3"/>
      <c r="H3143" s="3"/>
      <c r="I3143" s="3"/>
      <c r="J3143" s="3"/>
      <c r="K3143" s="14"/>
      <c r="L3143" s="3"/>
    </row>
    <row r="3144" spans="1:12" ht="16.5" customHeight="1" x14ac:dyDescent="0.3">
      <c r="A3144" s="11"/>
      <c r="B3144" s="11"/>
      <c r="C3144" s="42"/>
      <c r="D3144" s="3"/>
      <c r="E3144" s="3"/>
      <c r="F3144" s="3"/>
      <c r="G3144" s="3"/>
      <c r="H3144" s="3"/>
      <c r="I3144" s="3"/>
      <c r="J3144" s="3"/>
      <c r="K3144" s="14"/>
      <c r="L3144" s="3"/>
    </row>
    <row r="3145" spans="1:12" ht="16.5" customHeight="1" x14ac:dyDescent="0.3">
      <c r="A3145" s="11"/>
      <c r="B3145" s="11"/>
      <c r="C3145" s="42"/>
      <c r="D3145" s="3"/>
      <c r="E3145" s="3"/>
      <c r="F3145" s="3"/>
      <c r="G3145" s="3"/>
      <c r="H3145" s="3"/>
      <c r="I3145" s="3"/>
      <c r="J3145" s="3"/>
      <c r="K3145" s="14"/>
      <c r="L3145" s="3"/>
    </row>
    <row r="3146" spans="1:12" ht="16.5" customHeight="1" x14ac:dyDescent="0.3">
      <c r="A3146" s="11"/>
      <c r="B3146" s="11"/>
      <c r="C3146" s="42"/>
      <c r="D3146" s="3"/>
      <c r="E3146" s="3"/>
      <c r="F3146" s="3"/>
      <c r="G3146" s="3"/>
      <c r="H3146" s="3"/>
      <c r="I3146" s="3"/>
      <c r="J3146" s="3"/>
      <c r="K3146" s="14"/>
      <c r="L3146" s="3"/>
    </row>
    <row r="3147" spans="1:12" ht="16.5" customHeight="1" x14ac:dyDescent="0.3">
      <c r="A3147" s="11"/>
      <c r="B3147" s="11"/>
      <c r="C3147" s="42"/>
      <c r="D3147" s="3"/>
      <c r="E3147" s="3"/>
      <c r="F3147" s="3"/>
      <c r="G3147" s="3"/>
      <c r="H3147" s="3"/>
      <c r="I3147" s="3"/>
      <c r="J3147" s="3"/>
      <c r="K3147" s="14"/>
      <c r="L3147" s="3"/>
    </row>
    <row r="3148" spans="1:12" ht="16.5" customHeight="1" x14ac:dyDescent="0.3">
      <c r="A3148" s="11"/>
      <c r="B3148" s="11"/>
      <c r="C3148" s="42"/>
      <c r="D3148" s="3"/>
      <c r="E3148" s="3"/>
      <c r="F3148" s="3"/>
      <c r="G3148" s="3"/>
      <c r="H3148" s="3"/>
      <c r="I3148" s="3"/>
      <c r="J3148" s="3"/>
      <c r="K3148" s="14"/>
      <c r="L3148" s="3"/>
    </row>
    <row r="3149" spans="1:12" ht="16.5" customHeight="1" x14ac:dyDescent="0.3">
      <c r="A3149" s="11"/>
      <c r="B3149" s="11"/>
      <c r="C3149" s="42"/>
      <c r="D3149" s="3"/>
      <c r="E3149" s="3"/>
      <c r="F3149" s="3"/>
      <c r="G3149" s="3"/>
      <c r="H3149" s="3"/>
      <c r="I3149" s="3"/>
      <c r="J3149" s="3"/>
      <c r="K3149" s="14"/>
      <c r="L3149" s="3"/>
    </row>
    <row r="3150" spans="1:12" ht="16.5" customHeight="1" x14ac:dyDescent="0.3">
      <c r="A3150" s="11"/>
      <c r="B3150" s="11"/>
      <c r="C3150" s="42"/>
      <c r="D3150" s="3"/>
      <c r="E3150" s="3"/>
      <c r="F3150" s="3"/>
      <c r="G3150" s="3"/>
      <c r="H3150" s="3"/>
      <c r="I3150" s="3"/>
      <c r="J3150" s="3"/>
      <c r="K3150" s="14"/>
      <c r="L3150" s="3"/>
    </row>
    <row r="3151" spans="1:12" ht="16.5" customHeight="1" x14ac:dyDescent="0.3">
      <c r="A3151" s="11"/>
      <c r="B3151" s="11"/>
      <c r="C3151" s="42"/>
      <c r="D3151" s="3"/>
      <c r="E3151" s="3"/>
      <c r="F3151" s="3"/>
      <c r="G3151" s="3"/>
      <c r="H3151" s="3"/>
      <c r="I3151" s="3"/>
      <c r="J3151" s="3"/>
      <c r="K3151" s="14"/>
      <c r="L3151" s="3"/>
    </row>
    <row r="3152" spans="1:12" ht="16.5" customHeight="1" x14ac:dyDescent="0.3">
      <c r="A3152" s="11"/>
      <c r="B3152" s="11"/>
      <c r="C3152" s="42"/>
      <c r="D3152" s="3"/>
      <c r="E3152" s="3"/>
      <c r="F3152" s="3"/>
      <c r="G3152" s="3"/>
      <c r="H3152" s="3"/>
      <c r="I3152" s="3"/>
      <c r="J3152" s="3"/>
      <c r="K3152" s="14"/>
      <c r="L3152" s="3"/>
    </row>
    <row r="3153" spans="1:12" ht="16.5" customHeight="1" x14ac:dyDescent="0.3">
      <c r="A3153" s="11"/>
      <c r="B3153" s="11"/>
      <c r="C3153" s="42"/>
      <c r="D3153" s="3"/>
      <c r="E3153" s="3"/>
      <c r="F3153" s="3"/>
      <c r="G3153" s="3"/>
      <c r="H3153" s="3"/>
      <c r="I3153" s="3"/>
      <c r="J3153" s="3"/>
      <c r="K3153" s="14"/>
      <c r="L3153" s="3"/>
    </row>
    <row r="3154" spans="1:12" ht="16.5" customHeight="1" x14ac:dyDescent="0.3">
      <c r="A3154" s="11"/>
      <c r="B3154" s="11"/>
      <c r="C3154" s="42"/>
      <c r="D3154" s="3"/>
      <c r="E3154" s="3"/>
      <c r="F3154" s="3"/>
      <c r="G3154" s="3"/>
      <c r="H3154" s="3"/>
      <c r="I3154" s="3"/>
      <c r="J3154" s="3"/>
      <c r="K3154" s="14"/>
      <c r="L3154" s="3"/>
    </row>
    <row r="3155" spans="1:12" ht="16.5" customHeight="1" x14ac:dyDescent="0.3">
      <c r="A3155" s="11"/>
      <c r="B3155" s="11"/>
      <c r="C3155" s="42"/>
      <c r="D3155" s="3"/>
      <c r="E3155" s="3"/>
      <c r="F3155" s="3"/>
      <c r="G3155" s="3"/>
      <c r="H3155" s="3"/>
      <c r="I3155" s="3"/>
      <c r="J3155" s="3"/>
      <c r="K3155" s="14"/>
      <c r="L3155" s="3"/>
    </row>
    <row r="3156" spans="1:12" ht="16.5" customHeight="1" x14ac:dyDescent="0.3">
      <c r="A3156" s="11"/>
      <c r="B3156" s="11"/>
      <c r="C3156" s="42"/>
      <c r="D3156" s="3"/>
      <c r="E3156" s="3"/>
      <c r="F3156" s="3"/>
      <c r="G3156" s="3"/>
      <c r="H3156" s="3"/>
      <c r="I3156" s="3"/>
      <c r="J3156" s="3"/>
      <c r="K3156" s="14"/>
      <c r="L3156" s="3"/>
    </row>
    <row r="3157" spans="1:12" ht="16.5" customHeight="1" x14ac:dyDescent="0.3">
      <c r="A3157" s="11"/>
      <c r="B3157" s="11"/>
      <c r="C3157" s="42"/>
      <c r="D3157" s="3"/>
      <c r="E3157" s="3"/>
      <c r="F3157" s="3"/>
      <c r="G3157" s="3"/>
      <c r="H3157" s="3"/>
      <c r="I3157" s="3"/>
      <c r="J3157" s="3"/>
      <c r="K3157" s="14"/>
      <c r="L3157" s="3"/>
    </row>
    <row r="3158" spans="1:12" ht="16.5" customHeight="1" x14ac:dyDescent="0.3">
      <c r="A3158" s="11"/>
      <c r="B3158" s="11"/>
      <c r="C3158" s="42"/>
      <c r="D3158" s="3"/>
      <c r="E3158" s="3"/>
      <c r="F3158" s="3"/>
      <c r="G3158" s="3"/>
      <c r="H3158" s="3"/>
      <c r="I3158" s="3"/>
      <c r="J3158" s="3"/>
      <c r="K3158" s="14"/>
      <c r="L3158" s="3"/>
    </row>
    <row r="3159" spans="1:12" ht="16.5" customHeight="1" x14ac:dyDescent="0.3">
      <c r="A3159" s="11"/>
      <c r="B3159" s="11"/>
      <c r="C3159" s="42"/>
      <c r="D3159" s="3"/>
      <c r="E3159" s="3"/>
      <c r="F3159" s="3"/>
      <c r="G3159" s="3"/>
      <c r="H3159" s="3"/>
      <c r="I3159" s="3"/>
      <c r="J3159" s="3"/>
      <c r="K3159" s="14"/>
      <c r="L3159" s="3"/>
    </row>
    <row r="3160" spans="1:12" ht="16.5" customHeight="1" x14ac:dyDescent="0.3">
      <c r="A3160" s="11"/>
      <c r="B3160" s="11"/>
      <c r="C3160" s="42"/>
      <c r="D3160" s="3"/>
      <c r="E3160" s="3"/>
      <c r="F3160" s="3"/>
      <c r="G3160" s="3"/>
      <c r="H3160" s="3"/>
      <c r="I3160" s="3"/>
      <c r="J3160" s="3"/>
      <c r="K3160" s="14"/>
      <c r="L3160" s="3"/>
    </row>
    <row r="3161" spans="1:12" ht="16.5" customHeight="1" x14ac:dyDescent="0.3">
      <c r="A3161" s="11"/>
      <c r="B3161" s="11"/>
      <c r="C3161" s="42"/>
      <c r="D3161" s="3"/>
      <c r="E3161" s="3"/>
      <c r="F3161" s="3"/>
      <c r="G3161" s="3"/>
      <c r="H3161" s="3"/>
      <c r="I3161" s="3"/>
      <c r="J3161" s="3"/>
      <c r="K3161" s="14"/>
      <c r="L3161" s="3"/>
    </row>
    <row r="3162" spans="1:12" ht="16.5" customHeight="1" x14ac:dyDescent="0.3">
      <c r="A3162" s="11"/>
      <c r="B3162" s="11"/>
      <c r="C3162" s="42"/>
      <c r="D3162" s="3"/>
      <c r="E3162" s="3"/>
      <c r="F3162" s="3"/>
      <c r="G3162" s="3"/>
      <c r="H3162" s="3"/>
      <c r="I3162" s="3"/>
      <c r="J3162" s="3"/>
      <c r="K3162" s="14"/>
      <c r="L3162" s="3"/>
    </row>
    <row r="3163" spans="1:12" ht="16.5" customHeight="1" x14ac:dyDescent="0.3">
      <c r="A3163" s="11"/>
      <c r="B3163" s="11"/>
      <c r="C3163" s="42"/>
      <c r="D3163" s="3"/>
      <c r="E3163" s="3"/>
      <c r="F3163" s="3"/>
      <c r="G3163" s="3"/>
      <c r="H3163" s="3"/>
      <c r="I3163" s="3"/>
      <c r="J3163" s="3"/>
      <c r="K3163" s="14"/>
      <c r="L3163" s="3"/>
    </row>
    <row r="3164" spans="1:12" ht="16.5" customHeight="1" x14ac:dyDescent="0.3">
      <c r="A3164" s="11"/>
      <c r="B3164" s="11"/>
      <c r="C3164" s="42"/>
      <c r="D3164" s="3"/>
      <c r="E3164" s="3"/>
      <c r="F3164" s="3"/>
      <c r="G3164" s="3"/>
      <c r="H3164" s="3"/>
      <c r="I3164" s="3"/>
      <c r="J3164" s="3"/>
      <c r="K3164" s="14"/>
      <c r="L3164" s="3"/>
    </row>
    <row r="3165" spans="1:12" ht="16.5" customHeight="1" x14ac:dyDescent="0.3">
      <c r="A3165" s="11"/>
      <c r="B3165" s="11"/>
      <c r="C3165" s="42"/>
      <c r="D3165" s="3"/>
      <c r="E3165" s="3"/>
      <c r="F3165" s="3"/>
      <c r="G3165" s="3"/>
      <c r="H3165" s="3"/>
      <c r="I3165" s="3"/>
      <c r="J3165" s="3"/>
      <c r="K3165" s="14"/>
      <c r="L3165" s="3"/>
    </row>
    <row r="3166" spans="1:12" ht="16.5" customHeight="1" x14ac:dyDescent="0.3">
      <c r="A3166" s="11"/>
      <c r="B3166" s="11"/>
      <c r="C3166" s="42"/>
      <c r="D3166" s="3"/>
      <c r="E3166" s="3"/>
      <c r="F3166" s="3"/>
      <c r="G3166" s="3"/>
      <c r="H3166" s="3"/>
      <c r="I3166" s="3"/>
      <c r="J3166" s="3"/>
      <c r="K3166" s="14"/>
      <c r="L3166" s="3"/>
    </row>
    <row r="3167" spans="1:12" ht="16.5" customHeight="1" x14ac:dyDescent="0.3">
      <c r="A3167" s="11"/>
      <c r="B3167" s="11"/>
      <c r="C3167" s="42"/>
      <c r="D3167" s="3"/>
      <c r="E3167" s="3"/>
      <c r="F3167" s="3"/>
      <c r="G3167" s="3"/>
      <c r="H3167" s="3"/>
      <c r="I3167" s="3"/>
      <c r="J3167" s="3"/>
      <c r="K3167" s="14"/>
      <c r="L3167" s="3"/>
    </row>
    <row r="3168" spans="1:12" ht="16.5" customHeight="1" x14ac:dyDescent="0.3">
      <c r="A3168" s="11"/>
      <c r="B3168" s="11"/>
      <c r="C3168" s="42"/>
      <c r="D3168" s="3"/>
      <c r="E3168" s="3"/>
      <c r="F3168" s="3"/>
      <c r="G3168" s="3"/>
      <c r="H3168" s="3"/>
      <c r="I3168" s="3"/>
      <c r="J3168" s="3"/>
      <c r="K3168" s="14"/>
      <c r="L3168" s="3"/>
    </row>
    <row r="3169" spans="1:12" ht="16.5" customHeight="1" x14ac:dyDescent="0.3">
      <c r="A3169" s="11"/>
      <c r="B3169" s="11"/>
      <c r="C3169" s="42"/>
      <c r="D3169" s="3"/>
      <c r="E3169" s="3"/>
      <c r="F3169" s="3"/>
      <c r="G3169" s="3"/>
      <c r="H3169" s="3"/>
      <c r="I3169" s="3"/>
      <c r="J3169" s="3"/>
      <c r="K3169" s="14"/>
      <c r="L3169" s="3"/>
    </row>
    <row r="3170" spans="1:12" ht="16.5" customHeight="1" x14ac:dyDescent="0.3">
      <c r="A3170" s="11"/>
      <c r="B3170" s="11"/>
      <c r="C3170" s="42"/>
      <c r="D3170" s="3"/>
      <c r="E3170" s="3"/>
      <c r="F3170" s="3"/>
      <c r="G3170" s="3"/>
      <c r="H3170" s="3"/>
      <c r="I3170" s="3"/>
      <c r="J3170" s="3"/>
      <c r="K3170" s="14"/>
      <c r="L3170" s="3"/>
    </row>
    <row r="3171" spans="1:12" ht="16.5" customHeight="1" x14ac:dyDescent="0.3">
      <c r="A3171" s="11"/>
      <c r="B3171" s="11"/>
      <c r="C3171" s="42"/>
      <c r="D3171" s="3"/>
      <c r="E3171" s="3"/>
      <c r="F3171" s="3"/>
      <c r="G3171" s="3"/>
      <c r="H3171" s="3"/>
      <c r="I3171" s="3"/>
      <c r="J3171" s="3"/>
      <c r="K3171" s="14"/>
      <c r="L3171" s="3"/>
    </row>
    <row r="3172" spans="1:12" ht="16.5" customHeight="1" x14ac:dyDescent="0.3">
      <c r="A3172" s="11"/>
      <c r="B3172" s="11"/>
      <c r="C3172" s="42"/>
      <c r="D3172" s="3"/>
      <c r="E3172" s="3"/>
      <c r="F3172" s="3"/>
      <c r="G3172" s="3"/>
      <c r="H3172" s="3"/>
      <c r="I3172" s="3"/>
      <c r="J3172" s="3"/>
      <c r="K3172" s="14"/>
      <c r="L3172" s="3"/>
    </row>
    <row r="3173" spans="1:12" ht="16.5" customHeight="1" x14ac:dyDescent="0.3">
      <c r="A3173" s="11"/>
      <c r="B3173" s="11"/>
      <c r="C3173" s="42"/>
      <c r="D3173" s="3"/>
      <c r="E3173" s="3"/>
      <c r="F3173" s="3"/>
      <c r="G3173" s="3"/>
      <c r="H3173" s="3"/>
      <c r="I3173" s="3"/>
      <c r="J3173" s="3"/>
      <c r="K3173" s="14"/>
      <c r="L3173" s="3"/>
    </row>
    <row r="3174" spans="1:12" ht="16.5" customHeight="1" x14ac:dyDescent="0.3">
      <c r="A3174" s="11"/>
      <c r="B3174" s="11"/>
      <c r="C3174" s="42"/>
      <c r="D3174" s="3"/>
      <c r="E3174" s="3"/>
      <c r="F3174" s="3"/>
      <c r="G3174" s="3"/>
      <c r="H3174" s="3"/>
      <c r="I3174" s="3"/>
      <c r="J3174" s="3"/>
      <c r="K3174" s="14"/>
      <c r="L3174" s="3"/>
    </row>
    <row r="3175" spans="1:12" ht="16.5" customHeight="1" x14ac:dyDescent="0.3">
      <c r="A3175" s="11"/>
      <c r="B3175" s="11"/>
      <c r="C3175" s="42"/>
      <c r="D3175" s="3"/>
      <c r="E3175" s="3"/>
      <c r="F3175" s="3"/>
      <c r="G3175" s="3"/>
      <c r="H3175" s="3"/>
      <c r="I3175" s="3"/>
      <c r="J3175" s="3"/>
      <c r="K3175" s="14"/>
      <c r="L3175" s="3"/>
    </row>
    <row r="3176" spans="1:12" ht="16.5" customHeight="1" x14ac:dyDescent="0.3">
      <c r="A3176" s="11"/>
      <c r="B3176" s="11"/>
      <c r="C3176" s="42"/>
      <c r="D3176" s="3"/>
      <c r="E3176" s="3"/>
      <c r="F3176" s="3"/>
      <c r="G3176" s="3"/>
      <c r="H3176" s="3"/>
      <c r="I3176" s="3"/>
      <c r="J3176" s="3"/>
      <c r="K3176" s="14"/>
      <c r="L3176" s="3"/>
    </row>
    <row r="3177" spans="1:12" ht="16.5" customHeight="1" x14ac:dyDescent="0.3">
      <c r="A3177" s="11"/>
      <c r="B3177" s="11"/>
      <c r="C3177" s="42"/>
      <c r="D3177" s="3"/>
      <c r="E3177" s="3"/>
      <c r="F3177" s="3"/>
      <c r="G3177" s="3"/>
      <c r="H3177" s="3"/>
      <c r="I3177" s="3"/>
      <c r="J3177" s="3"/>
      <c r="K3177" s="14"/>
      <c r="L3177" s="3"/>
    </row>
    <row r="3178" spans="1:12" ht="16.5" customHeight="1" x14ac:dyDescent="0.3">
      <c r="A3178" s="11"/>
      <c r="B3178" s="11"/>
      <c r="C3178" s="42"/>
      <c r="D3178" s="3"/>
      <c r="E3178" s="3"/>
      <c r="F3178" s="3"/>
      <c r="G3178" s="3"/>
      <c r="H3178" s="3"/>
      <c r="I3178" s="3"/>
      <c r="J3178" s="3"/>
      <c r="K3178" s="14"/>
      <c r="L3178" s="3"/>
    </row>
    <row r="3179" spans="1:12" ht="16.5" customHeight="1" x14ac:dyDescent="0.3">
      <c r="A3179" s="11"/>
      <c r="B3179" s="11"/>
      <c r="C3179" s="42"/>
      <c r="D3179" s="3"/>
      <c r="E3179" s="3"/>
      <c r="F3179" s="3"/>
      <c r="G3179" s="3"/>
      <c r="H3179" s="3"/>
      <c r="I3179" s="3"/>
      <c r="J3179" s="3"/>
      <c r="K3179" s="14"/>
      <c r="L3179" s="3"/>
    </row>
    <row r="3180" spans="1:12" ht="16.5" customHeight="1" x14ac:dyDescent="0.3">
      <c r="A3180" s="11"/>
      <c r="B3180" s="11"/>
      <c r="C3180" s="42"/>
      <c r="D3180" s="3"/>
      <c r="E3180" s="3"/>
      <c r="F3180" s="3"/>
      <c r="G3180" s="3"/>
      <c r="H3180" s="3"/>
      <c r="I3180" s="3"/>
      <c r="J3180" s="3"/>
      <c r="K3180" s="14"/>
      <c r="L3180" s="3"/>
    </row>
    <row r="3181" spans="1:12" ht="16.5" customHeight="1" x14ac:dyDescent="0.3">
      <c r="A3181" s="11"/>
      <c r="B3181" s="11"/>
      <c r="C3181" s="42"/>
      <c r="D3181" s="3"/>
      <c r="E3181" s="3"/>
      <c r="F3181" s="3"/>
      <c r="G3181" s="3"/>
      <c r="H3181" s="3"/>
      <c r="I3181" s="3"/>
      <c r="J3181" s="3"/>
      <c r="K3181" s="14"/>
      <c r="L3181" s="3"/>
    </row>
    <row r="3182" spans="1:12" ht="16.5" customHeight="1" x14ac:dyDescent="0.3">
      <c r="A3182" s="11"/>
      <c r="B3182" s="11"/>
      <c r="C3182" s="42"/>
      <c r="D3182" s="3"/>
      <c r="E3182" s="3"/>
      <c r="F3182" s="3"/>
      <c r="G3182" s="3"/>
      <c r="H3182" s="3"/>
      <c r="I3182" s="3"/>
      <c r="J3182" s="3"/>
      <c r="K3182" s="14"/>
      <c r="L3182" s="3"/>
    </row>
    <row r="3183" spans="1:12" ht="16.5" customHeight="1" x14ac:dyDescent="0.3">
      <c r="A3183" s="11"/>
      <c r="B3183" s="11"/>
      <c r="C3183" s="42"/>
      <c r="D3183" s="3"/>
      <c r="E3183" s="3"/>
      <c r="F3183" s="3"/>
      <c r="G3183" s="3"/>
      <c r="H3183" s="3"/>
      <c r="I3183" s="3"/>
      <c r="J3183" s="3"/>
      <c r="K3183" s="14"/>
      <c r="L3183" s="3"/>
    </row>
    <row r="3184" spans="1:12" ht="16.5" customHeight="1" x14ac:dyDescent="0.3">
      <c r="A3184" s="11"/>
      <c r="B3184" s="11"/>
      <c r="C3184" s="42"/>
      <c r="D3184" s="3"/>
      <c r="E3184" s="3"/>
      <c r="F3184" s="3"/>
      <c r="G3184" s="3"/>
      <c r="H3184" s="3"/>
      <c r="I3184" s="3"/>
      <c r="J3184" s="3"/>
      <c r="K3184" s="14"/>
      <c r="L3184" s="3"/>
    </row>
    <row r="3185" spans="1:12" ht="16.5" customHeight="1" x14ac:dyDescent="0.3">
      <c r="A3185" s="11"/>
      <c r="B3185" s="11"/>
      <c r="C3185" s="42"/>
      <c r="D3185" s="3"/>
      <c r="E3185" s="3"/>
      <c r="F3185" s="3"/>
      <c r="G3185" s="3"/>
      <c r="H3185" s="3"/>
      <c r="I3185" s="3"/>
      <c r="J3185" s="3"/>
      <c r="K3185" s="14"/>
      <c r="L3185" s="3"/>
    </row>
    <row r="3186" spans="1:12" ht="16.5" customHeight="1" x14ac:dyDescent="0.3">
      <c r="A3186" s="11"/>
      <c r="B3186" s="11"/>
      <c r="C3186" s="42"/>
      <c r="D3186" s="3"/>
      <c r="E3186" s="3"/>
      <c r="F3186" s="3"/>
      <c r="G3186" s="3"/>
      <c r="H3186" s="3"/>
      <c r="I3186" s="3"/>
      <c r="J3186" s="3"/>
      <c r="K3186" s="14"/>
      <c r="L3186" s="3"/>
    </row>
    <row r="3187" spans="1:12" ht="16.5" customHeight="1" x14ac:dyDescent="0.3">
      <c r="A3187" s="11"/>
      <c r="B3187" s="11"/>
      <c r="C3187" s="42"/>
      <c r="D3187" s="3"/>
      <c r="E3187" s="3"/>
      <c r="F3187" s="3"/>
      <c r="G3187" s="3"/>
      <c r="H3187" s="3"/>
      <c r="I3187" s="3"/>
      <c r="J3187" s="3"/>
      <c r="K3187" s="14"/>
      <c r="L3187" s="3"/>
    </row>
    <row r="3188" spans="1:12" ht="16.5" customHeight="1" x14ac:dyDescent="0.3">
      <c r="A3188" s="11"/>
      <c r="B3188" s="11"/>
      <c r="C3188" s="42"/>
      <c r="D3188" s="3"/>
      <c r="E3188" s="3"/>
      <c r="F3188" s="3"/>
      <c r="G3188" s="3"/>
      <c r="H3188" s="3"/>
      <c r="I3188" s="3"/>
      <c r="J3188" s="3"/>
      <c r="K3188" s="14"/>
      <c r="L3188" s="3"/>
    </row>
    <row r="3189" spans="1:12" ht="16.5" customHeight="1" x14ac:dyDescent="0.3">
      <c r="A3189" s="11"/>
      <c r="B3189" s="11"/>
      <c r="C3189" s="42"/>
      <c r="D3189" s="3"/>
      <c r="E3189" s="3"/>
      <c r="F3189" s="3"/>
      <c r="G3189" s="3"/>
      <c r="H3189" s="3"/>
      <c r="I3189" s="3"/>
      <c r="J3189" s="3"/>
      <c r="K3189" s="14"/>
      <c r="L3189" s="3"/>
    </row>
    <row r="3190" spans="1:12" ht="16.5" customHeight="1" x14ac:dyDescent="0.3">
      <c r="A3190" s="11"/>
      <c r="B3190" s="11"/>
      <c r="C3190" s="42"/>
      <c r="D3190" s="3"/>
      <c r="E3190" s="3"/>
      <c r="F3190" s="3"/>
      <c r="G3190" s="3"/>
      <c r="H3190" s="3"/>
      <c r="I3190" s="3"/>
      <c r="J3190" s="3"/>
      <c r="K3190" s="14"/>
      <c r="L3190" s="3"/>
    </row>
    <row r="3191" spans="1:12" ht="16.5" customHeight="1" x14ac:dyDescent="0.3">
      <c r="A3191" s="11"/>
      <c r="B3191" s="11"/>
      <c r="C3191" s="42"/>
      <c r="D3191" s="3"/>
      <c r="E3191" s="3"/>
      <c r="F3191" s="3"/>
      <c r="G3191" s="3"/>
      <c r="H3191" s="3"/>
      <c r="I3191" s="3"/>
      <c r="J3191" s="3"/>
      <c r="K3191" s="14"/>
      <c r="L3191" s="3"/>
    </row>
    <row r="3192" spans="1:12" ht="16.5" customHeight="1" x14ac:dyDescent="0.3">
      <c r="A3192" s="11"/>
      <c r="B3192" s="11"/>
      <c r="C3192" s="42"/>
      <c r="D3192" s="3"/>
      <c r="E3192" s="3"/>
      <c r="F3192" s="3"/>
      <c r="G3192" s="3"/>
      <c r="H3192" s="3"/>
      <c r="I3192" s="3"/>
      <c r="J3192" s="3"/>
      <c r="K3192" s="14"/>
      <c r="L3192" s="3"/>
    </row>
    <row r="3193" spans="1:12" ht="16.5" customHeight="1" x14ac:dyDescent="0.3">
      <c r="A3193" s="11"/>
      <c r="B3193" s="11"/>
      <c r="C3193" s="42"/>
      <c r="D3193" s="3"/>
      <c r="E3193" s="3"/>
      <c r="F3193" s="3"/>
      <c r="G3193" s="3"/>
      <c r="H3193" s="3"/>
      <c r="I3193" s="3"/>
      <c r="J3193" s="3"/>
      <c r="K3193" s="14"/>
      <c r="L3193" s="3"/>
    </row>
    <row r="3194" spans="1:12" ht="16.5" customHeight="1" x14ac:dyDescent="0.3">
      <c r="A3194" s="11"/>
      <c r="B3194" s="11"/>
      <c r="C3194" s="42"/>
      <c r="D3194" s="3"/>
      <c r="E3194" s="3"/>
      <c r="F3194" s="3"/>
      <c r="G3194" s="3"/>
      <c r="H3194" s="3"/>
      <c r="I3194" s="3"/>
      <c r="J3194" s="3"/>
      <c r="K3194" s="14"/>
      <c r="L3194" s="3"/>
    </row>
    <row r="3195" spans="1:12" ht="16.5" customHeight="1" x14ac:dyDescent="0.3">
      <c r="A3195" s="11"/>
      <c r="B3195" s="11"/>
      <c r="C3195" s="42"/>
      <c r="D3195" s="3"/>
      <c r="E3195" s="3"/>
      <c r="F3195" s="3"/>
      <c r="G3195" s="3"/>
      <c r="H3195" s="3"/>
      <c r="I3195" s="3"/>
      <c r="J3195" s="3"/>
      <c r="K3195" s="14"/>
      <c r="L3195" s="3"/>
    </row>
    <row r="3196" spans="1:12" ht="16.5" customHeight="1" x14ac:dyDescent="0.3">
      <c r="A3196" s="11"/>
      <c r="B3196" s="11"/>
      <c r="C3196" s="42"/>
      <c r="D3196" s="3"/>
      <c r="E3196" s="3"/>
      <c r="F3196" s="3"/>
      <c r="G3196" s="3"/>
      <c r="H3196" s="3"/>
      <c r="I3196" s="3"/>
      <c r="J3196" s="3"/>
      <c r="K3196" s="14"/>
      <c r="L3196" s="3"/>
    </row>
    <row r="3197" spans="1:12" ht="16.5" customHeight="1" x14ac:dyDescent="0.3">
      <c r="A3197" s="11"/>
      <c r="B3197" s="11"/>
      <c r="C3197" s="42"/>
      <c r="D3197" s="3"/>
      <c r="E3197" s="3"/>
      <c r="F3197" s="3"/>
      <c r="G3197" s="3"/>
      <c r="H3197" s="3"/>
      <c r="I3197" s="3"/>
      <c r="J3197" s="3"/>
      <c r="K3197" s="14"/>
      <c r="L3197" s="3"/>
    </row>
    <row r="3198" spans="1:12" ht="16.5" customHeight="1" x14ac:dyDescent="0.3">
      <c r="A3198" s="11"/>
      <c r="B3198" s="11"/>
      <c r="C3198" s="42"/>
      <c r="D3198" s="3"/>
      <c r="E3198" s="3"/>
      <c r="F3198" s="3"/>
      <c r="G3198" s="3"/>
      <c r="H3198" s="3"/>
      <c r="I3198" s="3"/>
      <c r="J3198" s="3"/>
      <c r="K3198" s="14"/>
      <c r="L3198" s="3"/>
    </row>
    <row r="3199" spans="1:12" ht="16.5" customHeight="1" x14ac:dyDescent="0.3">
      <c r="A3199" s="11"/>
      <c r="B3199" s="11"/>
      <c r="C3199" s="42"/>
      <c r="D3199" s="3"/>
      <c r="E3199" s="3"/>
      <c r="F3199" s="3"/>
      <c r="G3199" s="3"/>
      <c r="H3199" s="3"/>
      <c r="I3199" s="3"/>
      <c r="J3199" s="3"/>
      <c r="K3199" s="14"/>
      <c r="L3199" s="3"/>
    </row>
    <row r="3200" spans="1:12" ht="16.5" customHeight="1" x14ac:dyDescent="0.3">
      <c r="A3200" s="11"/>
      <c r="B3200" s="11"/>
      <c r="C3200" s="42"/>
      <c r="D3200" s="3"/>
      <c r="E3200" s="3"/>
      <c r="F3200" s="3"/>
      <c r="G3200" s="3"/>
      <c r="H3200" s="3"/>
      <c r="I3200" s="3"/>
      <c r="J3200" s="3"/>
      <c r="K3200" s="14"/>
      <c r="L3200" s="3"/>
    </row>
    <row r="3201" spans="1:12" ht="16.5" customHeight="1" x14ac:dyDescent="0.3">
      <c r="A3201" s="11"/>
      <c r="B3201" s="11"/>
      <c r="C3201" s="42"/>
      <c r="D3201" s="3"/>
      <c r="E3201" s="3"/>
      <c r="F3201" s="3"/>
      <c r="G3201" s="3"/>
      <c r="H3201" s="3"/>
      <c r="I3201" s="3"/>
      <c r="J3201" s="3"/>
      <c r="K3201" s="14"/>
      <c r="L3201" s="3"/>
    </row>
    <row r="3202" spans="1:12" ht="16.5" customHeight="1" x14ac:dyDescent="0.3">
      <c r="A3202" s="11"/>
      <c r="B3202" s="11"/>
      <c r="C3202" s="42"/>
      <c r="D3202" s="3"/>
      <c r="E3202" s="3"/>
      <c r="F3202" s="3"/>
      <c r="G3202" s="3"/>
      <c r="H3202" s="3"/>
      <c r="I3202" s="3"/>
      <c r="J3202" s="3"/>
      <c r="K3202" s="14"/>
      <c r="L3202" s="3"/>
    </row>
    <row r="3203" spans="1:12" ht="16.5" customHeight="1" x14ac:dyDescent="0.3">
      <c r="A3203" s="11"/>
      <c r="B3203" s="11"/>
      <c r="C3203" s="42"/>
      <c r="D3203" s="3"/>
      <c r="E3203" s="3"/>
      <c r="F3203" s="3"/>
      <c r="G3203" s="3"/>
      <c r="H3203" s="3"/>
      <c r="I3203" s="3"/>
      <c r="J3203" s="3"/>
      <c r="K3203" s="14"/>
      <c r="L3203" s="3"/>
    </row>
    <row r="3204" spans="1:12" ht="16.5" customHeight="1" x14ac:dyDescent="0.3">
      <c r="A3204" s="11"/>
      <c r="B3204" s="11"/>
      <c r="C3204" s="42"/>
      <c r="D3204" s="3"/>
      <c r="E3204" s="3"/>
      <c r="F3204" s="3"/>
      <c r="G3204" s="3"/>
      <c r="H3204" s="3"/>
      <c r="I3204" s="3"/>
      <c r="J3204" s="3"/>
      <c r="K3204" s="14"/>
      <c r="L3204" s="3"/>
    </row>
    <row r="3205" spans="1:12" ht="16.5" customHeight="1" x14ac:dyDescent="0.3">
      <c r="A3205" s="11"/>
      <c r="B3205" s="11"/>
      <c r="C3205" s="42"/>
      <c r="D3205" s="3"/>
      <c r="E3205" s="3"/>
      <c r="F3205" s="3"/>
      <c r="G3205" s="3"/>
      <c r="H3205" s="3"/>
      <c r="I3205" s="3"/>
      <c r="J3205" s="3"/>
      <c r="K3205" s="14"/>
      <c r="L3205" s="3"/>
    </row>
    <row r="3206" spans="1:12" ht="16.5" customHeight="1" x14ac:dyDescent="0.3">
      <c r="A3206" s="11"/>
      <c r="B3206" s="11"/>
      <c r="C3206" s="42"/>
      <c r="D3206" s="3"/>
      <c r="E3206" s="3"/>
      <c r="F3206" s="3"/>
      <c r="G3206" s="3"/>
      <c r="H3206" s="3"/>
      <c r="I3206" s="3"/>
      <c r="J3206" s="3"/>
      <c r="K3206" s="14"/>
      <c r="L3206" s="3"/>
    </row>
    <row r="3207" spans="1:12" ht="16.5" customHeight="1" x14ac:dyDescent="0.3">
      <c r="A3207" s="11"/>
      <c r="B3207" s="11"/>
      <c r="C3207" s="42"/>
      <c r="D3207" s="3"/>
      <c r="E3207" s="3"/>
      <c r="F3207" s="3"/>
      <c r="G3207" s="3"/>
      <c r="H3207" s="3"/>
      <c r="I3207" s="3"/>
      <c r="J3207" s="3"/>
      <c r="K3207" s="14"/>
      <c r="L3207" s="3"/>
    </row>
    <row r="3208" spans="1:12" ht="16.5" customHeight="1" x14ac:dyDescent="0.3">
      <c r="A3208" s="11"/>
      <c r="B3208" s="11"/>
      <c r="C3208" s="42"/>
      <c r="D3208" s="3"/>
      <c r="E3208" s="3"/>
      <c r="F3208" s="3"/>
      <c r="G3208" s="3"/>
      <c r="H3208" s="3"/>
      <c r="I3208" s="3"/>
      <c r="J3208" s="3"/>
      <c r="K3208" s="14"/>
      <c r="L3208" s="3"/>
    </row>
    <row r="3209" spans="1:12" ht="16.5" customHeight="1" x14ac:dyDescent="0.3">
      <c r="A3209" s="11"/>
      <c r="B3209" s="11"/>
      <c r="C3209" s="42"/>
      <c r="D3209" s="3"/>
      <c r="E3209" s="3"/>
      <c r="F3209" s="3"/>
      <c r="G3209" s="3"/>
      <c r="H3209" s="3"/>
      <c r="I3209" s="3"/>
      <c r="J3209" s="3"/>
      <c r="K3209" s="14"/>
      <c r="L3209" s="3"/>
    </row>
    <row r="3210" spans="1:12" ht="16.5" customHeight="1" x14ac:dyDescent="0.3">
      <c r="A3210" s="11"/>
      <c r="B3210" s="11"/>
      <c r="C3210" s="42"/>
      <c r="D3210" s="3"/>
      <c r="E3210" s="3"/>
      <c r="F3210" s="3"/>
      <c r="G3210" s="3"/>
      <c r="H3210" s="3"/>
      <c r="I3210" s="3"/>
      <c r="J3210" s="3"/>
      <c r="K3210" s="14"/>
      <c r="L3210" s="3"/>
    </row>
    <row r="3211" spans="1:12" ht="16.5" customHeight="1" x14ac:dyDescent="0.3">
      <c r="A3211" s="11"/>
      <c r="B3211" s="11"/>
      <c r="C3211" s="42"/>
      <c r="D3211" s="3"/>
      <c r="E3211" s="3"/>
      <c r="F3211" s="3"/>
      <c r="G3211" s="3"/>
      <c r="H3211" s="3"/>
      <c r="I3211" s="3"/>
      <c r="J3211" s="3"/>
      <c r="K3211" s="14"/>
      <c r="L3211" s="3"/>
    </row>
    <row r="3212" spans="1:12" ht="16.5" customHeight="1" x14ac:dyDescent="0.3">
      <c r="A3212" s="11"/>
      <c r="B3212" s="11"/>
      <c r="C3212" s="42"/>
      <c r="D3212" s="3"/>
      <c r="E3212" s="3"/>
      <c r="F3212" s="3"/>
      <c r="G3212" s="3"/>
      <c r="H3212" s="3"/>
      <c r="I3212" s="3"/>
      <c r="J3212" s="3"/>
      <c r="K3212" s="14"/>
      <c r="L3212" s="3"/>
    </row>
    <row r="3213" spans="1:12" ht="16.5" customHeight="1" x14ac:dyDescent="0.3">
      <c r="A3213" s="11"/>
      <c r="B3213" s="11"/>
      <c r="C3213" s="42"/>
      <c r="D3213" s="3"/>
      <c r="E3213" s="3"/>
      <c r="F3213" s="3"/>
      <c r="G3213" s="3"/>
      <c r="H3213" s="3"/>
      <c r="I3213" s="3"/>
      <c r="J3213" s="3"/>
      <c r="K3213" s="14"/>
      <c r="L3213" s="3"/>
    </row>
    <row r="3214" spans="1:12" ht="16.5" customHeight="1" x14ac:dyDescent="0.3">
      <c r="A3214" s="11"/>
      <c r="B3214" s="11"/>
      <c r="C3214" s="42"/>
      <c r="D3214" s="3"/>
      <c r="E3214" s="3"/>
      <c r="F3214" s="3"/>
      <c r="G3214" s="3"/>
      <c r="H3214" s="3"/>
      <c r="I3214" s="3"/>
      <c r="J3214" s="3"/>
      <c r="K3214" s="14"/>
      <c r="L3214" s="3"/>
    </row>
    <row r="3215" spans="1:12" ht="16.5" customHeight="1" x14ac:dyDescent="0.3">
      <c r="A3215" s="11"/>
      <c r="B3215" s="11"/>
      <c r="C3215" s="42"/>
      <c r="D3215" s="3"/>
      <c r="E3215" s="3"/>
      <c r="F3215" s="3"/>
      <c r="G3215" s="3"/>
      <c r="H3215" s="3"/>
      <c r="I3215" s="3"/>
      <c r="J3215" s="3"/>
      <c r="K3215" s="14"/>
      <c r="L3215" s="3"/>
    </row>
    <row r="3216" spans="1:12" ht="16.5" customHeight="1" x14ac:dyDescent="0.3">
      <c r="A3216" s="11"/>
      <c r="B3216" s="11"/>
      <c r="C3216" s="42"/>
      <c r="D3216" s="3"/>
      <c r="E3216" s="3"/>
      <c r="F3216" s="3"/>
      <c r="G3216" s="3"/>
      <c r="H3216" s="3"/>
      <c r="I3216" s="3"/>
      <c r="J3216" s="3"/>
      <c r="K3216" s="14"/>
      <c r="L3216" s="3"/>
    </row>
    <row r="3217" spans="1:12" ht="16.5" customHeight="1" x14ac:dyDescent="0.3">
      <c r="A3217" s="11"/>
      <c r="B3217" s="11"/>
      <c r="C3217" s="42"/>
      <c r="D3217" s="3"/>
      <c r="E3217" s="3"/>
      <c r="F3217" s="3"/>
      <c r="G3217" s="3"/>
      <c r="H3217" s="3"/>
      <c r="I3217" s="3"/>
      <c r="J3217" s="3"/>
      <c r="K3217" s="14"/>
      <c r="L3217" s="3"/>
    </row>
    <row r="3218" spans="1:12" ht="16.5" customHeight="1" x14ac:dyDescent="0.3">
      <c r="A3218" s="11"/>
      <c r="B3218" s="11"/>
      <c r="C3218" s="42"/>
      <c r="D3218" s="3"/>
      <c r="E3218" s="3"/>
      <c r="F3218" s="3"/>
      <c r="G3218" s="3"/>
      <c r="H3218" s="3"/>
      <c r="I3218" s="3"/>
      <c r="J3218" s="3"/>
      <c r="K3218" s="14"/>
      <c r="L3218" s="3"/>
    </row>
    <row r="3219" spans="1:12" ht="16.5" customHeight="1" x14ac:dyDescent="0.3">
      <c r="A3219" s="11"/>
      <c r="B3219" s="11"/>
      <c r="C3219" s="42"/>
      <c r="D3219" s="3"/>
      <c r="E3219" s="3"/>
      <c r="F3219" s="3"/>
      <c r="G3219" s="3"/>
      <c r="H3219" s="3"/>
      <c r="I3219" s="3"/>
      <c r="J3219" s="3"/>
      <c r="K3219" s="14"/>
      <c r="L3219" s="3"/>
    </row>
    <row r="3220" spans="1:12" ht="16.5" customHeight="1" x14ac:dyDescent="0.3">
      <c r="A3220" s="11"/>
      <c r="B3220" s="11"/>
      <c r="C3220" s="42"/>
      <c r="D3220" s="3"/>
      <c r="E3220" s="3"/>
      <c r="F3220" s="3"/>
      <c r="G3220" s="3"/>
      <c r="H3220" s="3"/>
      <c r="I3220" s="3"/>
      <c r="J3220" s="3"/>
      <c r="K3220" s="14"/>
      <c r="L3220" s="3"/>
    </row>
    <row r="3221" spans="1:12" ht="16.5" customHeight="1" x14ac:dyDescent="0.3">
      <c r="A3221" s="11"/>
      <c r="B3221" s="11"/>
      <c r="C3221" s="42"/>
      <c r="D3221" s="3"/>
      <c r="E3221" s="3"/>
      <c r="F3221" s="3"/>
      <c r="G3221" s="3"/>
      <c r="H3221" s="3"/>
      <c r="I3221" s="3"/>
      <c r="J3221" s="3"/>
      <c r="K3221" s="14"/>
      <c r="L3221" s="3"/>
    </row>
    <row r="3222" spans="1:12" ht="16.5" customHeight="1" x14ac:dyDescent="0.3">
      <c r="A3222" s="11"/>
      <c r="B3222" s="11"/>
      <c r="C3222" s="42"/>
      <c r="D3222" s="3"/>
      <c r="E3222" s="3"/>
      <c r="F3222" s="3"/>
      <c r="G3222" s="3"/>
      <c r="H3222" s="3"/>
      <c r="I3222" s="3"/>
      <c r="J3222" s="3"/>
      <c r="K3222" s="14"/>
      <c r="L3222" s="3"/>
    </row>
    <row r="3223" spans="1:12" ht="16.5" customHeight="1" x14ac:dyDescent="0.3">
      <c r="A3223" s="11"/>
      <c r="B3223" s="11"/>
      <c r="C3223" s="42"/>
      <c r="D3223" s="3"/>
      <c r="E3223" s="3"/>
      <c r="F3223" s="3"/>
      <c r="G3223" s="3"/>
      <c r="H3223" s="3"/>
      <c r="I3223" s="3"/>
      <c r="J3223" s="3"/>
      <c r="K3223" s="14"/>
      <c r="L3223" s="3"/>
    </row>
    <row r="3224" spans="1:12" ht="16.5" customHeight="1" x14ac:dyDescent="0.3">
      <c r="A3224" s="11"/>
      <c r="B3224" s="11"/>
      <c r="C3224" s="42"/>
      <c r="D3224" s="3"/>
      <c r="E3224" s="3"/>
      <c r="F3224" s="3"/>
      <c r="G3224" s="3"/>
      <c r="H3224" s="3"/>
      <c r="I3224" s="3"/>
      <c r="J3224" s="3"/>
      <c r="K3224" s="14"/>
      <c r="L3224" s="3"/>
    </row>
    <row r="3225" spans="1:12" ht="16.5" customHeight="1" x14ac:dyDescent="0.3">
      <c r="A3225" s="11"/>
      <c r="B3225" s="11"/>
      <c r="C3225" s="42"/>
      <c r="D3225" s="3"/>
      <c r="E3225" s="3"/>
      <c r="F3225" s="3"/>
      <c r="G3225" s="3"/>
      <c r="H3225" s="3"/>
      <c r="I3225" s="3"/>
      <c r="J3225" s="3"/>
      <c r="K3225" s="14"/>
      <c r="L3225" s="3"/>
    </row>
    <row r="3226" spans="1:12" ht="16.5" customHeight="1" x14ac:dyDescent="0.3">
      <c r="A3226" s="11"/>
      <c r="B3226" s="11"/>
      <c r="C3226" s="42"/>
      <c r="D3226" s="3"/>
      <c r="E3226" s="3"/>
      <c r="F3226" s="3"/>
      <c r="G3226" s="3"/>
      <c r="H3226" s="3"/>
      <c r="I3226" s="3"/>
      <c r="J3226" s="3"/>
      <c r="K3226" s="14"/>
      <c r="L3226" s="3"/>
    </row>
    <row r="3227" spans="1:12" ht="16.5" customHeight="1" x14ac:dyDescent="0.3">
      <c r="A3227" s="11"/>
      <c r="B3227" s="11"/>
      <c r="C3227" s="42"/>
      <c r="D3227" s="3"/>
      <c r="E3227" s="3"/>
      <c r="F3227" s="3"/>
      <c r="G3227" s="3"/>
      <c r="H3227" s="3"/>
      <c r="I3227" s="3"/>
      <c r="J3227" s="3"/>
      <c r="K3227" s="14"/>
      <c r="L3227" s="3"/>
    </row>
    <row r="3228" spans="1:12" ht="16.5" customHeight="1" x14ac:dyDescent="0.3">
      <c r="A3228" s="11"/>
      <c r="B3228" s="11"/>
      <c r="C3228" s="42"/>
      <c r="D3228" s="3"/>
      <c r="E3228" s="3"/>
      <c r="F3228" s="3"/>
      <c r="G3228" s="3"/>
      <c r="H3228" s="3"/>
      <c r="I3228" s="3"/>
      <c r="J3228" s="3"/>
      <c r="K3228" s="14"/>
      <c r="L3228" s="3"/>
    </row>
    <row r="3229" spans="1:12" ht="16.5" customHeight="1" x14ac:dyDescent="0.3">
      <c r="A3229" s="11"/>
      <c r="B3229" s="11"/>
      <c r="C3229" s="42"/>
      <c r="D3229" s="3"/>
      <c r="E3229" s="3"/>
      <c r="F3229" s="3"/>
      <c r="G3229" s="3"/>
      <c r="H3229" s="3"/>
      <c r="I3229" s="3"/>
      <c r="J3229" s="3"/>
      <c r="K3229" s="14"/>
      <c r="L3229" s="3"/>
    </row>
    <row r="3230" spans="1:12" ht="16.5" customHeight="1" x14ac:dyDescent="0.3">
      <c r="A3230" s="11"/>
      <c r="B3230" s="11"/>
      <c r="C3230" s="42"/>
      <c r="D3230" s="3"/>
      <c r="E3230" s="3"/>
      <c r="F3230" s="3"/>
      <c r="G3230" s="3"/>
      <c r="H3230" s="3"/>
      <c r="I3230" s="3"/>
      <c r="J3230" s="3"/>
      <c r="K3230" s="14"/>
      <c r="L3230" s="3"/>
    </row>
    <row r="3231" spans="1:12" ht="16.5" customHeight="1" x14ac:dyDescent="0.3">
      <c r="A3231" s="11"/>
      <c r="B3231" s="11"/>
      <c r="C3231" s="42"/>
      <c r="D3231" s="3"/>
      <c r="E3231" s="3"/>
      <c r="F3231" s="3"/>
      <c r="G3231" s="3"/>
      <c r="H3231" s="3"/>
      <c r="I3231" s="3"/>
      <c r="J3231" s="3"/>
      <c r="K3231" s="14"/>
      <c r="L3231" s="3"/>
    </row>
    <row r="3232" spans="1:12" ht="16.5" customHeight="1" x14ac:dyDescent="0.3">
      <c r="A3232" s="11"/>
      <c r="B3232" s="11"/>
      <c r="C3232" s="42"/>
      <c r="D3232" s="3"/>
      <c r="E3232" s="3"/>
      <c r="F3232" s="3"/>
      <c r="G3232" s="3"/>
      <c r="H3232" s="3"/>
      <c r="I3232" s="3"/>
      <c r="J3232" s="3"/>
      <c r="K3232" s="14"/>
      <c r="L3232" s="3"/>
    </row>
    <row r="3233" spans="1:12" ht="16.5" customHeight="1" x14ac:dyDescent="0.3">
      <c r="A3233" s="11"/>
      <c r="B3233" s="11"/>
      <c r="C3233" s="42"/>
      <c r="D3233" s="3"/>
      <c r="E3233" s="3"/>
      <c r="F3233" s="3"/>
      <c r="G3233" s="3"/>
      <c r="H3233" s="3"/>
      <c r="I3233" s="3"/>
      <c r="J3233" s="3"/>
      <c r="K3233" s="14"/>
      <c r="L3233" s="3"/>
    </row>
    <row r="3234" spans="1:12" ht="16.5" customHeight="1" x14ac:dyDescent="0.3">
      <c r="A3234" s="11"/>
      <c r="B3234" s="11"/>
      <c r="C3234" s="42"/>
      <c r="D3234" s="3"/>
      <c r="E3234" s="3"/>
      <c r="F3234" s="3"/>
      <c r="G3234" s="3"/>
      <c r="H3234" s="3"/>
      <c r="I3234" s="3"/>
      <c r="J3234" s="3"/>
      <c r="K3234" s="14"/>
      <c r="L3234" s="3"/>
    </row>
    <row r="3235" spans="1:12" ht="16.5" customHeight="1" x14ac:dyDescent="0.3">
      <c r="A3235" s="11"/>
      <c r="B3235" s="11"/>
      <c r="C3235" s="42"/>
      <c r="D3235" s="3"/>
      <c r="E3235" s="3"/>
      <c r="F3235" s="3"/>
      <c r="G3235" s="3"/>
      <c r="H3235" s="3"/>
      <c r="I3235" s="3"/>
      <c r="J3235" s="3"/>
      <c r="K3235" s="14"/>
      <c r="L3235" s="3"/>
    </row>
    <row r="3236" spans="1:12" ht="16.5" customHeight="1" x14ac:dyDescent="0.3">
      <c r="A3236" s="11"/>
      <c r="B3236" s="11"/>
      <c r="C3236" s="42"/>
      <c r="D3236" s="3"/>
      <c r="E3236" s="3"/>
      <c r="F3236" s="3"/>
      <c r="G3236" s="3"/>
      <c r="H3236" s="3"/>
      <c r="I3236" s="3"/>
      <c r="J3236" s="3"/>
      <c r="K3236" s="14"/>
      <c r="L3236" s="3"/>
    </row>
    <row r="3237" spans="1:12" ht="16.5" customHeight="1" x14ac:dyDescent="0.3">
      <c r="A3237" s="11"/>
      <c r="B3237" s="11"/>
      <c r="C3237" s="42"/>
      <c r="D3237" s="3"/>
      <c r="E3237" s="3"/>
      <c r="F3237" s="3"/>
      <c r="G3237" s="3"/>
      <c r="H3237" s="3"/>
      <c r="I3237" s="3"/>
      <c r="J3237" s="3"/>
      <c r="K3237" s="14"/>
      <c r="L3237" s="3"/>
    </row>
    <row r="3238" spans="1:12" ht="16.5" customHeight="1" x14ac:dyDescent="0.3">
      <c r="A3238" s="11"/>
      <c r="B3238" s="11"/>
      <c r="C3238" s="42"/>
      <c r="D3238" s="3"/>
      <c r="E3238" s="3"/>
      <c r="F3238" s="3"/>
      <c r="G3238" s="3"/>
      <c r="H3238" s="3"/>
      <c r="I3238" s="3"/>
      <c r="J3238" s="3"/>
      <c r="K3238" s="14"/>
      <c r="L3238" s="3"/>
    </row>
    <row r="3239" spans="1:12" ht="16.5" customHeight="1" x14ac:dyDescent="0.3">
      <c r="A3239" s="11"/>
      <c r="B3239" s="11"/>
      <c r="C3239" s="42"/>
      <c r="D3239" s="3"/>
      <c r="E3239" s="3"/>
      <c r="F3239" s="3"/>
      <c r="G3239" s="3"/>
      <c r="H3239" s="3"/>
      <c r="I3239" s="3"/>
      <c r="J3239" s="3"/>
      <c r="K3239" s="14"/>
      <c r="L3239" s="3"/>
    </row>
    <row r="3240" spans="1:12" ht="16.5" customHeight="1" x14ac:dyDescent="0.3">
      <c r="A3240" s="11"/>
      <c r="B3240" s="11"/>
      <c r="C3240" s="42"/>
      <c r="D3240" s="3"/>
      <c r="E3240" s="3"/>
      <c r="F3240" s="3"/>
      <c r="G3240" s="3"/>
      <c r="H3240" s="3"/>
      <c r="I3240" s="3"/>
      <c r="J3240" s="3"/>
      <c r="K3240" s="14"/>
      <c r="L3240" s="3"/>
    </row>
    <row r="3241" spans="1:12" ht="16.5" customHeight="1" x14ac:dyDescent="0.3">
      <c r="A3241" s="11"/>
      <c r="B3241" s="11"/>
      <c r="C3241" s="42"/>
      <c r="D3241" s="3"/>
      <c r="E3241" s="3"/>
      <c r="F3241" s="3"/>
      <c r="G3241" s="3"/>
      <c r="H3241" s="3"/>
      <c r="I3241" s="3"/>
      <c r="J3241" s="3"/>
      <c r="K3241" s="14"/>
      <c r="L3241" s="3"/>
    </row>
    <row r="3242" spans="1:12" ht="16.5" customHeight="1" x14ac:dyDescent="0.3">
      <c r="A3242" s="11"/>
      <c r="B3242" s="11"/>
      <c r="C3242" s="42"/>
      <c r="D3242" s="3"/>
      <c r="E3242" s="3"/>
      <c r="F3242" s="3"/>
      <c r="G3242" s="3"/>
      <c r="H3242" s="3"/>
      <c r="I3242" s="3"/>
      <c r="J3242" s="3"/>
      <c r="K3242" s="14"/>
      <c r="L3242" s="3"/>
    </row>
    <row r="3243" spans="1:12" ht="16.5" customHeight="1" x14ac:dyDescent="0.3">
      <c r="A3243" s="11"/>
      <c r="B3243" s="11"/>
      <c r="C3243" s="42"/>
      <c r="D3243" s="3"/>
      <c r="E3243" s="3"/>
      <c r="F3243" s="3"/>
      <c r="G3243" s="3"/>
      <c r="H3243" s="3"/>
      <c r="I3243" s="3"/>
      <c r="J3243" s="3"/>
      <c r="K3243" s="14"/>
      <c r="L3243" s="3"/>
    </row>
    <row r="3244" spans="1:12" ht="16.5" customHeight="1" x14ac:dyDescent="0.3">
      <c r="A3244" s="11"/>
      <c r="B3244" s="11"/>
      <c r="C3244" s="42"/>
      <c r="D3244" s="3"/>
      <c r="E3244" s="3"/>
      <c r="F3244" s="3"/>
      <c r="G3244" s="3"/>
      <c r="H3244" s="3"/>
      <c r="I3244" s="3"/>
      <c r="J3244" s="3"/>
      <c r="K3244" s="14"/>
      <c r="L3244" s="3"/>
    </row>
    <row r="3245" spans="1:12" ht="16.5" customHeight="1" x14ac:dyDescent="0.3">
      <c r="A3245" s="11"/>
      <c r="B3245" s="11"/>
      <c r="C3245" s="42"/>
      <c r="D3245" s="3"/>
      <c r="E3245" s="3"/>
      <c r="F3245" s="3"/>
      <c r="G3245" s="3"/>
      <c r="H3245" s="3"/>
      <c r="I3245" s="3"/>
      <c r="J3245" s="3"/>
      <c r="K3245" s="14"/>
      <c r="L3245" s="3"/>
    </row>
    <row r="3246" spans="1:12" ht="16.5" customHeight="1" x14ac:dyDescent="0.3">
      <c r="A3246" s="11"/>
      <c r="B3246" s="11"/>
      <c r="C3246" s="42"/>
      <c r="D3246" s="3"/>
      <c r="E3246" s="3"/>
      <c r="F3246" s="3"/>
      <c r="G3246" s="3"/>
      <c r="H3246" s="3"/>
      <c r="I3246" s="3"/>
      <c r="J3246" s="3"/>
      <c r="K3246" s="14"/>
      <c r="L3246" s="3"/>
    </row>
    <row r="3247" spans="1:12" ht="16.5" customHeight="1" x14ac:dyDescent="0.3">
      <c r="A3247" s="11"/>
      <c r="B3247" s="11"/>
      <c r="C3247" s="42"/>
      <c r="D3247" s="3"/>
      <c r="E3247" s="3"/>
      <c r="F3247" s="3"/>
      <c r="G3247" s="3"/>
      <c r="H3247" s="3"/>
      <c r="I3247" s="3"/>
      <c r="J3247" s="3"/>
      <c r="K3247" s="14"/>
      <c r="L3247" s="3"/>
    </row>
    <row r="3248" spans="1:12" ht="16.5" customHeight="1" x14ac:dyDescent="0.3">
      <c r="A3248" s="11"/>
      <c r="B3248" s="11"/>
      <c r="C3248" s="42"/>
      <c r="D3248" s="3"/>
      <c r="E3248" s="3"/>
      <c r="F3248" s="3"/>
      <c r="G3248" s="3"/>
      <c r="H3248" s="3"/>
      <c r="I3248" s="3"/>
      <c r="J3248" s="3"/>
      <c r="K3248" s="14"/>
      <c r="L3248" s="3"/>
    </row>
    <row r="3249" spans="1:12" ht="16.5" customHeight="1" x14ac:dyDescent="0.3">
      <c r="A3249" s="11"/>
      <c r="B3249" s="11"/>
      <c r="C3249" s="42"/>
      <c r="D3249" s="3"/>
      <c r="E3249" s="3"/>
      <c r="F3249" s="3"/>
      <c r="G3249" s="3"/>
      <c r="H3249" s="3"/>
      <c r="I3249" s="3"/>
      <c r="J3249" s="3"/>
      <c r="K3249" s="14"/>
      <c r="L3249" s="3"/>
    </row>
    <row r="3250" spans="1:12" ht="16.5" customHeight="1" x14ac:dyDescent="0.3">
      <c r="A3250" s="11"/>
      <c r="B3250" s="11"/>
      <c r="C3250" s="42"/>
      <c r="D3250" s="3"/>
      <c r="E3250" s="3"/>
      <c r="F3250" s="3"/>
      <c r="G3250" s="3"/>
      <c r="H3250" s="3"/>
      <c r="I3250" s="3"/>
      <c r="J3250" s="3"/>
      <c r="K3250" s="14"/>
      <c r="L3250" s="3"/>
    </row>
    <row r="3251" spans="1:12" ht="16.5" customHeight="1" x14ac:dyDescent="0.3">
      <c r="A3251" s="11"/>
      <c r="B3251" s="11"/>
      <c r="C3251" s="42"/>
      <c r="D3251" s="3"/>
      <c r="E3251" s="3"/>
      <c r="F3251" s="3"/>
      <c r="G3251" s="3"/>
      <c r="H3251" s="3"/>
      <c r="I3251" s="3"/>
      <c r="J3251" s="3"/>
      <c r="K3251" s="14"/>
      <c r="L3251" s="3"/>
    </row>
    <row r="3252" spans="1:12" ht="16.5" customHeight="1" x14ac:dyDescent="0.3">
      <c r="A3252" s="11"/>
      <c r="B3252" s="11"/>
      <c r="C3252" s="42"/>
      <c r="D3252" s="3"/>
      <c r="E3252" s="3"/>
      <c r="F3252" s="3"/>
      <c r="G3252" s="3"/>
      <c r="H3252" s="3"/>
      <c r="I3252" s="3"/>
      <c r="J3252" s="3"/>
      <c r="K3252" s="14"/>
      <c r="L3252" s="3"/>
    </row>
    <row r="3253" spans="1:12" ht="16.5" customHeight="1" x14ac:dyDescent="0.3">
      <c r="A3253" s="11"/>
      <c r="B3253" s="11"/>
      <c r="C3253" s="42"/>
      <c r="D3253" s="3"/>
      <c r="E3253" s="3"/>
      <c r="F3253" s="3"/>
      <c r="G3253" s="3"/>
      <c r="H3253" s="3"/>
      <c r="I3253" s="3"/>
      <c r="J3253" s="3"/>
      <c r="K3253" s="14"/>
      <c r="L3253" s="3"/>
    </row>
    <row r="3254" spans="1:12" ht="16.5" customHeight="1" x14ac:dyDescent="0.3">
      <c r="A3254" s="11"/>
      <c r="B3254" s="11"/>
      <c r="C3254" s="42"/>
      <c r="D3254" s="3"/>
      <c r="E3254" s="3"/>
      <c r="F3254" s="3"/>
      <c r="G3254" s="3"/>
      <c r="H3254" s="3"/>
      <c r="I3254" s="3"/>
      <c r="J3254" s="3"/>
      <c r="K3254" s="14"/>
      <c r="L3254" s="3"/>
    </row>
    <row r="3255" spans="1:12" ht="16.5" customHeight="1" x14ac:dyDescent="0.3">
      <c r="A3255" s="11"/>
      <c r="B3255" s="11"/>
      <c r="C3255" s="42"/>
      <c r="D3255" s="3"/>
      <c r="E3255" s="3"/>
      <c r="F3255" s="3"/>
      <c r="G3255" s="3"/>
      <c r="H3255" s="3"/>
      <c r="I3255" s="3"/>
      <c r="J3255" s="3"/>
      <c r="K3255" s="14"/>
      <c r="L3255" s="3"/>
    </row>
    <row r="3256" spans="1:12" ht="16.5" customHeight="1" x14ac:dyDescent="0.3">
      <c r="A3256" s="11"/>
      <c r="B3256" s="11"/>
      <c r="C3256" s="42"/>
      <c r="D3256" s="3"/>
      <c r="E3256" s="3"/>
      <c r="F3256" s="3"/>
      <c r="G3256" s="3"/>
      <c r="H3256" s="3"/>
      <c r="I3256" s="3"/>
      <c r="J3256" s="3"/>
      <c r="K3256" s="14"/>
      <c r="L3256" s="3"/>
    </row>
    <row r="3257" spans="1:12" ht="16.5" customHeight="1" x14ac:dyDescent="0.3">
      <c r="A3257" s="11"/>
      <c r="B3257" s="11"/>
      <c r="C3257" s="42"/>
      <c r="D3257" s="3"/>
      <c r="E3257" s="3"/>
      <c r="F3257" s="3"/>
      <c r="G3257" s="3"/>
      <c r="H3257" s="3"/>
      <c r="I3257" s="3"/>
      <c r="J3257" s="3"/>
      <c r="K3257" s="14"/>
      <c r="L3257" s="3"/>
    </row>
    <row r="3258" spans="1:12" ht="16.5" customHeight="1" x14ac:dyDescent="0.3">
      <c r="A3258" s="11"/>
      <c r="B3258" s="11"/>
      <c r="C3258" s="42"/>
      <c r="D3258" s="3"/>
      <c r="E3258" s="3"/>
      <c r="F3258" s="3"/>
      <c r="G3258" s="3"/>
      <c r="H3258" s="3"/>
      <c r="I3258" s="3"/>
      <c r="J3258" s="3"/>
      <c r="K3258" s="14"/>
      <c r="L3258" s="3"/>
    </row>
    <row r="3259" spans="1:12" ht="16.5" customHeight="1" x14ac:dyDescent="0.3">
      <c r="A3259" s="11"/>
      <c r="B3259" s="11"/>
      <c r="C3259" s="42"/>
      <c r="D3259" s="3"/>
      <c r="E3259" s="3"/>
      <c r="F3259" s="3"/>
      <c r="G3259" s="3"/>
      <c r="H3259" s="3"/>
      <c r="I3259" s="3"/>
      <c r="J3259" s="3"/>
      <c r="K3259" s="14"/>
      <c r="L3259" s="3"/>
    </row>
    <row r="3260" spans="1:12" ht="16.5" customHeight="1" x14ac:dyDescent="0.3">
      <c r="A3260" s="11"/>
      <c r="B3260" s="11"/>
      <c r="C3260" s="42"/>
      <c r="D3260" s="3"/>
      <c r="E3260" s="3"/>
      <c r="F3260" s="3"/>
      <c r="G3260" s="3"/>
      <c r="H3260" s="3"/>
      <c r="I3260" s="3"/>
      <c r="J3260" s="3"/>
      <c r="K3260" s="14"/>
      <c r="L3260" s="3"/>
    </row>
    <row r="3261" spans="1:12" ht="16.5" customHeight="1" x14ac:dyDescent="0.3">
      <c r="A3261" s="11"/>
      <c r="B3261" s="11"/>
      <c r="C3261" s="42"/>
      <c r="D3261" s="3"/>
      <c r="E3261" s="3"/>
      <c r="F3261" s="3"/>
      <c r="G3261" s="3"/>
      <c r="H3261" s="3"/>
      <c r="I3261" s="3"/>
      <c r="J3261" s="3"/>
      <c r="K3261" s="14"/>
      <c r="L3261" s="3"/>
    </row>
    <row r="3262" spans="1:12" ht="16.5" customHeight="1" x14ac:dyDescent="0.3">
      <c r="A3262" s="11"/>
      <c r="B3262" s="11"/>
      <c r="C3262" s="42"/>
      <c r="D3262" s="3"/>
      <c r="E3262" s="3"/>
      <c r="F3262" s="3"/>
      <c r="G3262" s="3"/>
      <c r="H3262" s="3"/>
      <c r="I3262" s="3"/>
      <c r="J3262" s="3"/>
      <c r="K3262" s="14"/>
      <c r="L3262" s="3"/>
    </row>
    <row r="3263" spans="1:12" ht="16.5" customHeight="1" x14ac:dyDescent="0.3">
      <c r="A3263" s="11"/>
      <c r="B3263" s="11"/>
      <c r="C3263" s="42"/>
      <c r="D3263" s="3"/>
      <c r="E3263" s="3"/>
      <c r="F3263" s="3"/>
      <c r="G3263" s="3"/>
      <c r="H3263" s="3"/>
      <c r="I3263" s="3"/>
      <c r="J3263" s="3"/>
      <c r="K3263" s="14"/>
      <c r="L3263" s="3"/>
    </row>
    <row r="3264" spans="1:12" ht="16.5" customHeight="1" x14ac:dyDescent="0.3">
      <c r="A3264" s="11"/>
      <c r="B3264" s="11"/>
      <c r="C3264" s="42"/>
      <c r="D3264" s="3"/>
      <c r="E3264" s="3"/>
      <c r="F3264" s="3"/>
      <c r="G3264" s="3"/>
      <c r="H3264" s="3"/>
      <c r="I3264" s="3"/>
      <c r="J3264" s="3"/>
      <c r="K3264" s="14"/>
      <c r="L3264" s="3"/>
    </row>
    <row r="3265" spans="1:12" ht="16.5" customHeight="1" x14ac:dyDescent="0.3">
      <c r="A3265" s="11"/>
      <c r="B3265" s="11"/>
      <c r="C3265" s="42"/>
      <c r="D3265" s="3"/>
      <c r="E3265" s="3"/>
      <c r="F3265" s="3"/>
      <c r="G3265" s="3"/>
      <c r="H3265" s="3"/>
      <c r="I3265" s="3"/>
      <c r="J3265" s="3"/>
      <c r="K3265" s="14"/>
      <c r="L3265" s="3"/>
    </row>
    <row r="3266" spans="1:12" ht="16.5" customHeight="1" x14ac:dyDescent="0.3">
      <c r="A3266" s="11"/>
      <c r="B3266" s="11"/>
      <c r="C3266" s="42"/>
      <c r="D3266" s="3"/>
      <c r="E3266" s="3"/>
      <c r="F3266" s="3"/>
      <c r="G3266" s="3"/>
      <c r="H3266" s="3"/>
      <c r="I3266" s="3"/>
      <c r="J3266" s="3"/>
      <c r="K3266" s="14"/>
      <c r="L3266" s="3"/>
    </row>
    <row r="3267" spans="1:12" ht="16.5" customHeight="1" x14ac:dyDescent="0.3">
      <c r="A3267" s="11"/>
      <c r="B3267" s="11"/>
      <c r="C3267" s="42"/>
      <c r="D3267" s="3"/>
      <c r="E3267" s="3"/>
      <c r="F3267" s="3"/>
      <c r="G3267" s="3"/>
      <c r="H3267" s="3"/>
      <c r="I3267" s="3"/>
      <c r="J3267" s="3"/>
      <c r="K3267" s="14"/>
      <c r="L3267" s="3"/>
    </row>
    <row r="3268" spans="1:12" ht="16.5" customHeight="1" x14ac:dyDescent="0.3">
      <c r="A3268" s="11"/>
      <c r="B3268" s="11"/>
      <c r="C3268" s="42"/>
      <c r="D3268" s="3"/>
      <c r="E3268" s="3"/>
      <c r="F3268" s="3"/>
      <c r="G3268" s="3"/>
      <c r="H3268" s="3"/>
      <c r="I3268" s="3"/>
      <c r="J3268" s="3"/>
      <c r="K3268" s="14"/>
      <c r="L3268" s="3"/>
    </row>
    <row r="3269" spans="1:12" ht="16.5" customHeight="1" x14ac:dyDescent="0.3">
      <c r="A3269" s="11"/>
      <c r="B3269" s="11"/>
      <c r="C3269" s="42"/>
      <c r="D3269" s="3"/>
      <c r="E3269" s="3"/>
      <c r="F3269" s="3"/>
      <c r="G3269" s="3"/>
      <c r="H3269" s="3"/>
      <c r="I3269" s="3"/>
      <c r="J3269" s="3"/>
      <c r="K3269" s="14"/>
      <c r="L3269" s="3"/>
    </row>
    <row r="3270" spans="1:12" ht="16.5" customHeight="1" x14ac:dyDescent="0.3">
      <c r="A3270" s="11"/>
      <c r="B3270" s="11"/>
      <c r="C3270" s="42"/>
      <c r="D3270" s="3"/>
      <c r="E3270" s="3"/>
      <c r="F3270" s="3"/>
      <c r="G3270" s="3"/>
      <c r="H3270" s="3"/>
      <c r="I3270" s="3"/>
      <c r="J3270" s="3"/>
      <c r="K3270" s="14"/>
      <c r="L3270" s="3"/>
    </row>
    <row r="3271" spans="1:12" ht="16.5" customHeight="1" x14ac:dyDescent="0.3">
      <c r="A3271" s="11"/>
      <c r="B3271" s="11"/>
      <c r="C3271" s="42"/>
      <c r="D3271" s="3"/>
      <c r="E3271" s="3"/>
      <c r="F3271" s="3"/>
      <c r="G3271" s="3"/>
      <c r="H3271" s="3"/>
      <c r="I3271" s="3"/>
      <c r="J3271" s="3"/>
      <c r="K3271" s="14"/>
      <c r="L3271" s="3"/>
    </row>
    <row r="3272" spans="1:12" ht="16.5" customHeight="1" x14ac:dyDescent="0.3">
      <c r="A3272" s="11"/>
      <c r="B3272" s="11"/>
      <c r="C3272" s="42"/>
      <c r="D3272" s="3"/>
      <c r="E3272" s="3"/>
      <c r="F3272" s="3"/>
      <c r="G3272" s="3"/>
      <c r="H3272" s="3"/>
      <c r="I3272" s="3"/>
      <c r="J3272" s="3"/>
      <c r="K3272" s="14"/>
      <c r="L3272" s="3"/>
    </row>
    <row r="3273" spans="1:12" ht="16.5" customHeight="1" x14ac:dyDescent="0.3">
      <c r="A3273" s="11"/>
      <c r="B3273" s="11"/>
      <c r="C3273" s="42"/>
      <c r="D3273" s="3"/>
      <c r="E3273" s="3"/>
      <c r="F3273" s="3"/>
      <c r="G3273" s="3"/>
      <c r="H3273" s="3"/>
      <c r="I3273" s="3"/>
      <c r="J3273" s="3"/>
      <c r="K3273" s="14"/>
      <c r="L3273" s="3"/>
    </row>
    <row r="3274" spans="1:12" ht="16.5" customHeight="1" x14ac:dyDescent="0.3">
      <c r="A3274" s="11"/>
      <c r="B3274" s="11"/>
      <c r="C3274" s="42"/>
      <c r="D3274" s="3"/>
      <c r="E3274" s="3"/>
      <c r="F3274" s="3"/>
      <c r="G3274" s="3"/>
      <c r="H3274" s="3"/>
      <c r="I3274" s="3"/>
      <c r="J3274" s="3"/>
      <c r="K3274" s="14"/>
      <c r="L3274" s="3"/>
    </row>
    <row r="3275" spans="1:12" ht="16.5" customHeight="1" x14ac:dyDescent="0.3">
      <c r="A3275" s="11"/>
      <c r="B3275" s="11"/>
      <c r="C3275" s="42"/>
      <c r="D3275" s="3"/>
      <c r="E3275" s="3"/>
      <c r="F3275" s="3"/>
      <c r="G3275" s="3"/>
      <c r="H3275" s="3"/>
      <c r="I3275" s="3"/>
      <c r="J3275" s="3"/>
      <c r="K3275" s="14"/>
      <c r="L3275" s="3"/>
    </row>
    <row r="3276" spans="1:12" ht="16.5" customHeight="1" x14ac:dyDescent="0.3">
      <c r="A3276" s="11"/>
      <c r="B3276" s="11"/>
      <c r="C3276" s="42"/>
      <c r="D3276" s="3"/>
      <c r="E3276" s="3"/>
      <c r="F3276" s="3"/>
      <c r="G3276" s="3"/>
      <c r="H3276" s="3"/>
      <c r="I3276" s="3"/>
      <c r="J3276" s="3"/>
      <c r="K3276" s="14"/>
      <c r="L3276" s="3"/>
    </row>
    <row r="3277" spans="1:12" ht="16.5" customHeight="1" x14ac:dyDescent="0.3">
      <c r="A3277" s="11"/>
      <c r="B3277" s="11"/>
      <c r="C3277" s="42"/>
      <c r="D3277" s="3"/>
      <c r="E3277" s="3"/>
      <c r="F3277" s="3"/>
      <c r="G3277" s="3"/>
      <c r="H3277" s="3"/>
      <c r="I3277" s="3"/>
      <c r="J3277" s="3"/>
      <c r="K3277" s="14"/>
      <c r="L3277" s="3"/>
    </row>
    <row r="3278" spans="1:12" ht="16.5" customHeight="1" x14ac:dyDescent="0.3">
      <c r="A3278" s="11"/>
      <c r="B3278" s="11"/>
      <c r="C3278" s="42"/>
      <c r="D3278" s="3"/>
      <c r="E3278" s="3"/>
      <c r="F3278" s="3"/>
      <c r="G3278" s="3"/>
      <c r="H3278" s="3"/>
      <c r="I3278" s="3"/>
      <c r="J3278" s="3"/>
      <c r="K3278" s="14"/>
      <c r="L3278" s="3"/>
    </row>
    <row r="3279" spans="1:12" ht="16.5" customHeight="1" x14ac:dyDescent="0.3">
      <c r="A3279" s="11"/>
      <c r="B3279" s="11"/>
      <c r="C3279" s="42"/>
      <c r="D3279" s="3"/>
      <c r="E3279" s="3"/>
      <c r="F3279" s="3"/>
      <c r="G3279" s="3"/>
      <c r="H3279" s="3"/>
      <c r="I3279" s="3"/>
      <c r="J3279" s="3"/>
      <c r="K3279" s="14"/>
      <c r="L3279" s="3"/>
    </row>
    <row r="3280" spans="1:12" ht="16.5" customHeight="1" x14ac:dyDescent="0.3">
      <c r="A3280" s="11"/>
      <c r="B3280" s="11"/>
      <c r="C3280" s="42"/>
      <c r="D3280" s="3"/>
      <c r="E3280" s="3"/>
      <c r="F3280" s="3"/>
      <c r="G3280" s="3"/>
      <c r="H3280" s="3"/>
      <c r="I3280" s="3"/>
      <c r="J3280" s="3"/>
      <c r="K3280" s="14"/>
      <c r="L3280" s="3"/>
    </row>
    <row r="3281" spans="1:12" ht="16.5" customHeight="1" x14ac:dyDescent="0.3">
      <c r="A3281" s="11"/>
      <c r="B3281" s="11"/>
      <c r="C3281" s="42"/>
      <c r="D3281" s="3"/>
      <c r="E3281" s="3"/>
      <c r="F3281" s="3"/>
      <c r="G3281" s="3"/>
      <c r="H3281" s="3"/>
      <c r="I3281" s="3"/>
      <c r="J3281" s="3"/>
      <c r="K3281" s="14"/>
      <c r="L3281" s="3"/>
    </row>
    <row r="3282" spans="1:12" ht="16.5" customHeight="1" x14ac:dyDescent="0.3">
      <c r="A3282" s="11"/>
      <c r="B3282" s="11"/>
      <c r="C3282" s="42"/>
      <c r="D3282" s="3"/>
      <c r="E3282" s="3"/>
      <c r="F3282" s="3"/>
      <c r="G3282" s="3"/>
      <c r="H3282" s="3"/>
      <c r="I3282" s="3"/>
      <c r="J3282" s="3"/>
      <c r="K3282" s="14"/>
      <c r="L3282" s="3"/>
    </row>
    <row r="3283" spans="1:12" ht="16.5" customHeight="1" x14ac:dyDescent="0.3">
      <c r="A3283" s="11"/>
      <c r="B3283" s="11"/>
      <c r="C3283" s="42"/>
      <c r="D3283" s="3"/>
      <c r="E3283" s="3"/>
      <c r="F3283" s="3"/>
      <c r="G3283" s="3"/>
      <c r="H3283" s="3"/>
      <c r="I3283" s="3"/>
      <c r="J3283" s="3"/>
      <c r="K3283" s="14"/>
      <c r="L3283" s="3"/>
    </row>
    <row r="3284" spans="1:12" ht="16.5" customHeight="1" x14ac:dyDescent="0.3">
      <c r="A3284" s="11"/>
      <c r="B3284" s="11"/>
      <c r="C3284" s="42"/>
      <c r="D3284" s="3"/>
      <c r="E3284" s="3"/>
      <c r="F3284" s="3"/>
      <c r="G3284" s="3"/>
      <c r="H3284" s="3"/>
      <c r="I3284" s="3"/>
      <c r="J3284" s="3"/>
      <c r="K3284" s="14"/>
      <c r="L3284" s="3"/>
    </row>
    <row r="3285" spans="1:12" ht="16.5" customHeight="1" x14ac:dyDescent="0.3">
      <c r="A3285" s="11"/>
      <c r="B3285" s="11"/>
      <c r="C3285" s="42"/>
      <c r="D3285" s="3"/>
      <c r="E3285" s="3"/>
      <c r="F3285" s="3"/>
      <c r="G3285" s="3"/>
      <c r="H3285" s="3"/>
      <c r="I3285" s="3"/>
      <c r="J3285" s="3"/>
      <c r="K3285" s="14"/>
      <c r="L3285" s="3"/>
    </row>
    <row r="3286" spans="1:12" ht="16.5" customHeight="1" x14ac:dyDescent="0.3">
      <c r="A3286" s="11"/>
      <c r="B3286" s="11"/>
      <c r="C3286" s="42"/>
      <c r="D3286" s="3"/>
      <c r="E3286" s="3"/>
      <c r="F3286" s="3"/>
      <c r="G3286" s="3"/>
      <c r="H3286" s="3"/>
      <c r="I3286" s="3"/>
      <c r="J3286" s="3"/>
      <c r="K3286" s="14"/>
      <c r="L3286" s="3"/>
    </row>
    <row r="3287" spans="1:12" ht="16.5" customHeight="1" x14ac:dyDescent="0.3">
      <c r="A3287" s="11"/>
      <c r="B3287" s="11"/>
      <c r="C3287" s="42"/>
      <c r="D3287" s="3"/>
      <c r="E3287" s="3"/>
      <c r="F3287" s="3"/>
      <c r="G3287" s="3"/>
      <c r="H3287" s="3"/>
      <c r="I3287" s="3"/>
      <c r="J3287" s="3"/>
      <c r="K3287" s="14"/>
      <c r="L3287" s="3"/>
    </row>
    <row r="3288" spans="1:12" ht="16.5" customHeight="1" x14ac:dyDescent="0.3">
      <c r="A3288" s="11"/>
      <c r="B3288" s="11"/>
      <c r="C3288" s="42"/>
      <c r="D3288" s="3"/>
      <c r="E3288" s="3"/>
      <c r="F3288" s="3"/>
      <c r="G3288" s="3"/>
      <c r="H3288" s="3"/>
      <c r="I3288" s="3"/>
      <c r="J3288" s="3"/>
      <c r="K3288" s="14"/>
      <c r="L3288" s="3"/>
    </row>
    <row r="3289" spans="1:12" ht="16.5" customHeight="1" x14ac:dyDescent="0.3">
      <c r="A3289" s="11"/>
      <c r="B3289" s="11"/>
      <c r="C3289" s="42"/>
      <c r="D3289" s="3"/>
      <c r="E3289" s="3"/>
      <c r="F3289" s="3"/>
      <c r="G3289" s="3"/>
      <c r="H3289" s="3"/>
      <c r="I3289" s="3"/>
      <c r="J3289" s="3"/>
      <c r="K3289" s="14"/>
      <c r="L3289" s="3"/>
    </row>
    <row r="3290" spans="1:12" ht="16.5" customHeight="1" x14ac:dyDescent="0.3">
      <c r="A3290" s="11"/>
      <c r="B3290" s="11"/>
      <c r="C3290" s="42"/>
      <c r="D3290" s="3"/>
      <c r="E3290" s="3"/>
      <c r="F3290" s="3"/>
      <c r="G3290" s="3"/>
      <c r="H3290" s="3"/>
      <c r="I3290" s="3"/>
      <c r="J3290" s="3"/>
      <c r="K3290" s="14"/>
      <c r="L3290" s="3"/>
    </row>
    <row r="3291" spans="1:12" ht="16.5" customHeight="1" x14ac:dyDescent="0.3">
      <c r="A3291" s="11"/>
      <c r="B3291" s="11"/>
      <c r="C3291" s="42"/>
      <c r="D3291" s="3"/>
      <c r="E3291" s="3"/>
      <c r="F3291" s="3"/>
      <c r="G3291" s="3"/>
      <c r="H3291" s="3"/>
      <c r="I3291" s="3"/>
      <c r="J3291" s="3"/>
      <c r="K3291" s="14"/>
      <c r="L3291" s="3"/>
    </row>
    <row r="3292" spans="1:12" ht="16.5" customHeight="1" x14ac:dyDescent="0.3">
      <c r="A3292" s="11"/>
      <c r="B3292" s="11"/>
      <c r="C3292" s="42"/>
      <c r="D3292" s="3"/>
      <c r="E3292" s="3"/>
      <c r="F3292" s="3"/>
      <c r="G3292" s="3"/>
      <c r="H3292" s="3"/>
      <c r="I3292" s="3"/>
      <c r="J3292" s="3"/>
      <c r="K3292" s="14"/>
      <c r="L3292" s="3"/>
    </row>
    <row r="3293" spans="1:12" ht="16.5" customHeight="1" x14ac:dyDescent="0.3">
      <c r="A3293" s="11"/>
      <c r="B3293" s="11"/>
      <c r="C3293" s="42"/>
      <c r="D3293" s="3"/>
      <c r="E3293" s="3"/>
      <c r="F3293" s="3"/>
      <c r="G3293" s="3"/>
      <c r="H3293" s="3"/>
      <c r="I3293" s="3"/>
      <c r="J3293" s="3"/>
      <c r="K3293" s="14"/>
      <c r="L3293" s="3"/>
    </row>
    <row r="3294" spans="1:12" ht="16.5" customHeight="1" x14ac:dyDescent="0.3">
      <c r="A3294" s="11"/>
      <c r="B3294" s="11"/>
      <c r="C3294" s="42"/>
      <c r="D3294" s="3"/>
      <c r="E3294" s="3"/>
      <c r="F3294" s="3"/>
      <c r="G3294" s="3"/>
      <c r="H3294" s="3"/>
      <c r="I3294" s="3"/>
      <c r="J3294" s="3"/>
      <c r="K3294" s="14"/>
      <c r="L3294" s="3"/>
    </row>
    <row r="3295" spans="1:12" ht="16.5" customHeight="1" x14ac:dyDescent="0.3">
      <c r="A3295" s="11"/>
      <c r="B3295" s="11"/>
      <c r="C3295" s="42"/>
      <c r="D3295" s="3"/>
      <c r="E3295" s="3"/>
      <c r="F3295" s="3"/>
      <c r="G3295" s="3"/>
      <c r="H3295" s="3"/>
      <c r="I3295" s="3"/>
      <c r="J3295" s="3"/>
      <c r="K3295" s="14"/>
      <c r="L3295" s="3"/>
    </row>
    <row r="3296" spans="1:12" ht="16.5" customHeight="1" x14ac:dyDescent="0.3">
      <c r="A3296" s="11"/>
      <c r="B3296" s="11"/>
      <c r="C3296" s="42"/>
      <c r="D3296" s="3"/>
      <c r="E3296" s="3"/>
      <c r="F3296" s="3"/>
      <c r="G3296" s="3"/>
      <c r="H3296" s="3"/>
      <c r="I3296" s="3"/>
      <c r="J3296" s="3"/>
      <c r="K3296" s="14"/>
      <c r="L3296" s="3"/>
    </row>
    <row r="3297" spans="1:12" ht="16.5" customHeight="1" x14ac:dyDescent="0.3">
      <c r="A3297" s="11"/>
      <c r="B3297" s="11"/>
      <c r="C3297" s="42"/>
      <c r="D3297" s="3"/>
      <c r="E3297" s="3"/>
      <c r="F3297" s="3"/>
      <c r="G3297" s="3"/>
      <c r="H3297" s="3"/>
      <c r="I3297" s="3"/>
      <c r="J3297" s="3"/>
      <c r="K3297" s="14"/>
      <c r="L3297" s="3"/>
    </row>
    <row r="3298" spans="1:12" ht="16.5" customHeight="1" x14ac:dyDescent="0.3">
      <c r="A3298" s="11"/>
      <c r="B3298" s="11"/>
      <c r="C3298" s="42"/>
      <c r="D3298" s="3"/>
      <c r="E3298" s="3"/>
      <c r="F3298" s="3"/>
      <c r="G3298" s="3"/>
      <c r="H3298" s="3"/>
      <c r="I3298" s="3"/>
      <c r="J3298" s="3"/>
      <c r="K3298" s="14"/>
      <c r="L3298" s="3"/>
    </row>
    <row r="3299" spans="1:12" ht="16.5" customHeight="1" x14ac:dyDescent="0.3">
      <c r="A3299" s="11"/>
      <c r="B3299" s="11"/>
      <c r="C3299" s="42"/>
      <c r="D3299" s="3"/>
      <c r="E3299" s="3"/>
      <c r="F3299" s="3"/>
      <c r="G3299" s="3"/>
      <c r="H3299" s="3"/>
      <c r="I3299" s="3"/>
      <c r="J3299" s="3"/>
      <c r="K3299" s="14"/>
      <c r="L3299" s="3"/>
    </row>
    <row r="3300" spans="1:12" ht="16.5" customHeight="1" x14ac:dyDescent="0.3">
      <c r="A3300" s="11"/>
      <c r="B3300" s="11"/>
      <c r="C3300" s="42"/>
      <c r="D3300" s="3"/>
      <c r="E3300" s="3"/>
      <c r="F3300" s="3"/>
      <c r="G3300" s="3"/>
      <c r="H3300" s="3"/>
      <c r="I3300" s="3"/>
      <c r="J3300" s="3"/>
      <c r="K3300" s="14"/>
      <c r="L3300" s="3"/>
    </row>
    <row r="3301" spans="1:12" ht="16.5" customHeight="1" x14ac:dyDescent="0.3">
      <c r="A3301" s="11"/>
      <c r="B3301" s="11"/>
      <c r="C3301" s="42"/>
      <c r="D3301" s="3"/>
      <c r="E3301" s="3"/>
      <c r="F3301" s="3"/>
      <c r="G3301" s="3"/>
      <c r="H3301" s="3"/>
      <c r="I3301" s="3"/>
      <c r="J3301" s="3"/>
      <c r="K3301" s="14"/>
      <c r="L3301" s="3"/>
    </row>
    <row r="3302" spans="1:12" ht="16.5" customHeight="1" x14ac:dyDescent="0.3">
      <c r="A3302" s="11"/>
      <c r="B3302" s="11"/>
      <c r="C3302" s="42"/>
      <c r="D3302" s="3"/>
      <c r="E3302" s="3"/>
      <c r="F3302" s="3"/>
      <c r="G3302" s="3"/>
      <c r="H3302" s="3"/>
      <c r="I3302" s="3"/>
      <c r="J3302" s="3"/>
      <c r="K3302" s="14"/>
      <c r="L3302" s="3"/>
    </row>
    <row r="3303" spans="1:12" ht="16.5" customHeight="1" x14ac:dyDescent="0.3">
      <c r="A3303" s="11"/>
      <c r="B3303" s="11"/>
      <c r="C3303" s="42"/>
      <c r="D3303" s="3"/>
      <c r="E3303" s="3"/>
      <c r="F3303" s="3"/>
      <c r="G3303" s="3"/>
      <c r="H3303" s="3"/>
      <c r="I3303" s="3"/>
      <c r="J3303" s="3"/>
      <c r="K3303" s="14"/>
      <c r="L3303" s="3"/>
    </row>
    <row r="3304" spans="1:12" ht="16.5" customHeight="1" x14ac:dyDescent="0.3">
      <c r="A3304" s="11"/>
      <c r="B3304" s="11"/>
      <c r="C3304" s="42"/>
      <c r="D3304" s="3"/>
      <c r="E3304" s="3"/>
      <c r="F3304" s="3"/>
      <c r="G3304" s="3"/>
      <c r="H3304" s="3"/>
      <c r="I3304" s="3"/>
      <c r="J3304" s="3"/>
      <c r="K3304" s="14"/>
      <c r="L3304" s="3"/>
    </row>
    <row r="3305" spans="1:12" ht="16.5" customHeight="1" x14ac:dyDescent="0.3">
      <c r="A3305" s="11"/>
      <c r="B3305" s="11"/>
      <c r="C3305" s="42"/>
      <c r="D3305" s="3"/>
      <c r="E3305" s="3"/>
      <c r="F3305" s="3"/>
      <c r="G3305" s="3"/>
      <c r="H3305" s="3"/>
      <c r="I3305" s="3"/>
      <c r="J3305" s="3"/>
      <c r="K3305" s="14"/>
      <c r="L3305" s="3"/>
    </row>
    <row r="3306" spans="1:12" ht="16.5" customHeight="1" x14ac:dyDescent="0.3">
      <c r="A3306" s="11"/>
      <c r="B3306" s="11"/>
      <c r="C3306" s="42"/>
      <c r="D3306" s="3"/>
      <c r="E3306" s="3"/>
      <c r="F3306" s="3"/>
      <c r="G3306" s="3"/>
      <c r="H3306" s="3"/>
      <c r="I3306" s="3"/>
      <c r="J3306" s="3"/>
      <c r="K3306" s="14"/>
      <c r="L3306" s="3"/>
    </row>
    <row r="3307" spans="1:12" ht="16.5" customHeight="1" x14ac:dyDescent="0.3">
      <c r="A3307" s="11"/>
      <c r="B3307" s="11"/>
      <c r="C3307" s="42"/>
      <c r="D3307" s="3"/>
      <c r="E3307" s="3"/>
      <c r="F3307" s="3"/>
      <c r="G3307" s="3"/>
      <c r="H3307" s="3"/>
      <c r="I3307" s="3"/>
      <c r="J3307" s="3"/>
      <c r="K3307" s="14"/>
      <c r="L3307" s="3"/>
    </row>
    <row r="3308" spans="1:12" ht="16.5" customHeight="1" x14ac:dyDescent="0.3">
      <c r="A3308" s="11"/>
      <c r="B3308" s="11"/>
      <c r="C3308" s="42"/>
      <c r="D3308" s="3"/>
      <c r="E3308" s="3"/>
      <c r="F3308" s="3"/>
      <c r="G3308" s="3"/>
      <c r="H3308" s="3"/>
      <c r="I3308" s="3"/>
      <c r="J3308" s="3"/>
      <c r="K3308" s="14"/>
      <c r="L3308" s="3"/>
    </row>
    <row r="3309" spans="1:12" ht="16.5" customHeight="1" x14ac:dyDescent="0.3">
      <c r="A3309" s="11"/>
      <c r="B3309" s="11"/>
      <c r="C3309" s="42"/>
      <c r="D3309" s="3"/>
      <c r="E3309" s="3"/>
      <c r="F3309" s="3"/>
      <c r="G3309" s="3"/>
      <c r="H3309" s="3"/>
      <c r="I3309" s="3"/>
      <c r="J3309" s="3"/>
      <c r="K3309" s="14"/>
      <c r="L3309" s="3"/>
    </row>
    <row r="3310" spans="1:12" ht="16.5" customHeight="1" x14ac:dyDescent="0.3">
      <c r="A3310" s="11"/>
      <c r="B3310" s="11"/>
      <c r="C3310" s="42"/>
      <c r="D3310" s="3"/>
      <c r="E3310" s="3"/>
      <c r="F3310" s="3"/>
      <c r="G3310" s="3"/>
      <c r="H3310" s="3"/>
      <c r="I3310" s="3"/>
      <c r="J3310" s="3"/>
      <c r="K3310" s="14"/>
      <c r="L3310" s="3"/>
    </row>
    <row r="3311" spans="1:12" ht="16.5" customHeight="1" x14ac:dyDescent="0.3">
      <c r="A3311" s="11"/>
      <c r="B3311" s="11"/>
      <c r="C3311" s="42"/>
      <c r="D3311" s="3"/>
      <c r="E3311" s="3"/>
      <c r="F3311" s="3"/>
      <c r="G3311" s="3"/>
      <c r="H3311" s="3"/>
      <c r="I3311" s="3"/>
      <c r="J3311" s="3"/>
      <c r="K3311" s="14"/>
      <c r="L3311" s="3"/>
    </row>
    <row r="3312" spans="1:12" ht="16.5" customHeight="1" x14ac:dyDescent="0.3">
      <c r="A3312" s="11"/>
      <c r="B3312" s="11"/>
      <c r="C3312" s="42"/>
      <c r="D3312" s="3"/>
      <c r="E3312" s="3"/>
      <c r="F3312" s="3"/>
      <c r="G3312" s="3"/>
      <c r="H3312" s="3"/>
      <c r="I3312" s="3"/>
      <c r="J3312" s="3"/>
      <c r="K3312" s="14"/>
      <c r="L3312" s="3"/>
    </row>
    <row r="3313" spans="1:12" ht="16.5" customHeight="1" x14ac:dyDescent="0.3">
      <c r="A3313" s="11"/>
      <c r="B3313" s="11"/>
      <c r="C3313" s="42"/>
      <c r="D3313" s="3"/>
      <c r="E3313" s="3"/>
      <c r="F3313" s="3"/>
      <c r="G3313" s="3"/>
      <c r="H3313" s="3"/>
      <c r="I3313" s="3"/>
      <c r="J3313" s="3"/>
      <c r="K3313" s="14"/>
      <c r="L3313" s="3"/>
    </row>
    <row r="3314" spans="1:12" ht="16.5" customHeight="1" x14ac:dyDescent="0.3">
      <c r="A3314" s="11"/>
      <c r="B3314" s="11"/>
      <c r="C3314" s="42"/>
      <c r="D3314" s="3"/>
      <c r="E3314" s="3"/>
      <c r="F3314" s="3"/>
      <c r="G3314" s="3"/>
      <c r="H3314" s="3"/>
      <c r="I3314" s="3"/>
      <c r="J3314" s="3"/>
      <c r="K3314" s="14"/>
      <c r="L3314" s="3"/>
    </row>
    <row r="3315" spans="1:12" ht="16.5" customHeight="1" x14ac:dyDescent="0.3">
      <c r="A3315" s="11"/>
      <c r="B3315" s="11"/>
      <c r="C3315" s="42"/>
      <c r="D3315" s="3"/>
      <c r="E3315" s="3"/>
      <c r="F3315" s="3"/>
      <c r="G3315" s="3"/>
      <c r="H3315" s="3"/>
      <c r="I3315" s="3"/>
      <c r="J3315" s="3"/>
      <c r="K3315" s="14"/>
      <c r="L3315" s="3"/>
    </row>
    <row r="3316" spans="1:12" ht="16.5" customHeight="1" x14ac:dyDescent="0.3">
      <c r="A3316" s="11"/>
      <c r="B3316" s="11"/>
      <c r="C3316" s="42"/>
      <c r="D3316" s="3"/>
      <c r="E3316" s="3"/>
      <c r="F3316" s="3"/>
      <c r="G3316" s="3"/>
      <c r="H3316" s="3"/>
      <c r="I3316" s="3"/>
      <c r="J3316" s="3"/>
      <c r="K3316" s="14"/>
      <c r="L3316" s="3"/>
    </row>
    <row r="3317" spans="1:12" ht="16.5" customHeight="1" x14ac:dyDescent="0.3">
      <c r="A3317" s="11"/>
      <c r="B3317" s="11"/>
      <c r="C3317" s="42"/>
      <c r="D3317" s="3"/>
      <c r="E3317" s="3"/>
      <c r="F3317" s="3"/>
      <c r="G3317" s="3"/>
      <c r="H3317" s="3"/>
      <c r="I3317" s="3"/>
      <c r="J3317" s="3"/>
      <c r="K3317" s="14"/>
      <c r="L3317" s="3"/>
    </row>
    <row r="3318" spans="1:12" ht="16.5" customHeight="1" x14ac:dyDescent="0.3">
      <c r="A3318" s="11"/>
      <c r="B3318" s="11"/>
      <c r="C3318" s="42"/>
      <c r="D3318" s="3"/>
      <c r="E3318" s="3"/>
      <c r="F3318" s="3"/>
      <c r="G3318" s="3"/>
      <c r="H3318" s="3"/>
      <c r="I3318" s="3"/>
      <c r="J3318" s="3"/>
      <c r="K3318" s="14"/>
      <c r="L3318" s="3"/>
    </row>
    <row r="3319" spans="1:12" ht="16.5" customHeight="1" x14ac:dyDescent="0.3">
      <c r="A3319" s="11"/>
      <c r="B3319" s="11"/>
      <c r="C3319" s="42"/>
      <c r="D3319" s="3"/>
      <c r="E3319" s="3"/>
      <c r="F3319" s="3"/>
      <c r="G3319" s="3"/>
      <c r="H3319" s="3"/>
      <c r="I3319" s="3"/>
      <c r="J3319" s="3"/>
      <c r="K3319" s="14"/>
      <c r="L3319" s="3"/>
    </row>
    <row r="3320" spans="1:12" ht="16.5" customHeight="1" x14ac:dyDescent="0.3">
      <c r="A3320" s="11"/>
      <c r="B3320" s="11"/>
      <c r="C3320" s="42"/>
      <c r="D3320" s="3"/>
      <c r="E3320" s="3"/>
      <c r="F3320" s="3"/>
      <c r="G3320" s="3"/>
      <c r="H3320" s="3"/>
      <c r="I3320" s="3"/>
      <c r="J3320" s="3"/>
      <c r="K3320" s="14"/>
      <c r="L3320" s="3"/>
    </row>
    <row r="3321" spans="1:12" ht="16.5" customHeight="1" x14ac:dyDescent="0.3">
      <c r="A3321" s="11"/>
      <c r="B3321" s="11"/>
      <c r="C3321" s="42"/>
      <c r="D3321" s="3"/>
      <c r="E3321" s="3"/>
      <c r="F3321" s="3"/>
      <c r="G3321" s="3"/>
      <c r="H3321" s="3"/>
      <c r="I3321" s="3"/>
      <c r="J3321" s="3"/>
      <c r="K3321" s="14"/>
      <c r="L3321" s="3"/>
    </row>
    <row r="3322" spans="1:12" ht="16.5" customHeight="1" x14ac:dyDescent="0.3">
      <c r="A3322" s="11"/>
      <c r="B3322" s="11"/>
      <c r="C3322" s="42"/>
      <c r="D3322" s="3"/>
      <c r="E3322" s="3"/>
      <c r="F3322" s="3"/>
      <c r="G3322" s="3"/>
      <c r="H3322" s="3"/>
      <c r="I3322" s="3"/>
      <c r="J3322" s="3"/>
      <c r="K3322" s="14"/>
      <c r="L3322" s="3"/>
    </row>
    <row r="3323" spans="1:12" ht="16.5" customHeight="1" x14ac:dyDescent="0.3">
      <c r="A3323" s="11"/>
      <c r="B3323" s="11"/>
      <c r="C3323" s="42"/>
      <c r="D3323" s="3"/>
      <c r="E3323" s="3"/>
      <c r="F3323" s="3"/>
      <c r="G3323" s="3"/>
      <c r="H3323" s="3"/>
      <c r="I3323" s="3"/>
      <c r="J3323" s="3"/>
      <c r="K3323" s="14"/>
      <c r="L3323" s="3"/>
    </row>
    <row r="3324" spans="1:12" ht="16.5" customHeight="1" x14ac:dyDescent="0.3">
      <c r="A3324" s="11"/>
      <c r="B3324" s="11"/>
      <c r="C3324" s="42"/>
      <c r="D3324" s="3"/>
      <c r="E3324" s="3"/>
      <c r="F3324" s="3"/>
      <c r="G3324" s="3"/>
      <c r="H3324" s="3"/>
      <c r="I3324" s="3"/>
      <c r="J3324" s="3"/>
      <c r="K3324" s="14"/>
      <c r="L3324" s="3"/>
    </row>
    <row r="3325" spans="1:12" ht="16.5" customHeight="1" x14ac:dyDescent="0.3">
      <c r="A3325" s="11"/>
      <c r="B3325" s="11"/>
      <c r="C3325" s="42"/>
      <c r="D3325" s="3"/>
      <c r="E3325" s="3"/>
      <c r="F3325" s="3"/>
      <c r="G3325" s="3"/>
      <c r="H3325" s="3"/>
      <c r="I3325" s="3"/>
      <c r="J3325" s="3"/>
      <c r="K3325" s="14"/>
      <c r="L3325" s="3"/>
    </row>
    <row r="3326" spans="1:12" ht="16.5" customHeight="1" x14ac:dyDescent="0.3">
      <c r="A3326" s="11"/>
      <c r="B3326" s="11"/>
      <c r="C3326" s="42"/>
      <c r="D3326" s="3"/>
      <c r="E3326" s="3"/>
      <c r="F3326" s="3"/>
      <c r="G3326" s="3"/>
      <c r="H3326" s="3"/>
      <c r="I3326" s="3"/>
      <c r="J3326" s="3"/>
      <c r="K3326" s="14"/>
      <c r="L3326" s="3"/>
    </row>
    <row r="3327" spans="1:12" ht="16.5" customHeight="1" x14ac:dyDescent="0.3">
      <c r="A3327" s="11"/>
      <c r="B3327" s="11"/>
      <c r="C3327" s="42"/>
      <c r="D3327" s="3"/>
      <c r="E3327" s="3"/>
      <c r="F3327" s="3"/>
      <c r="G3327" s="3"/>
      <c r="H3327" s="3"/>
      <c r="I3327" s="3"/>
      <c r="J3327" s="3"/>
      <c r="K3327" s="14"/>
      <c r="L3327" s="3"/>
    </row>
    <row r="3328" spans="1:12" ht="16.5" customHeight="1" x14ac:dyDescent="0.3">
      <c r="A3328" s="11"/>
      <c r="B3328" s="11"/>
      <c r="C3328" s="42"/>
      <c r="D3328" s="3"/>
      <c r="E3328" s="3"/>
      <c r="F3328" s="3"/>
      <c r="G3328" s="3"/>
      <c r="H3328" s="3"/>
      <c r="I3328" s="3"/>
      <c r="J3328" s="3"/>
      <c r="K3328" s="14"/>
      <c r="L3328" s="3"/>
    </row>
    <row r="3329" spans="1:12" ht="16.5" customHeight="1" x14ac:dyDescent="0.3">
      <c r="A3329" s="11"/>
      <c r="B3329" s="11"/>
      <c r="C3329" s="42"/>
      <c r="D3329" s="3"/>
      <c r="E3329" s="3"/>
      <c r="F3329" s="3"/>
      <c r="G3329" s="3"/>
      <c r="H3329" s="3"/>
      <c r="I3329" s="3"/>
      <c r="J3329" s="3"/>
      <c r="K3329" s="14"/>
      <c r="L3329" s="3"/>
    </row>
    <row r="3330" spans="1:12" ht="16.5" customHeight="1" x14ac:dyDescent="0.3">
      <c r="A3330" s="11"/>
      <c r="B3330" s="11"/>
      <c r="C3330" s="42"/>
      <c r="D3330" s="3"/>
      <c r="E3330" s="3"/>
      <c r="F3330" s="3"/>
      <c r="G3330" s="3"/>
      <c r="H3330" s="3"/>
      <c r="I3330" s="3"/>
      <c r="J3330" s="3"/>
      <c r="K3330" s="14"/>
      <c r="L3330" s="3"/>
    </row>
    <row r="3331" spans="1:12" ht="16.5" customHeight="1" x14ac:dyDescent="0.3">
      <c r="A3331" s="11"/>
      <c r="B3331" s="11"/>
      <c r="C3331" s="42"/>
      <c r="D3331" s="3"/>
      <c r="E3331" s="3"/>
      <c r="F3331" s="3"/>
      <c r="G3331" s="3"/>
      <c r="H3331" s="3"/>
      <c r="I3331" s="3"/>
      <c r="J3331" s="3"/>
      <c r="K3331" s="14"/>
      <c r="L3331" s="3"/>
    </row>
    <row r="3332" spans="1:12" ht="16.5" customHeight="1" x14ac:dyDescent="0.3">
      <c r="A3332" s="11"/>
      <c r="B3332" s="11"/>
      <c r="C3332" s="42"/>
      <c r="D3332" s="3"/>
      <c r="E3332" s="3"/>
      <c r="F3332" s="3"/>
      <c r="G3332" s="3"/>
      <c r="H3332" s="3"/>
      <c r="I3332" s="3"/>
      <c r="J3332" s="3"/>
      <c r="K3332" s="14"/>
      <c r="L3332" s="3"/>
    </row>
    <row r="3333" spans="1:12" ht="16.5" customHeight="1" x14ac:dyDescent="0.3">
      <c r="A3333" s="11"/>
      <c r="B3333" s="11"/>
      <c r="C3333" s="42"/>
      <c r="D3333" s="3"/>
      <c r="E3333" s="3"/>
      <c r="F3333" s="3"/>
      <c r="G3333" s="3"/>
      <c r="H3333" s="3"/>
      <c r="I3333" s="3"/>
      <c r="J3333" s="3"/>
      <c r="K3333" s="14"/>
      <c r="L3333" s="3"/>
    </row>
    <row r="3334" spans="1:12" ht="16.5" customHeight="1" x14ac:dyDescent="0.3">
      <c r="A3334" s="11"/>
      <c r="B3334" s="11"/>
      <c r="C3334" s="42"/>
      <c r="D3334" s="3"/>
      <c r="E3334" s="3"/>
      <c r="F3334" s="3"/>
      <c r="G3334" s="3"/>
      <c r="H3334" s="3"/>
      <c r="I3334" s="3"/>
      <c r="J3334" s="3"/>
      <c r="K3334" s="14"/>
      <c r="L3334" s="3"/>
    </row>
    <row r="3335" spans="1:12" ht="16.5" customHeight="1" x14ac:dyDescent="0.3">
      <c r="A3335" s="11"/>
      <c r="B3335" s="11"/>
      <c r="C3335" s="42"/>
      <c r="D3335" s="3"/>
      <c r="E3335" s="3"/>
      <c r="F3335" s="3"/>
      <c r="G3335" s="3"/>
      <c r="H3335" s="3"/>
      <c r="I3335" s="3"/>
      <c r="J3335" s="3"/>
      <c r="K3335" s="14"/>
      <c r="L3335" s="3"/>
    </row>
    <row r="3336" spans="1:12" ht="16.5" customHeight="1" x14ac:dyDescent="0.3">
      <c r="A3336" s="11"/>
      <c r="B3336" s="11"/>
      <c r="C3336" s="42"/>
      <c r="D3336" s="3"/>
      <c r="E3336" s="3"/>
      <c r="F3336" s="3"/>
      <c r="G3336" s="3"/>
      <c r="H3336" s="3"/>
      <c r="I3336" s="3"/>
      <c r="J3336" s="3"/>
      <c r="K3336" s="14"/>
      <c r="L3336" s="3"/>
    </row>
    <row r="3337" spans="1:12" ht="16.5" customHeight="1" x14ac:dyDescent="0.3">
      <c r="A3337" s="11"/>
      <c r="B3337" s="11"/>
      <c r="C3337" s="42"/>
      <c r="D3337" s="3"/>
      <c r="E3337" s="3"/>
      <c r="F3337" s="3"/>
      <c r="G3337" s="3"/>
      <c r="H3337" s="3"/>
      <c r="I3337" s="3"/>
      <c r="J3337" s="3"/>
      <c r="K3337" s="14"/>
      <c r="L3337" s="3"/>
    </row>
    <row r="3338" spans="1:12" ht="16.5" customHeight="1" x14ac:dyDescent="0.3">
      <c r="A3338" s="11"/>
      <c r="B3338" s="11"/>
      <c r="C3338" s="42"/>
      <c r="D3338" s="3"/>
      <c r="E3338" s="3"/>
      <c r="F3338" s="3"/>
      <c r="G3338" s="3"/>
      <c r="H3338" s="3"/>
      <c r="I3338" s="3"/>
      <c r="J3338" s="3"/>
      <c r="K3338" s="14"/>
      <c r="L3338" s="3"/>
    </row>
    <row r="3339" spans="1:12" ht="16.5" customHeight="1" x14ac:dyDescent="0.3">
      <c r="A3339" s="11"/>
      <c r="B3339" s="11"/>
      <c r="C3339" s="42"/>
      <c r="D3339" s="3"/>
      <c r="E3339" s="3"/>
      <c r="F3339" s="3"/>
      <c r="G3339" s="3"/>
      <c r="H3339" s="3"/>
      <c r="I3339" s="3"/>
      <c r="J3339" s="3"/>
      <c r="K3339" s="14"/>
      <c r="L3339" s="3"/>
    </row>
    <row r="3340" spans="1:12" ht="16.5" customHeight="1" x14ac:dyDescent="0.3">
      <c r="A3340" s="11"/>
      <c r="B3340" s="11"/>
      <c r="C3340" s="42"/>
      <c r="D3340" s="3"/>
      <c r="E3340" s="3"/>
      <c r="F3340" s="3"/>
      <c r="G3340" s="3"/>
      <c r="H3340" s="3"/>
      <c r="I3340" s="3"/>
      <c r="J3340" s="3"/>
      <c r="K3340" s="14"/>
      <c r="L3340" s="3"/>
    </row>
    <row r="3341" spans="1:12" ht="16.5" customHeight="1" x14ac:dyDescent="0.3">
      <c r="A3341" s="11"/>
      <c r="B3341" s="11"/>
      <c r="C3341" s="42"/>
      <c r="D3341" s="3"/>
      <c r="E3341" s="3"/>
      <c r="F3341" s="3"/>
      <c r="G3341" s="3"/>
      <c r="H3341" s="3"/>
      <c r="I3341" s="3"/>
      <c r="J3341" s="3"/>
      <c r="K3341" s="14"/>
      <c r="L3341" s="3"/>
    </row>
    <row r="3342" spans="1:12" ht="16.5" customHeight="1" x14ac:dyDescent="0.3">
      <c r="A3342" s="11"/>
      <c r="B3342" s="11"/>
      <c r="C3342" s="42"/>
      <c r="D3342" s="3"/>
      <c r="E3342" s="3"/>
      <c r="F3342" s="3"/>
      <c r="G3342" s="3"/>
      <c r="H3342" s="3"/>
      <c r="I3342" s="3"/>
      <c r="J3342" s="3"/>
      <c r="K3342" s="14"/>
      <c r="L3342" s="3"/>
    </row>
    <row r="3343" spans="1:12" ht="16.5" customHeight="1" x14ac:dyDescent="0.3">
      <c r="A3343" s="11"/>
      <c r="B3343" s="11"/>
      <c r="C3343" s="42"/>
      <c r="D3343" s="3"/>
      <c r="E3343" s="3"/>
      <c r="F3343" s="3"/>
      <c r="G3343" s="3"/>
      <c r="H3343" s="3"/>
      <c r="I3343" s="3"/>
      <c r="J3343" s="3"/>
      <c r="K3343" s="14"/>
      <c r="L3343" s="3"/>
    </row>
    <row r="3344" spans="1:12" ht="16.5" customHeight="1" x14ac:dyDescent="0.3">
      <c r="A3344" s="11"/>
      <c r="B3344" s="11"/>
      <c r="C3344" s="42"/>
      <c r="D3344" s="3"/>
      <c r="E3344" s="3"/>
      <c r="F3344" s="3"/>
      <c r="G3344" s="3"/>
      <c r="H3344" s="3"/>
      <c r="I3344" s="3"/>
      <c r="J3344" s="3"/>
      <c r="K3344" s="14"/>
      <c r="L3344" s="3"/>
    </row>
    <row r="3345" spans="1:12" ht="16.5" customHeight="1" x14ac:dyDescent="0.3">
      <c r="A3345" s="11"/>
      <c r="B3345" s="11"/>
      <c r="C3345" s="42"/>
      <c r="D3345" s="3"/>
      <c r="E3345" s="3"/>
      <c r="F3345" s="3"/>
      <c r="G3345" s="3"/>
      <c r="H3345" s="3"/>
      <c r="I3345" s="3"/>
      <c r="J3345" s="3"/>
      <c r="K3345" s="14"/>
      <c r="L3345" s="3"/>
    </row>
    <row r="3346" spans="1:12" ht="16.5" customHeight="1" x14ac:dyDescent="0.3">
      <c r="A3346" s="11"/>
      <c r="B3346" s="11"/>
      <c r="C3346" s="42"/>
      <c r="D3346" s="3"/>
      <c r="E3346" s="3"/>
      <c r="F3346" s="3"/>
      <c r="G3346" s="3"/>
      <c r="H3346" s="3"/>
      <c r="I3346" s="3"/>
      <c r="J3346" s="3"/>
      <c r="K3346" s="14"/>
      <c r="L3346" s="3"/>
    </row>
    <row r="3347" spans="1:12" ht="16.5" customHeight="1" x14ac:dyDescent="0.3">
      <c r="A3347" s="11"/>
      <c r="B3347" s="11"/>
      <c r="C3347" s="42"/>
      <c r="D3347" s="3"/>
      <c r="E3347" s="3"/>
      <c r="F3347" s="3"/>
      <c r="G3347" s="3"/>
      <c r="H3347" s="3"/>
      <c r="I3347" s="3"/>
      <c r="J3347" s="3"/>
      <c r="K3347" s="14"/>
      <c r="L3347" s="3"/>
    </row>
    <row r="3348" spans="1:12" ht="16.5" customHeight="1" x14ac:dyDescent="0.3">
      <c r="A3348" s="11"/>
      <c r="B3348" s="11"/>
      <c r="C3348" s="42"/>
      <c r="D3348" s="3"/>
      <c r="E3348" s="3"/>
      <c r="F3348" s="3"/>
      <c r="G3348" s="3"/>
      <c r="H3348" s="3"/>
      <c r="I3348" s="3"/>
      <c r="J3348" s="3"/>
      <c r="K3348" s="14"/>
      <c r="L3348" s="3"/>
    </row>
    <row r="3349" spans="1:12" ht="16.5" customHeight="1" x14ac:dyDescent="0.3">
      <c r="A3349" s="11"/>
      <c r="B3349" s="11"/>
      <c r="C3349" s="42"/>
      <c r="D3349" s="3"/>
      <c r="E3349" s="3"/>
      <c r="F3349" s="3"/>
      <c r="G3349" s="3"/>
      <c r="H3349" s="3"/>
      <c r="I3349" s="3"/>
      <c r="J3349" s="3"/>
      <c r="K3349" s="14"/>
      <c r="L3349" s="3"/>
    </row>
    <row r="3350" spans="1:12" ht="16.5" customHeight="1" x14ac:dyDescent="0.3">
      <c r="A3350" s="11"/>
      <c r="B3350" s="11"/>
      <c r="C3350" s="42"/>
      <c r="D3350" s="3"/>
      <c r="E3350" s="3"/>
      <c r="F3350" s="3"/>
      <c r="G3350" s="3"/>
      <c r="H3350" s="3"/>
      <c r="I3350" s="3"/>
      <c r="J3350" s="3"/>
      <c r="K3350" s="14"/>
      <c r="L3350" s="3"/>
    </row>
    <row r="3351" spans="1:12" ht="16.5" customHeight="1" x14ac:dyDescent="0.3">
      <c r="A3351" s="11"/>
      <c r="B3351" s="11"/>
      <c r="C3351" s="42"/>
      <c r="D3351" s="3"/>
      <c r="E3351" s="3"/>
      <c r="F3351" s="3"/>
      <c r="G3351" s="3"/>
      <c r="H3351" s="3"/>
      <c r="I3351" s="3"/>
      <c r="J3351" s="3"/>
      <c r="K3351" s="14"/>
      <c r="L3351" s="3"/>
    </row>
    <row r="3352" spans="1:12" ht="16.5" customHeight="1" x14ac:dyDescent="0.3">
      <c r="A3352" s="11"/>
      <c r="B3352" s="11"/>
      <c r="C3352" s="42"/>
      <c r="D3352" s="3"/>
      <c r="E3352" s="3"/>
      <c r="F3352" s="3"/>
      <c r="G3352" s="3"/>
      <c r="H3352" s="3"/>
      <c r="I3352" s="3"/>
      <c r="J3352" s="3"/>
      <c r="K3352" s="14"/>
      <c r="L3352" s="3"/>
    </row>
    <row r="3353" spans="1:12" ht="16.5" customHeight="1" x14ac:dyDescent="0.3">
      <c r="A3353" s="11"/>
      <c r="B3353" s="11"/>
      <c r="C3353" s="42"/>
      <c r="D3353" s="3"/>
      <c r="E3353" s="3"/>
      <c r="F3353" s="3"/>
      <c r="G3353" s="3"/>
      <c r="H3353" s="3"/>
      <c r="I3353" s="3"/>
      <c r="J3353" s="3"/>
      <c r="K3353" s="14"/>
      <c r="L3353" s="3"/>
    </row>
    <row r="3354" spans="1:12" ht="16.5" customHeight="1" x14ac:dyDescent="0.3">
      <c r="A3354" s="11"/>
      <c r="B3354" s="11"/>
      <c r="C3354" s="42"/>
      <c r="D3354" s="3"/>
      <c r="E3354" s="3"/>
      <c r="F3354" s="3"/>
      <c r="G3354" s="3"/>
      <c r="H3354" s="3"/>
      <c r="I3354" s="3"/>
      <c r="J3354" s="3"/>
      <c r="K3354" s="14"/>
      <c r="L3354" s="3"/>
    </row>
    <row r="3355" spans="1:12" ht="16.5" customHeight="1" x14ac:dyDescent="0.3">
      <c r="A3355" s="11"/>
      <c r="B3355" s="11"/>
      <c r="C3355" s="42"/>
      <c r="D3355" s="3"/>
      <c r="E3355" s="3"/>
      <c r="F3355" s="3"/>
      <c r="G3355" s="3"/>
      <c r="H3355" s="3"/>
      <c r="I3355" s="3"/>
      <c r="J3355" s="3"/>
      <c r="K3355" s="14"/>
      <c r="L3355" s="3"/>
    </row>
    <row r="3356" spans="1:12" ht="16.5" customHeight="1" x14ac:dyDescent="0.3">
      <c r="A3356" s="11"/>
      <c r="B3356" s="11"/>
      <c r="C3356" s="42"/>
      <c r="D3356" s="3"/>
      <c r="E3356" s="3"/>
      <c r="F3356" s="3"/>
      <c r="G3356" s="3"/>
      <c r="H3356" s="3"/>
      <c r="I3356" s="3"/>
      <c r="J3356" s="3"/>
      <c r="K3356" s="14"/>
      <c r="L3356" s="3"/>
    </row>
    <row r="3357" spans="1:12" ht="16.5" customHeight="1" x14ac:dyDescent="0.3">
      <c r="A3357" s="11"/>
      <c r="B3357" s="11"/>
      <c r="C3357" s="42"/>
      <c r="D3357" s="3"/>
      <c r="E3357" s="3"/>
      <c r="F3357" s="3"/>
      <c r="G3357" s="3"/>
      <c r="H3357" s="3"/>
      <c r="I3357" s="3"/>
      <c r="J3357" s="3"/>
      <c r="K3357" s="14"/>
      <c r="L3357" s="3"/>
    </row>
    <row r="3358" spans="1:12" ht="16.5" customHeight="1" x14ac:dyDescent="0.3">
      <c r="A3358" s="11"/>
      <c r="B3358" s="11"/>
      <c r="C3358" s="42"/>
      <c r="D3358" s="3"/>
      <c r="E3358" s="3"/>
      <c r="F3358" s="3"/>
      <c r="G3358" s="3"/>
      <c r="H3358" s="3"/>
      <c r="I3358" s="3"/>
      <c r="J3358" s="3"/>
      <c r="K3358" s="14"/>
      <c r="L3358" s="3"/>
    </row>
    <row r="3359" spans="1:12" ht="16.5" customHeight="1" x14ac:dyDescent="0.3">
      <c r="A3359" s="11"/>
      <c r="B3359" s="11"/>
      <c r="C3359" s="42"/>
      <c r="D3359" s="3"/>
      <c r="E3359" s="3"/>
      <c r="F3359" s="3"/>
      <c r="G3359" s="3"/>
      <c r="H3359" s="3"/>
      <c r="I3359" s="3"/>
      <c r="J3359" s="3"/>
      <c r="K3359" s="14"/>
      <c r="L3359" s="3"/>
    </row>
    <row r="3360" spans="1:12" ht="16.5" customHeight="1" x14ac:dyDescent="0.3">
      <c r="A3360" s="11"/>
      <c r="B3360" s="11"/>
      <c r="C3360" s="42"/>
      <c r="D3360" s="3"/>
      <c r="E3360" s="3"/>
      <c r="F3360" s="3"/>
      <c r="G3360" s="3"/>
      <c r="H3360" s="3"/>
      <c r="I3360" s="3"/>
      <c r="J3360" s="3"/>
      <c r="K3360" s="14"/>
      <c r="L3360" s="3"/>
    </row>
    <row r="3361" spans="1:12" ht="16.5" customHeight="1" x14ac:dyDescent="0.3">
      <c r="A3361" s="11"/>
      <c r="B3361" s="11"/>
      <c r="C3361" s="42"/>
      <c r="D3361" s="3"/>
      <c r="E3361" s="3"/>
      <c r="F3361" s="3"/>
      <c r="G3361" s="3"/>
      <c r="H3361" s="3"/>
      <c r="I3361" s="3"/>
      <c r="J3361" s="3"/>
      <c r="K3361" s="14"/>
      <c r="L3361" s="3"/>
    </row>
    <row r="3362" spans="1:12" ht="16.5" customHeight="1" x14ac:dyDescent="0.3">
      <c r="A3362" s="11"/>
      <c r="B3362" s="11"/>
      <c r="C3362" s="42"/>
      <c r="D3362" s="3"/>
      <c r="E3362" s="3"/>
      <c r="F3362" s="3"/>
      <c r="G3362" s="3"/>
      <c r="H3362" s="3"/>
      <c r="I3362" s="3"/>
      <c r="J3362" s="3"/>
      <c r="K3362" s="14"/>
      <c r="L3362" s="3"/>
    </row>
    <row r="3363" spans="1:12" ht="16.5" customHeight="1" x14ac:dyDescent="0.3">
      <c r="A3363" s="11"/>
      <c r="B3363" s="11"/>
      <c r="C3363" s="42"/>
      <c r="D3363" s="3"/>
      <c r="E3363" s="3"/>
      <c r="F3363" s="3"/>
      <c r="G3363" s="3"/>
      <c r="H3363" s="3"/>
      <c r="I3363" s="3"/>
      <c r="J3363" s="3"/>
      <c r="K3363" s="14"/>
      <c r="L3363" s="3"/>
    </row>
    <row r="3364" spans="1:12" ht="16.5" customHeight="1" x14ac:dyDescent="0.3">
      <c r="A3364" s="11"/>
      <c r="B3364" s="11"/>
      <c r="C3364" s="42"/>
      <c r="D3364" s="3"/>
      <c r="E3364" s="3"/>
      <c r="F3364" s="3"/>
      <c r="G3364" s="3"/>
      <c r="H3364" s="3"/>
      <c r="I3364" s="3"/>
      <c r="J3364" s="3"/>
      <c r="K3364" s="14"/>
      <c r="L3364" s="3"/>
    </row>
    <row r="3365" spans="1:12" ht="16.5" customHeight="1" x14ac:dyDescent="0.3">
      <c r="A3365" s="11"/>
      <c r="B3365" s="11"/>
      <c r="C3365" s="42"/>
      <c r="D3365" s="3"/>
      <c r="E3365" s="3"/>
      <c r="F3365" s="3"/>
      <c r="G3365" s="3"/>
      <c r="H3365" s="3"/>
      <c r="I3365" s="3"/>
      <c r="J3365" s="3"/>
      <c r="K3365" s="14"/>
      <c r="L3365" s="3"/>
    </row>
    <row r="3366" spans="1:12" ht="16.5" customHeight="1" x14ac:dyDescent="0.3">
      <c r="A3366" s="11"/>
      <c r="B3366" s="11"/>
      <c r="C3366" s="42"/>
      <c r="D3366" s="3"/>
      <c r="E3366" s="3"/>
      <c r="F3366" s="3"/>
      <c r="G3366" s="3"/>
      <c r="H3366" s="3"/>
      <c r="I3366" s="3"/>
      <c r="J3366" s="3"/>
      <c r="K3366" s="14"/>
      <c r="L3366" s="3"/>
    </row>
    <row r="3367" spans="1:12" ht="16.5" customHeight="1" x14ac:dyDescent="0.3">
      <c r="A3367" s="11"/>
      <c r="B3367" s="11"/>
      <c r="C3367" s="42"/>
      <c r="D3367" s="3"/>
      <c r="E3367" s="3"/>
      <c r="F3367" s="3"/>
      <c r="G3367" s="3"/>
      <c r="H3367" s="3"/>
      <c r="I3367" s="3"/>
      <c r="J3367" s="3"/>
      <c r="K3367" s="14"/>
      <c r="L3367" s="3"/>
    </row>
    <row r="3368" spans="1:12" ht="16.5" customHeight="1" x14ac:dyDescent="0.3">
      <c r="A3368" s="11"/>
      <c r="B3368" s="11"/>
      <c r="C3368" s="42"/>
      <c r="D3368" s="3"/>
      <c r="E3368" s="3"/>
      <c r="F3368" s="3"/>
      <c r="G3368" s="3"/>
      <c r="H3368" s="3"/>
      <c r="I3368" s="3"/>
      <c r="J3368" s="3"/>
      <c r="K3368" s="14"/>
      <c r="L3368" s="3"/>
    </row>
    <row r="3369" spans="1:12" ht="16.5" customHeight="1" x14ac:dyDescent="0.3">
      <c r="A3369" s="11"/>
      <c r="B3369" s="11"/>
      <c r="C3369" s="42"/>
      <c r="D3369" s="3"/>
      <c r="E3369" s="3"/>
      <c r="F3369" s="3"/>
      <c r="G3369" s="3"/>
      <c r="H3369" s="3"/>
      <c r="I3369" s="3"/>
      <c r="J3369" s="3"/>
      <c r="K3369" s="14"/>
      <c r="L3369" s="3"/>
    </row>
    <row r="3370" spans="1:12" ht="16.5" customHeight="1" x14ac:dyDescent="0.3">
      <c r="A3370" s="11"/>
      <c r="B3370" s="11"/>
      <c r="C3370" s="42"/>
      <c r="D3370" s="3"/>
      <c r="E3370" s="3"/>
      <c r="F3370" s="3"/>
      <c r="G3370" s="3"/>
      <c r="H3370" s="3"/>
      <c r="I3370" s="3"/>
      <c r="J3370" s="3"/>
      <c r="K3370" s="14"/>
      <c r="L3370" s="3"/>
    </row>
    <row r="3371" spans="1:12" ht="16.5" customHeight="1" x14ac:dyDescent="0.3">
      <c r="A3371" s="11"/>
      <c r="B3371" s="11"/>
      <c r="C3371" s="42"/>
      <c r="D3371" s="3"/>
      <c r="E3371" s="3"/>
      <c r="F3371" s="3"/>
      <c r="G3371" s="3"/>
      <c r="H3371" s="3"/>
      <c r="I3371" s="3"/>
      <c r="J3371" s="3"/>
      <c r="K3371" s="14"/>
      <c r="L3371" s="3"/>
    </row>
    <row r="3372" spans="1:12" ht="16.5" customHeight="1" x14ac:dyDescent="0.3">
      <c r="A3372" s="11"/>
      <c r="B3372" s="11"/>
      <c r="C3372" s="42"/>
      <c r="D3372" s="3"/>
      <c r="E3372" s="3"/>
      <c r="F3372" s="3"/>
      <c r="G3372" s="3"/>
      <c r="H3372" s="3"/>
      <c r="I3372" s="3"/>
      <c r="J3372" s="3"/>
      <c r="K3372" s="14"/>
      <c r="L3372" s="3"/>
    </row>
    <row r="3373" spans="1:12" ht="16.5" customHeight="1" x14ac:dyDescent="0.3">
      <c r="A3373" s="11"/>
      <c r="B3373" s="11"/>
      <c r="C3373" s="42"/>
      <c r="D3373" s="3"/>
      <c r="E3373" s="3"/>
      <c r="F3373" s="3"/>
      <c r="G3373" s="3"/>
      <c r="H3373" s="3"/>
      <c r="I3373" s="3"/>
      <c r="J3373" s="3"/>
      <c r="K3373" s="14"/>
      <c r="L3373" s="3"/>
    </row>
    <row r="3374" spans="1:12" ht="16.5" customHeight="1" x14ac:dyDescent="0.3">
      <c r="A3374" s="11"/>
      <c r="B3374" s="11"/>
      <c r="C3374" s="42"/>
      <c r="D3374" s="3"/>
      <c r="E3374" s="3"/>
      <c r="F3374" s="3"/>
      <c r="G3374" s="3"/>
      <c r="H3374" s="3"/>
      <c r="I3374" s="3"/>
      <c r="J3374" s="3"/>
      <c r="K3374" s="14"/>
      <c r="L3374" s="3"/>
    </row>
    <row r="3375" spans="1:12" ht="16.5" customHeight="1" x14ac:dyDescent="0.3">
      <c r="A3375" s="11"/>
      <c r="B3375" s="11"/>
      <c r="C3375" s="42"/>
      <c r="D3375" s="3"/>
      <c r="E3375" s="3"/>
      <c r="F3375" s="3"/>
      <c r="G3375" s="3"/>
      <c r="H3375" s="3"/>
      <c r="I3375" s="3"/>
      <c r="J3375" s="3"/>
      <c r="K3375" s="14"/>
      <c r="L3375" s="3"/>
    </row>
    <row r="3376" spans="1:12" ht="16.5" customHeight="1" x14ac:dyDescent="0.3">
      <c r="A3376" s="11"/>
      <c r="B3376" s="11"/>
      <c r="C3376" s="42"/>
      <c r="D3376" s="3"/>
      <c r="E3376" s="3"/>
      <c r="F3376" s="3"/>
      <c r="G3376" s="3"/>
      <c r="H3376" s="3"/>
      <c r="I3376" s="3"/>
      <c r="J3376" s="3"/>
      <c r="K3376" s="14"/>
      <c r="L3376" s="3"/>
    </row>
    <row r="3377" spans="1:12" ht="16.5" customHeight="1" x14ac:dyDescent="0.3">
      <c r="A3377" s="11"/>
      <c r="B3377" s="11"/>
      <c r="C3377" s="42"/>
      <c r="D3377" s="3"/>
      <c r="E3377" s="3"/>
      <c r="F3377" s="3"/>
      <c r="G3377" s="3"/>
      <c r="H3377" s="3"/>
      <c r="I3377" s="3"/>
      <c r="J3377" s="3"/>
      <c r="K3377" s="14"/>
      <c r="L3377" s="3"/>
    </row>
    <row r="3378" spans="1:12" ht="16.5" customHeight="1" x14ac:dyDescent="0.3">
      <c r="A3378" s="11"/>
      <c r="B3378" s="11"/>
      <c r="C3378" s="42"/>
      <c r="D3378" s="3"/>
      <c r="E3378" s="3"/>
      <c r="F3378" s="3"/>
      <c r="G3378" s="3"/>
      <c r="H3378" s="3"/>
      <c r="I3378" s="3"/>
      <c r="J3378" s="3"/>
      <c r="K3378" s="14"/>
      <c r="L3378" s="3"/>
    </row>
    <row r="3379" spans="1:12" ht="16.5" customHeight="1" x14ac:dyDescent="0.3">
      <c r="A3379" s="11"/>
      <c r="B3379" s="11"/>
      <c r="C3379" s="42"/>
      <c r="D3379" s="3"/>
      <c r="E3379" s="3"/>
      <c r="F3379" s="3"/>
      <c r="G3379" s="3"/>
      <c r="H3379" s="3"/>
      <c r="I3379" s="3"/>
      <c r="J3379" s="3"/>
      <c r="K3379" s="14"/>
      <c r="L3379" s="3"/>
    </row>
    <row r="3380" spans="1:12" ht="16.5" customHeight="1" x14ac:dyDescent="0.3">
      <c r="A3380" s="11"/>
      <c r="B3380" s="11"/>
      <c r="C3380" s="42"/>
      <c r="D3380" s="3"/>
      <c r="E3380" s="3"/>
      <c r="F3380" s="3"/>
      <c r="G3380" s="3"/>
      <c r="H3380" s="3"/>
      <c r="I3380" s="3"/>
      <c r="J3380" s="3"/>
      <c r="K3380" s="14"/>
      <c r="L3380" s="3"/>
    </row>
    <row r="3381" spans="1:12" ht="16.5" customHeight="1" x14ac:dyDescent="0.3">
      <c r="A3381" s="11"/>
      <c r="B3381" s="11"/>
      <c r="C3381" s="42"/>
      <c r="D3381" s="3"/>
      <c r="E3381" s="3"/>
      <c r="F3381" s="3"/>
      <c r="G3381" s="3"/>
      <c r="H3381" s="3"/>
      <c r="I3381" s="3"/>
      <c r="J3381" s="3"/>
      <c r="K3381" s="14"/>
      <c r="L3381" s="3"/>
    </row>
    <row r="3382" spans="1:12" ht="16.5" customHeight="1" x14ac:dyDescent="0.3">
      <c r="A3382" s="11"/>
      <c r="B3382" s="11"/>
      <c r="C3382" s="42"/>
      <c r="D3382" s="3"/>
      <c r="E3382" s="3"/>
      <c r="F3382" s="3"/>
      <c r="G3382" s="3"/>
      <c r="H3382" s="3"/>
      <c r="I3382" s="3"/>
      <c r="J3382" s="3"/>
      <c r="K3382" s="14"/>
      <c r="L3382" s="3"/>
    </row>
    <row r="3383" spans="1:12" ht="16.5" customHeight="1" x14ac:dyDescent="0.3">
      <c r="A3383" s="11"/>
      <c r="B3383" s="11"/>
      <c r="C3383" s="42"/>
      <c r="D3383" s="3"/>
      <c r="E3383" s="3"/>
      <c r="F3383" s="3"/>
      <c r="G3383" s="3"/>
      <c r="H3383" s="3"/>
      <c r="I3383" s="3"/>
      <c r="J3383" s="3"/>
      <c r="K3383" s="14"/>
      <c r="L3383" s="3"/>
    </row>
    <row r="3384" spans="1:12" ht="16.5" customHeight="1" x14ac:dyDescent="0.3">
      <c r="A3384" s="11"/>
      <c r="B3384" s="11"/>
      <c r="C3384" s="42"/>
      <c r="D3384" s="3"/>
      <c r="E3384" s="3"/>
      <c r="F3384" s="3"/>
      <c r="G3384" s="3"/>
      <c r="H3384" s="3"/>
      <c r="I3384" s="3"/>
      <c r="J3384" s="3"/>
      <c r="K3384" s="14"/>
      <c r="L3384" s="3"/>
    </row>
    <row r="3385" spans="1:12" ht="16.5" customHeight="1" x14ac:dyDescent="0.3">
      <c r="A3385" s="11"/>
      <c r="B3385" s="11"/>
      <c r="C3385" s="42"/>
      <c r="D3385" s="3"/>
      <c r="E3385" s="3"/>
      <c r="F3385" s="3"/>
      <c r="G3385" s="3"/>
      <c r="H3385" s="3"/>
      <c r="I3385" s="3"/>
      <c r="J3385" s="3"/>
      <c r="K3385" s="14"/>
      <c r="L3385" s="3"/>
    </row>
    <row r="3386" spans="1:12" ht="16.5" customHeight="1" x14ac:dyDescent="0.3">
      <c r="A3386" s="11"/>
      <c r="B3386" s="11"/>
      <c r="C3386" s="42"/>
      <c r="D3386" s="3"/>
      <c r="E3386" s="3"/>
      <c r="F3386" s="3"/>
      <c r="G3386" s="3"/>
      <c r="H3386" s="3"/>
      <c r="I3386" s="3"/>
      <c r="J3386" s="3"/>
      <c r="K3386" s="14"/>
      <c r="L3386" s="3"/>
    </row>
    <row r="3387" spans="1:12" ht="16.5" customHeight="1" x14ac:dyDescent="0.3">
      <c r="A3387" s="11"/>
      <c r="B3387" s="11"/>
      <c r="C3387" s="42"/>
      <c r="D3387" s="3"/>
      <c r="E3387" s="3"/>
      <c r="F3387" s="3"/>
      <c r="G3387" s="3"/>
      <c r="H3387" s="3"/>
      <c r="I3387" s="3"/>
      <c r="J3387" s="3"/>
      <c r="K3387" s="14"/>
      <c r="L3387" s="3"/>
    </row>
    <row r="3388" spans="1:12" ht="16.5" customHeight="1" x14ac:dyDescent="0.3">
      <c r="A3388" s="11"/>
      <c r="B3388" s="11"/>
      <c r="C3388" s="42"/>
      <c r="D3388" s="3"/>
      <c r="E3388" s="3"/>
      <c r="F3388" s="3"/>
      <c r="G3388" s="3"/>
      <c r="H3388" s="3"/>
      <c r="I3388" s="3"/>
      <c r="J3388" s="3"/>
      <c r="K3388" s="14"/>
      <c r="L3388" s="3"/>
    </row>
    <row r="3389" spans="1:12" ht="16.5" customHeight="1" x14ac:dyDescent="0.3">
      <c r="A3389" s="11"/>
      <c r="B3389" s="11"/>
      <c r="C3389" s="42"/>
      <c r="D3389" s="3"/>
      <c r="E3389" s="3"/>
      <c r="F3389" s="3"/>
      <c r="G3389" s="3"/>
      <c r="H3389" s="3"/>
      <c r="I3389" s="3"/>
      <c r="J3389" s="3"/>
      <c r="K3389" s="14"/>
      <c r="L3389" s="3"/>
    </row>
    <row r="3390" spans="1:12" ht="16.5" customHeight="1" x14ac:dyDescent="0.3">
      <c r="A3390" s="11"/>
      <c r="B3390" s="11"/>
      <c r="C3390" s="42"/>
      <c r="D3390" s="3"/>
      <c r="E3390" s="3"/>
      <c r="F3390" s="3"/>
      <c r="G3390" s="3"/>
      <c r="H3390" s="3"/>
      <c r="I3390" s="3"/>
      <c r="J3390" s="3"/>
      <c r="K3390" s="14"/>
      <c r="L3390" s="3"/>
    </row>
    <row r="3391" spans="1:12" ht="16.5" customHeight="1" x14ac:dyDescent="0.3">
      <c r="A3391" s="11"/>
      <c r="B3391" s="11"/>
      <c r="C3391" s="42"/>
      <c r="D3391" s="3"/>
      <c r="E3391" s="3"/>
      <c r="F3391" s="3"/>
      <c r="G3391" s="3"/>
      <c r="H3391" s="3"/>
      <c r="I3391" s="3"/>
      <c r="J3391" s="3"/>
      <c r="K3391" s="14"/>
      <c r="L3391" s="3"/>
    </row>
    <row r="3392" spans="1:12" ht="16.5" customHeight="1" x14ac:dyDescent="0.3">
      <c r="A3392" s="11"/>
      <c r="B3392" s="11"/>
      <c r="C3392" s="42"/>
      <c r="D3392" s="3"/>
      <c r="E3392" s="3"/>
      <c r="F3392" s="3"/>
      <c r="G3392" s="3"/>
      <c r="H3392" s="3"/>
      <c r="I3392" s="3"/>
      <c r="J3392" s="3"/>
      <c r="K3392" s="14"/>
      <c r="L3392" s="3"/>
    </row>
    <row r="3393" spans="1:12" ht="16.5" customHeight="1" x14ac:dyDescent="0.3">
      <c r="A3393" s="11"/>
      <c r="B3393" s="11"/>
      <c r="C3393" s="42"/>
      <c r="D3393" s="3"/>
      <c r="E3393" s="3"/>
      <c r="F3393" s="3"/>
      <c r="G3393" s="3"/>
      <c r="H3393" s="3"/>
      <c r="I3393" s="3"/>
      <c r="J3393" s="3"/>
      <c r="K3393" s="14"/>
      <c r="L3393" s="3"/>
    </row>
    <row r="3394" spans="1:12" ht="16.5" customHeight="1" x14ac:dyDescent="0.3">
      <c r="A3394" s="11"/>
      <c r="B3394" s="11"/>
      <c r="C3394" s="42"/>
      <c r="D3394" s="3"/>
      <c r="E3394" s="3"/>
      <c r="F3394" s="3"/>
      <c r="G3394" s="3"/>
      <c r="H3394" s="3"/>
      <c r="I3394" s="3"/>
      <c r="J3394" s="3"/>
      <c r="K3394" s="14"/>
      <c r="L3394" s="3"/>
    </row>
    <row r="3395" spans="1:12" ht="16.5" customHeight="1" x14ac:dyDescent="0.3">
      <c r="A3395" s="11"/>
      <c r="B3395" s="11"/>
      <c r="C3395" s="42"/>
      <c r="D3395" s="3"/>
      <c r="E3395" s="3"/>
      <c r="F3395" s="3"/>
      <c r="G3395" s="3"/>
      <c r="H3395" s="3"/>
      <c r="I3395" s="3"/>
      <c r="J3395" s="3"/>
      <c r="K3395" s="14"/>
      <c r="L3395" s="3"/>
    </row>
    <row r="3396" spans="1:12" ht="16.5" customHeight="1" x14ac:dyDescent="0.3">
      <c r="A3396" s="11"/>
      <c r="B3396" s="11"/>
      <c r="C3396" s="42"/>
      <c r="D3396" s="3"/>
      <c r="E3396" s="3"/>
      <c r="F3396" s="3"/>
      <c r="G3396" s="3"/>
      <c r="H3396" s="3"/>
      <c r="I3396" s="3"/>
      <c r="J3396" s="3"/>
      <c r="K3396" s="14"/>
      <c r="L3396" s="3"/>
    </row>
    <row r="3397" spans="1:12" ht="16.5" customHeight="1" x14ac:dyDescent="0.3">
      <c r="A3397" s="11"/>
      <c r="B3397" s="11"/>
      <c r="C3397" s="42"/>
      <c r="D3397" s="3"/>
      <c r="E3397" s="3"/>
      <c r="F3397" s="3"/>
      <c r="G3397" s="3"/>
      <c r="H3397" s="3"/>
      <c r="I3397" s="3"/>
      <c r="J3397" s="3"/>
      <c r="K3397" s="14"/>
      <c r="L3397" s="3"/>
    </row>
    <row r="3398" spans="1:12" ht="16.5" customHeight="1" x14ac:dyDescent="0.3">
      <c r="A3398" s="11"/>
      <c r="B3398" s="11"/>
      <c r="C3398" s="42"/>
      <c r="D3398" s="3"/>
      <c r="E3398" s="3"/>
      <c r="F3398" s="3"/>
      <c r="G3398" s="3"/>
      <c r="H3398" s="3"/>
      <c r="I3398" s="3"/>
      <c r="J3398" s="3"/>
      <c r="K3398" s="14"/>
      <c r="L3398" s="3"/>
    </row>
    <row r="3399" spans="1:12" ht="16.5" customHeight="1" x14ac:dyDescent="0.3">
      <c r="A3399" s="11"/>
      <c r="B3399" s="11"/>
      <c r="C3399" s="42"/>
      <c r="D3399" s="3"/>
      <c r="E3399" s="3"/>
      <c r="F3399" s="3"/>
      <c r="G3399" s="3"/>
      <c r="H3399" s="3"/>
      <c r="I3399" s="3"/>
      <c r="J3399" s="3"/>
      <c r="K3399" s="14"/>
      <c r="L3399" s="3"/>
    </row>
    <row r="3400" spans="1:12" ht="16.5" customHeight="1" x14ac:dyDescent="0.3">
      <c r="A3400" s="11"/>
      <c r="B3400" s="11"/>
      <c r="C3400" s="42"/>
      <c r="D3400" s="3"/>
      <c r="E3400" s="3"/>
      <c r="F3400" s="3"/>
      <c r="G3400" s="3"/>
      <c r="H3400" s="3"/>
      <c r="I3400" s="3"/>
      <c r="J3400" s="3"/>
      <c r="K3400" s="14"/>
      <c r="L3400" s="3"/>
    </row>
    <row r="3401" spans="1:12" ht="16.5" customHeight="1" x14ac:dyDescent="0.3">
      <c r="A3401" s="11"/>
      <c r="B3401" s="11"/>
      <c r="C3401" s="42"/>
      <c r="D3401" s="3"/>
      <c r="E3401" s="3"/>
      <c r="F3401" s="3"/>
      <c r="G3401" s="3"/>
      <c r="H3401" s="3"/>
      <c r="I3401" s="3"/>
      <c r="J3401" s="3"/>
      <c r="K3401" s="14"/>
      <c r="L3401" s="3"/>
    </row>
    <row r="3402" spans="1:12" ht="16.5" customHeight="1" x14ac:dyDescent="0.3">
      <c r="A3402" s="11"/>
      <c r="B3402" s="11"/>
      <c r="C3402" s="42"/>
      <c r="D3402" s="3"/>
      <c r="E3402" s="3"/>
      <c r="F3402" s="3"/>
      <c r="G3402" s="3"/>
      <c r="H3402" s="3"/>
      <c r="I3402" s="3"/>
      <c r="J3402" s="3"/>
      <c r="K3402" s="14"/>
      <c r="L3402" s="3"/>
    </row>
    <row r="3403" spans="1:12" ht="16.5" customHeight="1" x14ac:dyDescent="0.3">
      <c r="A3403" s="11"/>
      <c r="B3403" s="11"/>
      <c r="C3403" s="42"/>
      <c r="D3403" s="3"/>
      <c r="E3403" s="3"/>
      <c r="F3403" s="3"/>
      <c r="G3403" s="3"/>
      <c r="H3403" s="3"/>
      <c r="I3403" s="3"/>
      <c r="J3403" s="3"/>
      <c r="K3403" s="14"/>
      <c r="L3403" s="3"/>
    </row>
    <row r="3404" spans="1:12" ht="16.5" customHeight="1" x14ac:dyDescent="0.3">
      <c r="A3404" s="11"/>
      <c r="B3404" s="11"/>
      <c r="C3404" s="42"/>
      <c r="D3404" s="3"/>
      <c r="E3404" s="3"/>
      <c r="F3404" s="3"/>
      <c r="G3404" s="3"/>
      <c r="H3404" s="3"/>
      <c r="I3404" s="3"/>
      <c r="J3404" s="3"/>
      <c r="K3404" s="14"/>
      <c r="L3404" s="3"/>
    </row>
    <row r="3405" spans="1:12" ht="16.5" customHeight="1" x14ac:dyDescent="0.3">
      <c r="A3405" s="11"/>
      <c r="B3405" s="11"/>
      <c r="C3405" s="42"/>
      <c r="D3405" s="3"/>
      <c r="E3405" s="3"/>
      <c r="F3405" s="3"/>
      <c r="G3405" s="3"/>
      <c r="H3405" s="3"/>
      <c r="I3405" s="3"/>
      <c r="J3405" s="3"/>
      <c r="K3405" s="14"/>
      <c r="L3405" s="3"/>
    </row>
    <row r="3406" spans="1:12" ht="16.5" customHeight="1" x14ac:dyDescent="0.3">
      <c r="A3406" s="11"/>
      <c r="B3406" s="11"/>
      <c r="C3406" s="42"/>
      <c r="D3406" s="3"/>
      <c r="E3406" s="3"/>
      <c r="F3406" s="3"/>
      <c r="G3406" s="3"/>
      <c r="H3406" s="3"/>
      <c r="I3406" s="3"/>
      <c r="J3406" s="3"/>
      <c r="K3406" s="14"/>
      <c r="L3406" s="3"/>
    </row>
    <row r="3407" spans="1:12" ht="16.5" customHeight="1" x14ac:dyDescent="0.3">
      <c r="A3407" s="11"/>
      <c r="B3407" s="11"/>
      <c r="C3407" s="42"/>
      <c r="D3407" s="3"/>
      <c r="E3407" s="3"/>
      <c r="F3407" s="3"/>
      <c r="G3407" s="3"/>
      <c r="H3407" s="3"/>
      <c r="I3407" s="3"/>
      <c r="J3407" s="3"/>
      <c r="K3407" s="14"/>
      <c r="L3407" s="3"/>
    </row>
    <row r="3408" spans="1:12" ht="16.5" customHeight="1" x14ac:dyDescent="0.3">
      <c r="A3408" s="11"/>
      <c r="B3408" s="11"/>
      <c r="C3408" s="42"/>
      <c r="D3408" s="3"/>
      <c r="E3408" s="3"/>
      <c r="F3408" s="3"/>
      <c r="G3408" s="3"/>
      <c r="H3408" s="3"/>
      <c r="I3408" s="3"/>
      <c r="J3408" s="3"/>
      <c r="K3408" s="14"/>
      <c r="L3408" s="3"/>
    </row>
    <row r="3409" spans="1:12" ht="16.5" customHeight="1" x14ac:dyDescent="0.3">
      <c r="A3409" s="11"/>
      <c r="B3409" s="11"/>
      <c r="C3409" s="42"/>
      <c r="D3409" s="3"/>
      <c r="E3409" s="3"/>
      <c r="F3409" s="3"/>
      <c r="G3409" s="3"/>
      <c r="H3409" s="3"/>
      <c r="I3409" s="3"/>
      <c r="J3409" s="3"/>
      <c r="K3409" s="14"/>
      <c r="L3409" s="3"/>
    </row>
    <row r="3410" spans="1:12" ht="16.5" customHeight="1" x14ac:dyDescent="0.3">
      <c r="A3410" s="11"/>
      <c r="B3410" s="11"/>
      <c r="C3410" s="42"/>
      <c r="D3410" s="3"/>
      <c r="E3410" s="3"/>
      <c r="F3410" s="3"/>
      <c r="G3410" s="3"/>
      <c r="H3410" s="3"/>
      <c r="I3410" s="3"/>
      <c r="J3410" s="3"/>
      <c r="K3410" s="14"/>
      <c r="L3410" s="3"/>
    </row>
    <row r="3411" spans="1:12" ht="16.5" customHeight="1" x14ac:dyDescent="0.3">
      <c r="A3411" s="11"/>
      <c r="B3411" s="11"/>
      <c r="C3411" s="42"/>
      <c r="D3411" s="3"/>
      <c r="E3411" s="3"/>
      <c r="F3411" s="3"/>
      <c r="G3411" s="3"/>
      <c r="H3411" s="3"/>
      <c r="I3411" s="3"/>
      <c r="J3411" s="3"/>
      <c r="K3411" s="14"/>
      <c r="L3411" s="3"/>
    </row>
    <row r="3412" spans="1:12" ht="16.5" customHeight="1" x14ac:dyDescent="0.3">
      <c r="A3412" s="11"/>
      <c r="B3412" s="11"/>
      <c r="C3412" s="42"/>
      <c r="D3412" s="3"/>
      <c r="E3412" s="3"/>
      <c r="F3412" s="3"/>
      <c r="G3412" s="3"/>
      <c r="H3412" s="3"/>
      <c r="I3412" s="3"/>
      <c r="J3412" s="3"/>
      <c r="K3412" s="14"/>
      <c r="L3412" s="3"/>
    </row>
    <row r="3413" spans="1:12" ht="16.5" customHeight="1" x14ac:dyDescent="0.3">
      <c r="A3413" s="11"/>
      <c r="B3413" s="11"/>
      <c r="C3413" s="42"/>
      <c r="D3413" s="3"/>
      <c r="E3413" s="3"/>
      <c r="F3413" s="3"/>
      <c r="G3413" s="3"/>
      <c r="H3413" s="3"/>
      <c r="I3413" s="3"/>
      <c r="J3413" s="3"/>
      <c r="K3413" s="14"/>
      <c r="L3413" s="3"/>
    </row>
    <row r="3414" spans="1:12" ht="16.5" customHeight="1" x14ac:dyDescent="0.3">
      <c r="A3414" s="11"/>
      <c r="B3414" s="11"/>
      <c r="C3414" s="42"/>
      <c r="D3414" s="3"/>
      <c r="E3414" s="3"/>
      <c r="F3414" s="3"/>
      <c r="G3414" s="3"/>
      <c r="H3414" s="3"/>
      <c r="I3414" s="3"/>
      <c r="J3414" s="3"/>
      <c r="K3414" s="14"/>
      <c r="L3414" s="3"/>
    </row>
    <row r="3415" spans="1:12" ht="16.5" customHeight="1" x14ac:dyDescent="0.3">
      <c r="A3415" s="11"/>
      <c r="B3415" s="11"/>
      <c r="C3415" s="42"/>
      <c r="D3415" s="3"/>
      <c r="E3415" s="3"/>
      <c r="F3415" s="3"/>
      <c r="G3415" s="3"/>
      <c r="H3415" s="3"/>
      <c r="I3415" s="3"/>
      <c r="J3415" s="3"/>
      <c r="K3415" s="14"/>
      <c r="L3415" s="3"/>
    </row>
    <row r="3416" spans="1:12" ht="16.5" customHeight="1" x14ac:dyDescent="0.3">
      <c r="A3416" s="11"/>
      <c r="B3416" s="11"/>
      <c r="C3416" s="42"/>
      <c r="D3416" s="3"/>
      <c r="E3416" s="3"/>
      <c r="F3416" s="3"/>
      <c r="G3416" s="3"/>
      <c r="H3416" s="3"/>
      <c r="I3416" s="3"/>
      <c r="J3416" s="3"/>
      <c r="K3416" s="14"/>
      <c r="L3416" s="3"/>
    </row>
    <row r="3417" spans="1:12" ht="16.5" customHeight="1" x14ac:dyDescent="0.3">
      <c r="A3417" s="11"/>
      <c r="B3417" s="11"/>
      <c r="C3417" s="42"/>
      <c r="D3417" s="3"/>
      <c r="E3417" s="3"/>
      <c r="F3417" s="3"/>
      <c r="G3417" s="3"/>
      <c r="H3417" s="3"/>
      <c r="I3417" s="3"/>
      <c r="J3417" s="3"/>
      <c r="K3417" s="14"/>
      <c r="L3417" s="3"/>
    </row>
    <row r="3418" spans="1:12" ht="16.5" customHeight="1" x14ac:dyDescent="0.3">
      <c r="A3418" s="11"/>
      <c r="B3418" s="11"/>
      <c r="C3418" s="42"/>
      <c r="D3418" s="3"/>
      <c r="E3418" s="3"/>
      <c r="F3418" s="3"/>
      <c r="G3418" s="3"/>
      <c r="H3418" s="3"/>
      <c r="I3418" s="3"/>
      <c r="J3418" s="3"/>
      <c r="K3418" s="14"/>
      <c r="L3418" s="3"/>
    </row>
    <row r="3419" spans="1:12" ht="16.5" customHeight="1" x14ac:dyDescent="0.3">
      <c r="A3419" s="11"/>
      <c r="B3419" s="11"/>
      <c r="C3419" s="42"/>
      <c r="D3419" s="3"/>
      <c r="E3419" s="3"/>
      <c r="F3419" s="3"/>
      <c r="G3419" s="3"/>
      <c r="H3419" s="3"/>
      <c r="I3419" s="3"/>
      <c r="J3419" s="3"/>
      <c r="K3419" s="14"/>
      <c r="L3419" s="3"/>
    </row>
    <row r="3420" spans="1:12" ht="16.5" customHeight="1" x14ac:dyDescent="0.3">
      <c r="A3420" s="11"/>
      <c r="B3420" s="11"/>
      <c r="C3420" s="42"/>
      <c r="D3420" s="3"/>
      <c r="E3420" s="3"/>
      <c r="F3420" s="3"/>
      <c r="G3420" s="3"/>
      <c r="H3420" s="3"/>
      <c r="I3420" s="3"/>
      <c r="J3420" s="3"/>
      <c r="K3420" s="14"/>
      <c r="L3420" s="3"/>
    </row>
    <row r="3421" spans="1:12" ht="16.5" customHeight="1" x14ac:dyDescent="0.3">
      <c r="A3421" s="11"/>
      <c r="B3421" s="11"/>
      <c r="C3421" s="42"/>
      <c r="D3421" s="3"/>
      <c r="E3421" s="3"/>
      <c r="F3421" s="3"/>
      <c r="G3421" s="3"/>
      <c r="H3421" s="3"/>
      <c r="I3421" s="3"/>
      <c r="J3421" s="3"/>
      <c r="K3421" s="14"/>
      <c r="L3421" s="3"/>
    </row>
    <row r="3422" spans="1:12" ht="16.5" customHeight="1" x14ac:dyDescent="0.3">
      <c r="A3422" s="11"/>
      <c r="B3422" s="11"/>
      <c r="C3422" s="42"/>
      <c r="D3422" s="3"/>
      <c r="E3422" s="3"/>
      <c r="F3422" s="3"/>
      <c r="G3422" s="3"/>
      <c r="H3422" s="3"/>
      <c r="I3422" s="3"/>
      <c r="J3422" s="3"/>
      <c r="K3422" s="14"/>
      <c r="L3422" s="3"/>
    </row>
    <row r="3423" spans="1:12" ht="16.5" customHeight="1" x14ac:dyDescent="0.3">
      <c r="A3423" s="11"/>
      <c r="B3423" s="11"/>
      <c r="C3423" s="42"/>
      <c r="D3423" s="3"/>
      <c r="E3423" s="3"/>
      <c r="F3423" s="3"/>
      <c r="G3423" s="3"/>
      <c r="H3423" s="3"/>
      <c r="I3423" s="3"/>
      <c r="J3423" s="3"/>
      <c r="K3423" s="14"/>
      <c r="L3423" s="3"/>
    </row>
    <row r="3424" spans="1:12" ht="16.5" customHeight="1" x14ac:dyDescent="0.3">
      <c r="A3424" s="11"/>
      <c r="B3424" s="11"/>
      <c r="C3424" s="42"/>
      <c r="D3424" s="3"/>
      <c r="E3424" s="3"/>
      <c r="F3424" s="3"/>
      <c r="G3424" s="3"/>
      <c r="H3424" s="3"/>
      <c r="I3424" s="3"/>
      <c r="J3424" s="3"/>
      <c r="K3424" s="14"/>
      <c r="L3424" s="3"/>
    </row>
    <row r="3425" spans="1:12" ht="16.5" customHeight="1" x14ac:dyDescent="0.3">
      <c r="A3425" s="11"/>
      <c r="B3425" s="11"/>
      <c r="C3425" s="42"/>
      <c r="D3425" s="3"/>
      <c r="E3425" s="3"/>
      <c r="F3425" s="3"/>
      <c r="G3425" s="3"/>
      <c r="H3425" s="3"/>
      <c r="I3425" s="3"/>
      <c r="J3425" s="3"/>
      <c r="K3425" s="14"/>
      <c r="L3425" s="3"/>
    </row>
    <row r="3426" spans="1:12" ht="16.5" customHeight="1" x14ac:dyDescent="0.3">
      <c r="A3426" s="11"/>
      <c r="B3426" s="11"/>
      <c r="C3426" s="42"/>
      <c r="D3426" s="3"/>
      <c r="E3426" s="3"/>
      <c r="F3426" s="3"/>
      <c r="G3426" s="3"/>
      <c r="H3426" s="3"/>
      <c r="I3426" s="3"/>
      <c r="J3426" s="3"/>
      <c r="K3426" s="14"/>
      <c r="L3426" s="3"/>
    </row>
    <row r="3427" spans="1:12" ht="16.5" customHeight="1" x14ac:dyDescent="0.3">
      <c r="A3427" s="11"/>
      <c r="B3427" s="11"/>
      <c r="C3427" s="42"/>
      <c r="D3427" s="3"/>
      <c r="E3427" s="3"/>
      <c r="F3427" s="3"/>
      <c r="G3427" s="3"/>
      <c r="H3427" s="3"/>
      <c r="I3427" s="3"/>
      <c r="J3427" s="3"/>
      <c r="K3427" s="14"/>
      <c r="L3427" s="3"/>
    </row>
    <row r="3428" spans="1:12" ht="16.5" customHeight="1" x14ac:dyDescent="0.3">
      <c r="A3428" s="11"/>
      <c r="B3428" s="11"/>
      <c r="C3428" s="42"/>
      <c r="D3428" s="3"/>
      <c r="E3428" s="3"/>
      <c r="F3428" s="3"/>
      <c r="G3428" s="3"/>
      <c r="H3428" s="3"/>
      <c r="I3428" s="3"/>
      <c r="J3428" s="3"/>
      <c r="K3428" s="14"/>
      <c r="L3428" s="3"/>
    </row>
    <row r="3429" spans="1:12" ht="16.5" customHeight="1" x14ac:dyDescent="0.3">
      <c r="A3429" s="11"/>
      <c r="B3429" s="11"/>
      <c r="C3429" s="42"/>
      <c r="D3429" s="3"/>
      <c r="E3429" s="3"/>
      <c r="F3429" s="3"/>
      <c r="G3429" s="3"/>
      <c r="H3429" s="3"/>
      <c r="I3429" s="3"/>
      <c r="J3429" s="3"/>
      <c r="K3429" s="14"/>
      <c r="L3429" s="3"/>
    </row>
    <row r="3430" spans="1:12" ht="16.5" customHeight="1" x14ac:dyDescent="0.3">
      <c r="A3430" s="11"/>
      <c r="B3430" s="11"/>
      <c r="C3430" s="42"/>
      <c r="D3430" s="3"/>
      <c r="E3430" s="3"/>
      <c r="F3430" s="3"/>
      <c r="G3430" s="3"/>
      <c r="H3430" s="3"/>
      <c r="I3430" s="3"/>
      <c r="J3430" s="3"/>
      <c r="K3430" s="14"/>
      <c r="L3430" s="3"/>
    </row>
    <row r="3431" spans="1:12" ht="16.5" customHeight="1" x14ac:dyDescent="0.3">
      <c r="A3431" s="11"/>
      <c r="B3431" s="11"/>
      <c r="C3431" s="42"/>
      <c r="D3431" s="3"/>
      <c r="E3431" s="3"/>
      <c r="F3431" s="3"/>
      <c r="G3431" s="3"/>
      <c r="H3431" s="3"/>
      <c r="I3431" s="3"/>
      <c r="J3431" s="3"/>
      <c r="K3431" s="14"/>
      <c r="L3431" s="3"/>
    </row>
    <row r="3432" spans="1:12" ht="16.5" customHeight="1" x14ac:dyDescent="0.3">
      <c r="A3432" s="11"/>
      <c r="B3432" s="11"/>
      <c r="C3432" s="42"/>
      <c r="D3432" s="3"/>
      <c r="E3432" s="3"/>
      <c r="F3432" s="3"/>
      <c r="G3432" s="3"/>
      <c r="H3432" s="3"/>
      <c r="I3432" s="3"/>
      <c r="J3432" s="3"/>
      <c r="K3432" s="14"/>
      <c r="L3432" s="3"/>
    </row>
    <row r="3433" spans="1:12" ht="16.5" customHeight="1" x14ac:dyDescent="0.3">
      <c r="A3433" s="11"/>
      <c r="B3433" s="11"/>
      <c r="C3433" s="42"/>
      <c r="D3433" s="3"/>
      <c r="E3433" s="3"/>
      <c r="F3433" s="3"/>
      <c r="G3433" s="3"/>
      <c r="H3433" s="3"/>
      <c r="I3433" s="3"/>
      <c r="J3433" s="3"/>
      <c r="K3433" s="14"/>
      <c r="L3433" s="3"/>
    </row>
    <row r="3434" spans="1:12" ht="16.5" customHeight="1" x14ac:dyDescent="0.3">
      <c r="A3434" s="11"/>
      <c r="B3434" s="11"/>
      <c r="C3434" s="42"/>
      <c r="D3434" s="3"/>
      <c r="E3434" s="3"/>
      <c r="F3434" s="3"/>
      <c r="G3434" s="3"/>
      <c r="H3434" s="3"/>
      <c r="I3434" s="3"/>
      <c r="J3434" s="3"/>
      <c r="K3434" s="14"/>
      <c r="L3434" s="3"/>
    </row>
    <row r="3435" spans="1:12" ht="16.5" customHeight="1" x14ac:dyDescent="0.3">
      <c r="A3435" s="11"/>
      <c r="B3435" s="11"/>
      <c r="C3435" s="42"/>
      <c r="D3435" s="3"/>
      <c r="E3435" s="3"/>
      <c r="F3435" s="3"/>
      <c r="G3435" s="3"/>
      <c r="H3435" s="3"/>
      <c r="I3435" s="3"/>
      <c r="J3435" s="3"/>
      <c r="K3435" s="14"/>
      <c r="L3435" s="3"/>
    </row>
    <row r="3436" spans="1:12" ht="16.5" customHeight="1" x14ac:dyDescent="0.3">
      <c r="A3436" s="11"/>
      <c r="B3436" s="11"/>
      <c r="C3436" s="42"/>
      <c r="D3436" s="3"/>
      <c r="E3436" s="3"/>
      <c r="F3436" s="3"/>
      <c r="G3436" s="3"/>
      <c r="H3436" s="3"/>
      <c r="I3436" s="3"/>
      <c r="J3436" s="3"/>
      <c r="K3436" s="14"/>
      <c r="L3436" s="3"/>
    </row>
    <row r="3437" spans="1:12" ht="16.5" customHeight="1" x14ac:dyDescent="0.3">
      <c r="A3437" s="11"/>
      <c r="B3437" s="11"/>
      <c r="C3437" s="42"/>
      <c r="D3437" s="3"/>
      <c r="E3437" s="3"/>
      <c r="F3437" s="3"/>
      <c r="G3437" s="3"/>
      <c r="H3437" s="3"/>
      <c r="I3437" s="3"/>
      <c r="J3437" s="3"/>
      <c r="K3437" s="14"/>
      <c r="L3437" s="3"/>
    </row>
    <row r="3438" spans="1:12" ht="16.5" customHeight="1" x14ac:dyDescent="0.3">
      <c r="A3438" s="11"/>
      <c r="B3438" s="11"/>
      <c r="C3438" s="42"/>
      <c r="D3438" s="3"/>
      <c r="E3438" s="3"/>
      <c r="F3438" s="3"/>
      <c r="G3438" s="3"/>
      <c r="H3438" s="3"/>
      <c r="I3438" s="3"/>
      <c r="J3438" s="3"/>
      <c r="K3438" s="14"/>
      <c r="L3438" s="3"/>
    </row>
    <row r="3439" spans="1:12" ht="16.5" customHeight="1" x14ac:dyDescent="0.3">
      <c r="A3439" s="11"/>
      <c r="B3439" s="11"/>
      <c r="C3439" s="42"/>
      <c r="D3439" s="3"/>
      <c r="E3439" s="3"/>
      <c r="F3439" s="3"/>
      <c r="G3439" s="3"/>
      <c r="H3439" s="3"/>
      <c r="I3439" s="3"/>
      <c r="J3439" s="3"/>
      <c r="K3439" s="14"/>
      <c r="L3439" s="3"/>
    </row>
  </sheetData>
  <phoneticPr fontId="9" type="noConversion"/>
  <conditionalFormatting sqref="A328:A3439 A258:A321 A1:A235">
    <cfRule type="duplicateValues" dxfId="11" priority="38"/>
    <cfRule type="duplicateValues" dxfId="10" priority="39"/>
    <cfRule type="duplicateValues" dxfId="9" priority="40"/>
    <cfRule type="duplicateValues" dxfId="8" priority="41"/>
  </conditionalFormatting>
  <hyperlinks>
    <hyperlink ref="C258:C277" r:id="rId1" display="https://learn.microsoft.com/troubleshoot/sql/releases/sqlserver-2022/cumulativeupdate1" xr:uid="{CE35F307-3B5A-4CF8-BCED-2669FE309391}"/>
    <hyperlink ref="C279:C306" r:id="rId2" display="https://learn.microsoft.com/troubleshoot/sql/releases/sqlserver-2022/cumulativeupdate1" xr:uid="{5C7F2396-BB8D-4CE5-AE47-0E2ABE536577}"/>
    <hyperlink ref="C308:C321" r:id="rId3" display="https://learn.microsoft.com/troubleshoot/sql/releases/sqlserver-2022/cumulativeupdate1" xr:uid="{860D432D-9A61-4E43-9A82-0B57C9E05122}"/>
    <hyperlink ref="C278" r:id="rId4" xr:uid="{0FF86F02-6F5E-414F-9D55-8CCBBE8D34C4}"/>
    <hyperlink ref="C251" r:id="rId5" xr:uid="{76F9EC58-377E-47DD-BCE2-082A0B4221F2}"/>
    <hyperlink ref="C245" r:id="rId6" xr:uid="{A2146D2C-9B9F-4E43-8429-C08489B8ECDB}"/>
    <hyperlink ref="C246" r:id="rId7" xr:uid="{EAC238E5-C73F-4156-8CBB-58DA1A443BA2}"/>
    <hyperlink ref="C247" r:id="rId8" xr:uid="{331F5E7A-DCA5-4F81-9A99-A6A5587F70CF}"/>
    <hyperlink ref="C256" r:id="rId9" xr:uid="{88E28F96-B387-405F-A888-CB4B8683C468}"/>
    <hyperlink ref="C248" r:id="rId10" xr:uid="{9D10A120-A02A-4F12-8241-B6703A97FC5C}"/>
    <hyperlink ref="C249" r:id="rId11" xr:uid="{4A3BA1D1-ED42-47D5-8D4F-000AC895F349}"/>
    <hyperlink ref="C250" r:id="rId12" xr:uid="{C60443D1-8F2F-4101-AA4C-A9FC03475992}"/>
    <hyperlink ref="C252" r:id="rId13" xr:uid="{F2BA50C5-A582-4117-B055-D3F075D710BC}"/>
    <hyperlink ref="C253" r:id="rId14" xr:uid="{8E0EF21B-70DB-4FB6-B767-C5FBD7C939DA}"/>
    <hyperlink ref="C254" r:id="rId15" xr:uid="{1329B776-33DE-4EE7-9CDF-F1A1F02318A1}"/>
    <hyperlink ref="C257" r:id="rId16" xr:uid="{3ECF9857-A065-41C0-A8BE-9E6C14166FFC}"/>
    <hyperlink ref="C255" r:id="rId17" xr:uid="{3BE18360-1D5D-480E-AE15-A7ACA3FCB57F}"/>
    <hyperlink ref="C242" r:id="rId18" xr:uid="{131EBC62-125A-44BA-8ABA-C49E693639EC}"/>
    <hyperlink ref="C218" r:id="rId19" xr:uid="{75885741-ED72-4754-A5C8-4F16F902FA36}"/>
    <hyperlink ref="C234" r:id="rId20" xr:uid="{5BF80B64-2002-4CB9-A5E9-1B7CBDF54162}"/>
    <hyperlink ref="C205" r:id="rId21" xr:uid="{B5AEE1C9-7AA0-4EE4-91FE-F801D67F9293}"/>
    <hyperlink ref="C184" r:id="rId22" xr:uid="{27EE84BC-1F41-4C0A-866A-AAEA851D1787}"/>
    <hyperlink ref="C168" r:id="rId23" xr:uid="{A2ACDD88-5674-4FC2-89F1-842CBB633BCA}"/>
    <hyperlink ref="C169:C181" r:id="rId24" display="https://learn.microsoft.com/troubleshoot/sql/releases/sqlserver-2022/cumulativeupdate6" xr:uid="{E8FA6995-1DEF-4CE1-A437-4F6F027EF8BD}"/>
    <hyperlink ref="C182" r:id="rId25" xr:uid="{D076F93C-F8A1-48DA-90FD-BE5586CD8E35}"/>
    <hyperlink ref="C183" r:id="rId26" xr:uid="{7BC19487-C5F0-44E8-9A94-2CEC87CF31FB}"/>
    <hyperlink ref="C144" r:id="rId27" xr:uid="{5E1DB261-D55E-48EB-A81C-76EF0CEA3DEE}"/>
    <hyperlink ref="C99" r:id="rId28" xr:uid="{E4966F3C-9D69-40AA-B9EC-10831CC08C0F}"/>
    <hyperlink ref="C83" r:id="rId29" xr:uid="{50895A33-3189-4AA8-BBE9-F7D64A89E1CB}"/>
    <hyperlink ref="C84:C98" r:id="rId30" display="https://learn.microsoft.com/troubleshoot/sql/releases/sqlserver-2022/cumulativeupdate11" xr:uid="{7F21B48B-FC55-4977-B775-188004DFB473}"/>
    <hyperlink ref="C17" r:id="rId31" xr:uid="{A4BE7946-CC70-4D8B-9D85-3766EF650A07}"/>
    <hyperlink ref="C15" r:id="rId32" xr:uid="{BA3A6C81-941D-403D-A9ED-B34C5C94FE20}"/>
    <hyperlink ref="C16" r:id="rId33" xr:uid="{D9A27F8F-75D5-4082-BDAD-C9A9EA1F5834}"/>
    <hyperlink ref="C8" r:id="rId34" xr:uid="{C1F7183D-1D19-4AC6-B73E-92319ABFB8BB}"/>
  </hyperlinks>
  <pageMargins left="0.7" right="0.7" top="0.75" bottom="0.75" header="0.3" footer="0.3"/>
  <pageSetup orientation="portrait" r:id="rId35"/>
  <customProperties>
    <customPr name="EpmWorksheetKeyString_GUID" r:id="rId36"/>
  </customProperties>
  <tableParts count="1">
    <tablePart r:id="rId37"/>
  </tableParts>
  <extLst>
    <ext xmlns:x14="http://schemas.microsoft.com/office/spreadsheetml/2009/9/main" uri="{CCE6A557-97BC-4b89-ADB6-D9C93CAAB3DF}">
      <x14:dataValidations xmlns:xm="http://schemas.microsoft.com/office/excel/2006/main" count="2">
        <x14:dataValidation type="list" allowBlank="1" showInputMessage="1" showErrorMessage="1" xr:uid="{CAF75641-7896-4DBE-A5B4-B5B379EB6A96}">
          <x14:formula1>
            <xm:f>Feature!$A$1:$A$11</xm:f>
          </x14:formula1>
          <xm:sqref>E146:E3439</xm:sqref>
        </x14:dataValidation>
        <x14:dataValidation type="list" allowBlank="1" showInputMessage="1" showErrorMessage="1" xr:uid="{EB65910C-2DC9-40FC-A1F5-3143A695CBCA}">
          <x14:formula1>
            <xm:f>Component!$A$1:$A$57</xm:f>
          </x14:formula1>
          <xm:sqref>F146:F3439</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A5B895-A69D-4D7B-96D4-D5468B228F2C}">
  <sheetPr>
    <tabColor rgb="FF00B050"/>
  </sheetPr>
  <dimension ref="A1:H43"/>
  <sheetViews>
    <sheetView workbookViewId="0">
      <pane ySplit="1" topLeftCell="A2" activePane="bottomLeft" state="frozen"/>
      <selection activeCell="C29" sqref="C29"/>
      <selection pane="bottomLeft"/>
    </sheetView>
  </sheetViews>
  <sheetFormatPr defaultRowHeight="14.4" x14ac:dyDescent="0.3"/>
  <cols>
    <col min="1" max="1" width="17.88671875" style="3" customWidth="1"/>
    <col min="2" max="2" width="14.33203125" style="11" customWidth="1"/>
    <col min="3" max="3" width="81.5546875" style="3" customWidth="1"/>
    <col min="4" max="4" width="16.6640625" style="14" customWidth="1"/>
    <col min="5" max="5" width="22" style="3" customWidth="1"/>
    <col min="6" max="6" width="35" style="3" customWidth="1"/>
    <col min="7" max="7" width="28.109375" style="3" customWidth="1"/>
    <col min="8" max="8" width="35.33203125" style="3" customWidth="1"/>
  </cols>
  <sheetData>
    <row r="1" spans="1:8" ht="16.5" customHeight="1" thickBot="1" x14ac:dyDescent="0.35">
      <c r="A1" s="63" t="s">
        <v>20</v>
      </c>
      <c r="B1" s="64" t="s">
        <v>21</v>
      </c>
      <c r="C1" s="64" t="s">
        <v>22</v>
      </c>
      <c r="D1" s="65" t="s">
        <v>23</v>
      </c>
      <c r="E1" s="66" t="s">
        <v>24</v>
      </c>
      <c r="F1" s="64" t="s">
        <v>25</v>
      </c>
      <c r="G1" s="64" t="s">
        <v>26</v>
      </c>
      <c r="H1" s="67" t="s">
        <v>27</v>
      </c>
    </row>
    <row r="2" spans="1:8" ht="16.5" customHeight="1" thickTop="1" x14ac:dyDescent="0.3">
      <c r="A2" s="3" t="s">
        <v>468</v>
      </c>
      <c r="B2" s="11">
        <v>5039747</v>
      </c>
      <c r="C2" s="23" t="s">
        <v>469</v>
      </c>
      <c r="D2" s="14">
        <v>45505</v>
      </c>
      <c r="E2" s="3" t="s">
        <v>30</v>
      </c>
      <c r="F2" s="3" t="s">
        <v>470</v>
      </c>
      <c r="G2" s="3" t="s">
        <v>32</v>
      </c>
    </row>
    <row r="3" spans="1:8" ht="16.5" customHeight="1" x14ac:dyDescent="0.3">
      <c r="A3" s="3" t="s">
        <v>471</v>
      </c>
      <c r="B3" s="11">
        <v>5040948</v>
      </c>
      <c r="C3" s="23" t="s">
        <v>472</v>
      </c>
      <c r="D3" s="14">
        <v>45482</v>
      </c>
      <c r="E3" s="3" t="s">
        <v>30</v>
      </c>
      <c r="F3" s="3" t="s">
        <v>473</v>
      </c>
      <c r="G3" s="13" t="s">
        <v>35</v>
      </c>
    </row>
    <row r="4" spans="1:8" ht="16.5" customHeight="1" x14ac:dyDescent="0.3">
      <c r="A4" s="3" t="s">
        <v>474</v>
      </c>
      <c r="B4" s="11">
        <v>5040986</v>
      </c>
      <c r="C4" s="23" t="s">
        <v>475</v>
      </c>
      <c r="D4" s="14">
        <v>45482</v>
      </c>
      <c r="E4" s="3" t="s">
        <v>30</v>
      </c>
      <c r="F4" s="3" t="s">
        <v>37</v>
      </c>
      <c r="G4" s="3" t="s">
        <v>38</v>
      </c>
    </row>
    <row r="5" spans="1:8" ht="16.5" customHeight="1" x14ac:dyDescent="0.3">
      <c r="A5" s="3" t="s">
        <v>476</v>
      </c>
      <c r="B5" s="11">
        <v>5037331</v>
      </c>
      <c r="C5" s="41" t="s">
        <v>477</v>
      </c>
      <c r="D5" s="14">
        <v>45456</v>
      </c>
      <c r="E5" s="3" t="s">
        <v>30</v>
      </c>
      <c r="F5" s="3" t="s">
        <v>478</v>
      </c>
      <c r="G5" s="3" t="s">
        <v>32</v>
      </c>
    </row>
    <row r="6" spans="1:8" ht="16.5" customHeight="1" x14ac:dyDescent="0.3">
      <c r="A6" s="3" t="s">
        <v>479</v>
      </c>
      <c r="B6" s="11">
        <v>5035123</v>
      </c>
      <c r="C6" s="41" t="s">
        <v>480</v>
      </c>
      <c r="D6" s="14">
        <v>45393</v>
      </c>
      <c r="E6" s="3" t="s">
        <v>30</v>
      </c>
      <c r="F6" s="3" t="s">
        <v>481</v>
      </c>
      <c r="G6" s="3" t="s">
        <v>32</v>
      </c>
    </row>
    <row r="7" spans="1:8" ht="16.5" customHeight="1" x14ac:dyDescent="0.3">
      <c r="A7" s="3" t="s">
        <v>482</v>
      </c>
      <c r="B7" s="11">
        <v>5036335</v>
      </c>
      <c r="C7" s="23" t="s">
        <v>483</v>
      </c>
      <c r="D7" s="14">
        <v>45391</v>
      </c>
      <c r="E7" s="3" t="s">
        <v>30</v>
      </c>
      <c r="F7" s="3" t="s">
        <v>484</v>
      </c>
      <c r="G7" s="13" t="s">
        <v>35</v>
      </c>
    </row>
    <row r="8" spans="1:8" ht="16.5" customHeight="1" x14ac:dyDescent="0.3">
      <c r="A8" s="3" t="s">
        <v>485</v>
      </c>
      <c r="B8" s="11">
        <v>5035434</v>
      </c>
      <c r="C8" s="23" t="s">
        <v>486</v>
      </c>
      <c r="D8" s="14">
        <v>45391</v>
      </c>
      <c r="E8" s="3" t="s">
        <v>30</v>
      </c>
      <c r="F8" s="3" t="s">
        <v>37</v>
      </c>
      <c r="G8" s="3" t="s">
        <v>38</v>
      </c>
    </row>
    <row r="9" spans="1:8" ht="16.5" customHeight="1" x14ac:dyDescent="0.3">
      <c r="A9" s="3" t="s">
        <v>487</v>
      </c>
      <c r="B9" s="11">
        <v>5033688</v>
      </c>
      <c r="C9" s="10" t="s">
        <v>488</v>
      </c>
      <c r="D9" s="14">
        <v>45337</v>
      </c>
      <c r="E9" s="3" t="s">
        <v>30</v>
      </c>
      <c r="F9" s="3" t="s">
        <v>489</v>
      </c>
      <c r="G9" s="3" t="s">
        <v>32</v>
      </c>
    </row>
    <row r="10" spans="1:8" ht="16.5" customHeight="1" x14ac:dyDescent="0.3">
      <c r="A10" s="3" t="s">
        <v>490</v>
      </c>
      <c r="B10" s="11">
        <v>5031908</v>
      </c>
      <c r="C10" s="10" t="s">
        <v>491</v>
      </c>
      <c r="D10" s="14">
        <v>45274</v>
      </c>
      <c r="E10" s="3" t="s">
        <v>30</v>
      </c>
      <c r="F10" s="3" t="s">
        <v>492</v>
      </c>
      <c r="G10" s="3" t="s">
        <v>32</v>
      </c>
    </row>
    <row r="11" spans="1:8" ht="16.5" customHeight="1" x14ac:dyDescent="0.3">
      <c r="A11" s="3" t="s">
        <v>493</v>
      </c>
      <c r="B11" s="11">
        <v>5030333</v>
      </c>
      <c r="C11" s="10" t="s">
        <v>494</v>
      </c>
      <c r="D11" s="14">
        <v>45211</v>
      </c>
      <c r="E11" s="3" t="s">
        <v>30</v>
      </c>
      <c r="F11" s="3" t="s">
        <v>495</v>
      </c>
      <c r="G11" s="3" t="s">
        <v>32</v>
      </c>
    </row>
    <row r="12" spans="1:8" ht="16.5" customHeight="1" x14ac:dyDescent="0.3">
      <c r="A12" s="3" t="s">
        <v>496</v>
      </c>
      <c r="B12" s="11">
        <v>5029378</v>
      </c>
      <c r="C12" s="10" t="s">
        <v>497</v>
      </c>
      <c r="D12" s="14">
        <v>45209</v>
      </c>
      <c r="E12" s="3" t="s">
        <v>30</v>
      </c>
      <c r="F12" s="3" t="s">
        <v>498</v>
      </c>
      <c r="G12" s="13" t="s">
        <v>35</v>
      </c>
    </row>
    <row r="13" spans="1:8" ht="16.5" customHeight="1" x14ac:dyDescent="0.3">
      <c r="A13" s="3" t="s">
        <v>499</v>
      </c>
      <c r="B13" s="11">
        <v>5029377</v>
      </c>
      <c r="C13" s="10" t="s">
        <v>500</v>
      </c>
      <c r="D13" s="14">
        <v>45209</v>
      </c>
      <c r="E13" s="3" t="s">
        <v>30</v>
      </c>
      <c r="F13" s="3" t="s">
        <v>37</v>
      </c>
      <c r="G13" s="3" t="s">
        <v>38</v>
      </c>
    </row>
    <row r="14" spans="1:8" ht="16.5" customHeight="1" x14ac:dyDescent="0.3">
      <c r="A14" s="3" t="s">
        <v>501</v>
      </c>
      <c r="B14" s="11">
        <v>5027702</v>
      </c>
      <c r="C14" s="10" t="s">
        <v>502</v>
      </c>
      <c r="D14" s="14">
        <v>45152</v>
      </c>
      <c r="E14" s="3" t="s">
        <v>30</v>
      </c>
      <c r="F14" s="3" t="s">
        <v>503</v>
      </c>
      <c r="G14" s="3" t="s">
        <v>32</v>
      </c>
    </row>
    <row r="15" spans="1:8" x14ac:dyDescent="0.3">
      <c r="A15" s="3" t="s">
        <v>504</v>
      </c>
      <c r="B15" s="11">
        <v>5025808</v>
      </c>
      <c r="C15" s="10" t="s">
        <v>505</v>
      </c>
      <c r="D15" s="14">
        <v>45092</v>
      </c>
      <c r="E15" s="3" t="s">
        <v>30</v>
      </c>
      <c r="F15" s="3" t="s">
        <v>506</v>
      </c>
      <c r="G15" s="3" t="s">
        <v>32</v>
      </c>
    </row>
    <row r="16" spans="1:8" x14ac:dyDescent="0.3">
      <c r="A16" s="3" t="s">
        <v>507</v>
      </c>
      <c r="B16" s="11">
        <v>5024276</v>
      </c>
      <c r="C16" s="9" t="str">
        <f>HYPERLINK("https://support.microsoft.com/kb/"&amp;B16)</f>
        <v>https://support.microsoft.com/kb/5024276</v>
      </c>
      <c r="D16" s="14">
        <v>45029</v>
      </c>
      <c r="E16" s="3" t="s">
        <v>30</v>
      </c>
      <c r="F16" s="3" t="s">
        <v>508</v>
      </c>
      <c r="G16" s="3" t="s">
        <v>32</v>
      </c>
    </row>
    <row r="17" spans="1:8" ht="16.5" customHeight="1" x14ac:dyDescent="0.3">
      <c r="A17" s="3" t="s">
        <v>509</v>
      </c>
      <c r="B17" s="11">
        <v>5023049</v>
      </c>
      <c r="C17" s="9" t="str">
        <f>HYPERLINK("https://support.microsoft.com/kb/"&amp;B17)</f>
        <v>https://support.microsoft.com/kb/5023049</v>
      </c>
      <c r="D17" s="35">
        <v>44973</v>
      </c>
      <c r="E17" s="3" t="s">
        <v>30</v>
      </c>
      <c r="F17" s="3" t="s">
        <v>510</v>
      </c>
      <c r="G17" s="3" t="s">
        <v>32</v>
      </c>
      <c r="H17" s="39"/>
    </row>
    <row r="18" spans="1:8" ht="16.5" customHeight="1" x14ac:dyDescent="0.3">
      <c r="A18" s="34" t="s">
        <v>511</v>
      </c>
      <c r="B18" s="11">
        <v>5021124</v>
      </c>
      <c r="C18" s="9" t="str">
        <f>HYPERLINK("https://support.microsoft.com/kb/"&amp;B18)</f>
        <v>https://support.microsoft.com/kb/5021124</v>
      </c>
      <c r="D18" s="35">
        <v>44971</v>
      </c>
      <c r="E18" s="3" t="s">
        <v>30</v>
      </c>
      <c r="F18" s="13" t="s">
        <v>512</v>
      </c>
      <c r="G18" s="13" t="s">
        <v>35</v>
      </c>
      <c r="H18" s="34"/>
    </row>
    <row r="19" spans="1:8" ht="16.5" customHeight="1" x14ac:dyDescent="0.3">
      <c r="A19" s="34" t="s">
        <v>513</v>
      </c>
      <c r="B19" s="11">
        <v>5021125</v>
      </c>
      <c r="C19" s="32" t="str">
        <f t="shared" ref="C19:C42" si="0">HYPERLINK("https://support.microsoft.com/kb/"&amp;B19)</f>
        <v>https://support.microsoft.com/kb/5021125</v>
      </c>
      <c r="D19" s="35">
        <v>44971</v>
      </c>
      <c r="E19" s="3" t="s">
        <v>30</v>
      </c>
      <c r="F19" s="3" t="s">
        <v>37</v>
      </c>
      <c r="G19" s="13" t="s">
        <v>38</v>
      </c>
      <c r="H19" s="34"/>
    </row>
    <row r="20" spans="1:8" x14ac:dyDescent="0.3">
      <c r="A20" t="s">
        <v>514</v>
      </c>
      <c r="B20" s="11">
        <v>5017593</v>
      </c>
      <c r="C20" s="32" t="str">
        <f t="shared" si="0"/>
        <v>https://support.microsoft.com/kb/5017593</v>
      </c>
      <c r="D20" s="14">
        <v>44832</v>
      </c>
      <c r="E20" s="3" t="s">
        <v>30</v>
      </c>
      <c r="F20" s="3" t="s">
        <v>515</v>
      </c>
      <c r="G20" s="3" t="s">
        <v>32</v>
      </c>
    </row>
    <row r="21" spans="1:8" x14ac:dyDescent="0.3">
      <c r="A21" s="3" t="s">
        <v>516</v>
      </c>
      <c r="B21" s="11">
        <v>5016394</v>
      </c>
      <c r="C21" s="32" t="str">
        <f t="shared" si="0"/>
        <v>https://support.microsoft.com/kb/5016394</v>
      </c>
      <c r="D21" s="14">
        <v>44784</v>
      </c>
      <c r="E21" s="3" t="s">
        <v>30</v>
      </c>
      <c r="F21" s="3" t="s">
        <v>517</v>
      </c>
      <c r="G21" s="3" t="s">
        <v>32</v>
      </c>
    </row>
    <row r="22" spans="1:8" x14ac:dyDescent="0.3">
      <c r="A22" s="13" t="s">
        <v>518</v>
      </c>
      <c r="B22" s="11">
        <v>5014353</v>
      </c>
      <c r="C22" s="32" t="str">
        <f t="shared" si="0"/>
        <v>https://support.microsoft.com/kb/5014353</v>
      </c>
      <c r="D22" s="15">
        <v>44726</v>
      </c>
      <c r="E22" s="3" t="s">
        <v>30</v>
      </c>
      <c r="F22" s="13" t="s">
        <v>519</v>
      </c>
      <c r="G22" s="13" t="s">
        <v>35</v>
      </c>
    </row>
    <row r="23" spans="1:8" x14ac:dyDescent="0.3">
      <c r="A23" s="3" t="s">
        <v>520</v>
      </c>
      <c r="B23" s="11">
        <v>5014356</v>
      </c>
      <c r="C23" s="32" t="str">
        <f t="shared" si="0"/>
        <v>https://support.microsoft.com/kb/5014356</v>
      </c>
      <c r="D23" s="15">
        <v>44726</v>
      </c>
      <c r="E23" s="3" t="s">
        <v>30</v>
      </c>
      <c r="F23" s="3" t="s">
        <v>37</v>
      </c>
      <c r="G23" s="13" t="s">
        <v>38</v>
      </c>
    </row>
    <row r="24" spans="1:8" x14ac:dyDescent="0.3">
      <c r="A24" s="3" t="s">
        <v>521</v>
      </c>
      <c r="B24" s="11">
        <v>5011644</v>
      </c>
      <c r="C24" s="32" t="str">
        <f t="shared" si="0"/>
        <v>https://support.microsoft.com/kb/5011644</v>
      </c>
      <c r="D24" s="14">
        <v>44669</v>
      </c>
      <c r="E24" s="3" t="s">
        <v>30</v>
      </c>
      <c r="F24" s="3" t="s">
        <v>522</v>
      </c>
      <c r="G24" s="3" t="s">
        <v>32</v>
      </c>
    </row>
    <row r="25" spans="1:8" x14ac:dyDescent="0.3">
      <c r="A25" s="3" t="s">
        <v>523</v>
      </c>
      <c r="B25" s="11">
        <v>5008996</v>
      </c>
      <c r="C25" s="32" t="str">
        <f t="shared" si="0"/>
        <v>https://support.microsoft.com/kb/5008996</v>
      </c>
      <c r="D25" s="14">
        <v>44588</v>
      </c>
      <c r="E25" s="3" t="s">
        <v>30</v>
      </c>
      <c r="F25" s="3" t="s">
        <v>524</v>
      </c>
      <c r="G25" s="3" t="s">
        <v>32</v>
      </c>
    </row>
    <row r="26" spans="1:8" x14ac:dyDescent="0.3">
      <c r="A26" s="3" t="s">
        <v>525</v>
      </c>
      <c r="B26" s="11">
        <v>5007182</v>
      </c>
      <c r="C26" s="32" t="str">
        <f t="shared" si="0"/>
        <v>https://support.microsoft.com/kb/5007182</v>
      </c>
      <c r="D26" s="14">
        <v>44522</v>
      </c>
      <c r="E26" s="3" t="s">
        <v>30</v>
      </c>
      <c r="F26" s="3" t="s">
        <v>31</v>
      </c>
      <c r="G26" s="3" t="s">
        <v>32</v>
      </c>
    </row>
    <row r="27" spans="1:8" x14ac:dyDescent="0.3">
      <c r="A27" s="3" t="s">
        <v>526</v>
      </c>
      <c r="B27" s="11">
        <v>5005679</v>
      </c>
      <c r="C27" s="32" t="str">
        <f t="shared" si="0"/>
        <v>https://support.microsoft.com/kb/5005679</v>
      </c>
      <c r="D27" s="14">
        <v>44474</v>
      </c>
      <c r="E27" s="3" t="s">
        <v>30</v>
      </c>
      <c r="F27" s="3" t="s">
        <v>41</v>
      </c>
      <c r="G27" s="3" t="s">
        <v>32</v>
      </c>
    </row>
    <row r="28" spans="1:8" x14ac:dyDescent="0.3">
      <c r="A28" s="3" t="s">
        <v>527</v>
      </c>
      <c r="B28" s="11">
        <v>5004524</v>
      </c>
      <c r="C28" s="32" t="str">
        <f t="shared" si="0"/>
        <v>https://support.microsoft.com/kb/5004524</v>
      </c>
      <c r="D28" s="14">
        <v>44412</v>
      </c>
      <c r="E28" s="3" t="s">
        <v>30</v>
      </c>
      <c r="F28" s="3" t="s">
        <v>47</v>
      </c>
      <c r="G28" s="3" t="s">
        <v>32</v>
      </c>
    </row>
    <row r="29" spans="1:8" x14ac:dyDescent="0.3">
      <c r="A29" s="3" t="s">
        <v>528</v>
      </c>
      <c r="B29" s="11">
        <v>5003249</v>
      </c>
      <c r="C29" s="32" t="str">
        <f t="shared" si="0"/>
        <v>https://support.microsoft.com/kb/5003249</v>
      </c>
      <c r="D29" s="14">
        <v>44357</v>
      </c>
      <c r="E29" s="3" t="s">
        <v>30</v>
      </c>
      <c r="F29" s="3" t="s">
        <v>50</v>
      </c>
      <c r="G29" s="3" t="s">
        <v>32</v>
      </c>
    </row>
    <row r="30" spans="1:8" x14ac:dyDescent="0.3">
      <c r="A30" s="3" t="s">
        <v>529</v>
      </c>
      <c r="B30" s="11">
        <v>5001090</v>
      </c>
      <c r="C30" s="32" t="str">
        <f t="shared" si="0"/>
        <v>https://support.microsoft.com/kb/5001090</v>
      </c>
      <c r="D30" s="14">
        <v>44292</v>
      </c>
      <c r="E30" s="3" t="s">
        <v>30</v>
      </c>
      <c r="F30" s="3" t="s">
        <v>56</v>
      </c>
      <c r="G30" s="3" t="s">
        <v>32</v>
      </c>
    </row>
    <row r="31" spans="1:8" x14ac:dyDescent="0.3">
      <c r="A31" s="3" t="s">
        <v>530</v>
      </c>
      <c r="B31" s="11">
        <v>5000642</v>
      </c>
      <c r="C31" s="32" t="str">
        <f t="shared" si="0"/>
        <v>https://support.microsoft.com/kb/5000642</v>
      </c>
      <c r="D31" s="14">
        <v>44238</v>
      </c>
      <c r="E31" s="3" t="s">
        <v>30</v>
      </c>
      <c r="F31" s="3" t="s">
        <v>59</v>
      </c>
      <c r="G31" s="3" t="s">
        <v>32</v>
      </c>
    </row>
    <row r="32" spans="1:8" x14ac:dyDescent="0.3">
      <c r="A32" s="3" t="s">
        <v>531</v>
      </c>
      <c r="B32" s="11">
        <v>4583459</v>
      </c>
      <c r="C32" s="32" t="str">
        <f t="shared" si="0"/>
        <v>https://support.microsoft.com/kb/4583459</v>
      </c>
      <c r="D32" s="14">
        <v>44208</v>
      </c>
      <c r="E32" s="3" t="s">
        <v>30</v>
      </c>
      <c r="F32" s="3" t="s">
        <v>61</v>
      </c>
      <c r="G32" s="13" t="s">
        <v>35</v>
      </c>
    </row>
    <row r="33" spans="1:8" x14ac:dyDescent="0.3">
      <c r="A33" s="3" t="s">
        <v>532</v>
      </c>
      <c r="B33" s="11">
        <v>4583458</v>
      </c>
      <c r="C33" s="32" t="str">
        <f t="shared" si="0"/>
        <v>https://support.microsoft.com/kb/4583458</v>
      </c>
      <c r="D33" s="14">
        <v>44208</v>
      </c>
      <c r="E33" s="3" t="s">
        <v>30</v>
      </c>
      <c r="F33" s="3" t="s">
        <v>37</v>
      </c>
      <c r="G33" s="3" t="s">
        <v>38</v>
      </c>
    </row>
    <row r="34" spans="1:8" x14ac:dyDescent="0.3">
      <c r="A34" s="3" t="s">
        <v>533</v>
      </c>
      <c r="B34" s="11">
        <v>4577194</v>
      </c>
      <c r="C34" s="32" t="str">
        <f t="shared" si="0"/>
        <v>https://support.microsoft.com/kb/4577194</v>
      </c>
      <c r="D34" s="14">
        <v>44105</v>
      </c>
      <c r="E34" s="3" t="s">
        <v>30</v>
      </c>
      <c r="F34" s="3" t="s">
        <v>65</v>
      </c>
      <c r="G34" s="3" t="s">
        <v>32</v>
      </c>
    </row>
    <row r="35" spans="1:8" x14ac:dyDescent="0.3">
      <c r="A35" s="3" t="s">
        <v>534</v>
      </c>
      <c r="B35" s="11">
        <v>4570012</v>
      </c>
      <c r="C35" s="32" t="str">
        <f t="shared" si="0"/>
        <v>https://support.microsoft.com/kb/4570012</v>
      </c>
      <c r="D35" s="14">
        <v>44076</v>
      </c>
      <c r="E35" s="3" t="s">
        <v>30</v>
      </c>
      <c r="F35" s="3" t="s">
        <v>68</v>
      </c>
      <c r="G35" s="3" t="s">
        <v>32</v>
      </c>
    </row>
    <row r="36" spans="1:8" x14ac:dyDescent="0.3">
      <c r="A36" s="3" t="s">
        <v>535</v>
      </c>
      <c r="B36" s="11">
        <v>4563110</v>
      </c>
      <c r="C36" s="32" t="str">
        <f t="shared" si="0"/>
        <v>https://support.microsoft.com/kb/4563110</v>
      </c>
      <c r="D36" s="14">
        <v>44047</v>
      </c>
      <c r="E36" s="3" t="s">
        <v>30</v>
      </c>
      <c r="F36" s="3" t="s">
        <v>71</v>
      </c>
      <c r="G36" s="3" t="s">
        <v>32</v>
      </c>
    </row>
    <row r="37" spans="1:8" x14ac:dyDescent="0.3">
      <c r="A37" s="3" t="s">
        <v>536</v>
      </c>
      <c r="B37" s="11">
        <v>4552255</v>
      </c>
      <c r="C37" s="32" t="str">
        <f t="shared" si="0"/>
        <v>https://support.microsoft.com/kb/4552255</v>
      </c>
      <c r="D37" s="14">
        <v>44004</v>
      </c>
      <c r="E37" s="3" t="s">
        <v>30</v>
      </c>
      <c r="F37" s="3" t="s">
        <v>74</v>
      </c>
      <c r="G37" s="3" t="s">
        <v>32</v>
      </c>
    </row>
    <row r="38" spans="1:8" x14ac:dyDescent="0.3">
      <c r="A38" s="3" t="s">
        <v>537</v>
      </c>
      <c r="B38" s="11">
        <v>4548597</v>
      </c>
      <c r="C38" s="32" t="str">
        <f t="shared" si="0"/>
        <v>https://support.microsoft.com/kb/4548597</v>
      </c>
      <c r="D38" s="14">
        <v>43921</v>
      </c>
      <c r="E38" s="3" t="s">
        <v>30</v>
      </c>
      <c r="F38" s="3" t="s">
        <v>77</v>
      </c>
      <c r="G38" s="3" t="s">
        <v>32</v>
      </c>
    </row>
    <row r="39" spans="1:8" x14ac:dyDescent="0.3">
      <c r="A39" s="3" t="s">
        <v>538</v>
      </c>
      <c r="B39" s="11">
        <v>4538853</v>
      </c>
      <c r="C39" s="32" t="str">
        <f t="shared" si="0"/>
        <v>https://support.microsoft.com/kb/4538853</v>
      </c>
      <c r="D39" s="14">
        <v>43902</v>
      </c>
      <c r="E39" s="3" t="s">
        <v>30</v>
      </c>
      <c r="F39" s="3" t="s">
        <v>80</v>
      </c>
      <c r="G39" s="3" t="s">
        <v>32</v>
      </c>
    </row>
    <row r="40" spans="1:8" x14ac:dyDescent="0.3">
      <c r="A40" s="3" t="s">
        <v>539</v>
      </c>
      <c r="B40" s="11">
        <v>4536075</v>
      </c>
      <c r="C40" s="32" t="str">
        <f t="shared" si="0"/>
        <v>https://support.microsoft.com/kb/4536075</v>
      </c>
      <c r="D40" s="14">
        <v>43874</v>
      </c>
      <c r="E40" s="3" t="s">
        <v>30</v>
      </c>
      <c r="F40" s="3" t="s">
        <v>83</v>
      </c>
      <c r="G40" s="3" t="s">
        <v>32</v>
      </c>
    </row>
    <row r="41" spans="1:8" x14ac:dyDescent="0.3">
      <c r="A41" s="3" t="s">
        <v>540</v>
      </c>
      <c r="B41" s="11">
        <v>4527376</v>
      </c>
      <c r="C41" s="32" t="str">
        <f t="shared" si="0"/>
        <v>https://support.microsoft.com/kb/4527376</v>
      </c>
      <c r="D41" s="14">
        <v>43837</v>
      </c>
      <c r="E41" s="3" t="s">
        <v>30</v>
      </c>
      <c r="F41" s="3" t="s">
        <v>86</v>
      </c>
      <c r="G41" s="3" t="s">
        <v>32</v>
      </c>
    </row>
    <row r="42" spans="1:8" x14ac:dyDescent="0.3">
      <c r="A42" s="3" t="s">
        <v>541</v>
      </c>
      <c r="B42" s="11">
        <v>4517790</v>
      </c>
      <c r="C42" s="32" t="str">
        <f t="shared" si="0"/>
        <v>https://support.microsoft.com/kb/4517790</v>
      </c>
      <c r="D42" s="14">
        <v>43773</v>
      </c>
      <c r="E42" s="3" t="s">
        <v>30</v>
      </c>
      <c r="F42" s="3" t="s">
        <v>37</v>
      </c>
      <c r="G42" s="3" t="s">
        <v>38</v>
      </c>
    </row>
    <row r="43" spans="1:8" x14ac:dyDescent="0.3">
      <c r="A43" s="3" t="s">
        <v>542</v>
      </c>
      <c r="B43" s="11" t="s">
        <v>30</v>
      </c>
      <c r="C43" s="32"/>
      <c r="D43" s="14">
        <v>43773</v>
      </c>
      <c r="E43" s="4" t="s">
        <v>89</v>
      </c>
      <c r="F43" s="3" t="s">
        <v>30</v>
      </c>
      <c r="G43" s="4" t="s">
        <v>89</v>
      </c>
      <c r="H43" s="16"/>
    </row>
  </sheetData>
  <hyperlinks>
    <hyperlink ref="C15" r:id="rId1" xr:uid="{93C18BDF-7284-480C-A218-2278D2EBFCF7}"/>
    <hyperlink ref="C14" r:id="rId2" xr:uid="{815D3D7B-B4B6-4CD0-9081-19AA9F0FFD4C}"/>
    <hyperlink ref="C12" r:id="rId3" xr:uid="{160FAADC-E374-4B20-A93B-B8B3CFCDA4E5}"/>
    <hyperlink ref="C13" r:id="rId4" xr:uid="{76080895-0982-43F5-92CE-82317B992DCD}"/>
    <hyperlink ref="C11" r:id="rId5" xr:uid="{1E2B4F5A-CCA1-4EEA-A9B2-5336DD24296D}"/>
    <hyperlink ref="C10" r:id="rId6" xr:uid="{473B9F88-A237-45CB-97E1-3D683512BFBA}"/>
    <hyperlink ref="C6" r:id="rId7" xr:uid="{F439FBC8-5211-4836-A8FD-D4DB27F2337D}"/>
    <hyperlink ref="C7" r:id="rId8" xr:uid="{4A8D1603-44D6-4CCC-98C7-2C8771B636C2}"/>
    <hyperlink ref="C8" r:id="rId9" xr:uid="{E356700A-2656-4446-82FE-225E20C90243}"/>
    <hyperlink ref="C5" r:id="rId10" xr:uid="{04A1C91D-8671-4D3F-9923-013888A86AE5}"/>
    <hyperlink ref="C3" r:id="rId11" xr:uid="{6D3C8AC3-F925-4F44-A47F-74793CC45922}"/>
    <hyperlink ref="C4" r:id="rId12" xr:uid="{3DDC95C5-EF9C-4F61-90F7-3254E393D468}"/>
    <hyperlink ref="C2" r:id="rId13" xr:uid="{D3C4A311-606B-4831-9206-374961611C48}"/>
  </hyperlinks>
  <pageMargins left="0.7" right="0.7" top="0.75" bottom="0.75" header="0.3" footer="0.3"/>
  <pageSetup orientation="portrait" r:id="rId14"/>
  <customProperties>
    <customPr name="EpmWorksheetKeyString_GUID" r:id="rId15"/>
  </customProperties>
  <ignoredErrors>
    <ignoredError sqref="C2:C42" calculatedColumn="1"/>
  </ignoredErrors>
  <tableParts count="1">
    <tablePart r:id="rId16"/>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09CA71-A6D9-4014-99AB-B1EF9CA8E0E2}">
  <sheetPr>
    <tabColor theme="2"/>
  </sheetPr>
  <dimension ref="A1:L1329"/>
  <sheetViews>
    <sheetView zoomScaleNormal="100" workbookViewId="0">
      <pane ySplit="1" topLeftCell="A2" activePane="bottomLeft" state="frozen"/>
      <selection activeCell="C1" sqref="C1"/>
      <selection pane="bottomLeft" sqref="A1:L1"/>
    </sheetView>
  </sheetViews>
  <sheetFormatPr defaultRowHeight="14.4" x14ac:dyDescent="0.3"/>
  <cols>
    <col min="1" max="1" width="13.5546875" style="11" customWidth="1"/>
    <col min="2" max="2" width="13.88671875" style="11" customWidth="1"/>
    <col min="3" max="3" width="84.44140625" style="3" customWidth="1"/>
    <col min="4" max="4" width="116.44140625" style="3" customWidth="1"/>
    <col min="5" max="5" width="32" style="3" customWidth="1"/>
    <col min="6" max="6" width="35.6640625" style="3" bestFit="1" customWidth="1"/>
    <col min="7" max="7" width="19.88671875" style="3" customWidth="1"/>
    <col min="8" max="8" width="10.88671875" style="3" bestFit="1" customWidth="1"/>
    <col min="9" max="9" width="14.33203125" style="3" bestFit="1" customWidth="1"/>
    <col min="10" max="10" width="10" style="3" bestFit="1" customWidth="1"/>
    <col min="11" max="11" width="15.109375" bestFit="1" customWidth="1"/>
    <col min="12" max="12" width="12.5546875" style="3" bestFit="1" customWidth="1"/>
  </cols>
  <sheetData>
    <row r="1" spans="1:12" s="2" customFormat="1" x14ac:dyDescent="0.3">
      <c r="A1" s="12" t="s">
        <v>543</v>
      </c>
      <c r="B1" s="12" t="s">
        <v>91</v>
      </c>
      <c r="C1" s="12" t="s">
        <v>22</v>
      </c>
      <c r="D1" s="2" t="s">
        <v>92</v>
      </c>
      <c r="E1" s="2" t="s">
        <v>93</v>
      </c>
      <c r="F1" s="2" t="s">
        <v>94</v>
      </c>
      <c r="G1" s="2" t="s">
        <v>95</v>
      </c>
      <c r="H1" s="12" t="s">
        <v>0</v>
      </c>
      <c r="I1" s="2" t="s">
        <v>96</v>
      </c>
      <c r="J1" s="2" t="s">
        <v>97</v>
      </c>
      <c r="K1" s="2" t="s">
        <v>23</v>
      </c>
      <c r="L1" s="2" t="s">
        <v>98</v>
      </c>
    </row>
    <row r="2" spans="1:12" ht="15" customHeight="1" x14ac:dyDescent="0.3">
      <c r="A2" s="11">
        <v>3020820</v>
      </c>
      <c r="B2" s="11">
        <v>5039747</v>
      </c>
      <c r="C2" s="22" t="s">
        <v>469</v>
      </c>
      <c r="D2" t="s">
        <v>544</v>
      </c>
      <c r="E2" t="s">
        <v>100</v>
      </c>
      <c r="F2" t="s">
        <v>145</v>
      </c>
      <c r="G2" s="3" t="s">
        <v>105</v>
      </c>
      <c r="H2" s="3">
        <v>2019</v>
      </c>
      <c r="I2" s="3" t="s">
        <v>103</v>
      </c>
      <c r="J2" s="3" t="s">
        <v>470</v>
      </c>
      <c r="K2" s="14">
        <v>45505</v>
      </c>
      <c r="L2" s="3" t="s">
        <v>468</v>
      </c>
    </row>
    <row r="3" spans="1:12" ht="15" customHeight="1" x14ac:dyDescent="0.3">
      <c r="A3" s="11">
        <v>3101926</v>
      </c>
      <c r="B3" s="11">
        <v>5039747</v>
      </c>
      <c r="C3" s="22" t="s">
        <v>469</v>
      </c>
      <c r="D3" t="s">
        <v>126</v>
      </c>
      <c r="E3" t="s">
        <v>100</v>
      </c>
      <c r="F3" t="s">
        <v>127</v>
      </c>
      <c r="G3" s="3" t="s">
        <v>105</v>
      </c>
      <c r="H3" s="3">
        <v>2019</v>
      </c>
      <c r="I3" s="3" t="s">
        <v>103</v>
      </c>
      <c r="J3" s="3" t="s">
        <v>470</v>
      </c>
      <c r="K3" s="14">
        <v>45505</v>
      </c>
      <c r="L3" s="3" t="s">
        <v>468</v>
      </c>
    </row>
    <row r="4" spans="1:12" ht="15" customHeight="1" x14ac:dyDescent="0.3">
      <c r="A4" s="11">
        <v>3217207</v>
      </c>
      <c r="B4" s="11">
        <v>5039747</v>
      </c>
      <c r="C4" s="22" t="s">
        <v>469</v>
      </c>
      <c r="D4" s="3" t="s">
        <v>545</v>
      </c>
      <c r="E4" s="3" t="s">
        <v>107</v>
      </c>
      <c r="F4" s="3" t="s">
        <v>118</v>
      </c>
      <c r="G4" s="3" t="s">
        <v>116</v>
      </c>
      <c r="H4" s="3">
        <v>2019</v>
      </c>
      <c r="I4" s="3" t="s">
        <v>103</v>
      </c>
      <c r="J4" s="3" t="s">
        <v>470</v>
      </c>
      <c r="K4" s="14">
        <v>45505</v>
      </c>
      <c r="L4" s="3" t="s">
        <v>468</v>
      </c>
    </row>
    <row r="5" spans="1:12" ht="15" customHeight="1" x14ac:dyDescent="0.3">
      <c r="A5" s="11">
        <v>3278707</v>
      </c>
      <c r="B5" s="11">
        <v>5039747</v>
      </c>
      <c r="C5" s="22" t="s">
        <v>469</v>
      </c>
      <c r="D5" t="s">
        <v>122</v>
      </c>
      <c r="E5" t="s">
        <v>100</v>
      </c>
      <c r="F5" t="s">
        <v>123</v>
      </c>
      <c r="G5" t="s">
        <v>102</v>
      </c>
      <c r="H5" s="3">
        <v>2019</v>
      </c>
      <c r="I5" s="3" t="s">
        <v>103</v>
      </c>
      <c r="J5" s="3" t="s">
        <v>470</v>
      </c>
      <c r="K5" s="14">
        <v>45505</v>
      </c>
      <c r="L5" s="3" t="s">
        <v>468</v>
      </c>
    </row>
    <row r="6" spans="1:12" ht="15" customHeight="1" x14ac:dyDescent="0.3">
      <c r="A6" s="11">
        <v>3285766</v>
      </c>
      <c r="B6" s="11">
        <v>5039747</v>
      </c>
      <c r="C6" s="22" t="s">
        <v>469</v>
      </c>
      <c r="D6" t="s">
        <v>124</v>
      </c>
      <c r="E6" t="s">
        <v>100</v>
      </c>
      <c r="F6" t="s">
        <v>125</v>
      </c>
      <c r="G6" t="s">
        <v>102</v>
      </c>
      <c r="H6" s="3">
        <v>2019</v>
      </c>
      <c r="I6" s="3" t="s">
        <v>103</v>
      </c>
      <c r="J6" s="3" t="s">
        <v>470</v>
      </c>
      <c r="K6" s="14">
        <v>45505</v>
      </c>
      <c r="L6" s="3" t="s">
        <v>468</v>
      </c>
    </row>
    <row r="7" spans="1:12" ht="15" customHeight="1" x14ac:dyDescent="0.3">
      <c r="A7" s="11">
        <v>3296380</v>
      </c>
      <c r="B7" s="11">
        <v>5039747</v>
      </c>
      <c r="C7" s="22" t="s">
        <v>469</v>
      </c>
      <c r="D7" t="s">
        <v>546</v>
      </c>
      <c r="E7" t="s">
        <v>100</v>
      </c>
      <c r="F7" t="s">
        <v>171</v>
      </c>
      <c r="G7" s="3" t="s">
        <v>105</v>
      </c>
      <c r="H7" s="3">
        <v>2019</v>
      </c>
      <c r="I7" s="3" t="s">
        <v>103</v>
      </c>
      <c r="J7" s="3" t="s">
        <v>470</v>
      </c>
      <c r="K7" s="14">
        <v>45505</v>
      </c>
      <c r="L7" s="3" t="s">
        <v>468</v>
      </c>
    </row>
    <row r="8" spans="1:12" ht="15" customHeight="1" x14ac:dyDescent="0.3">
      <c r="A8" s="11">
        <v>3305037</v>
      </c>
      <c r="B8" s="11">
        <v>5039747</v>
      </c>
      <c r="C8" s="22" t="s">
        <v>469</v>
      </c>
      <c r="D8" t="s">
        <v>547</v>
      </c>
      <c r="E8" t="s">
        <v>180</v>
      </c>
      <c r="F8" t="s">
        <v>180</v>
      </c>
      <c r="G8" t="s">
        <v>102</v>
      </c>
      <c r="H8" s="3">
        <v>2019</v>
      </c>
      <c r="I8" s="3" t="s">
        <v>103</v>
      </c>
      <c r="J8" s="3" t="s">
        <v>470</v>
      </c>
      <c r="K8" s="14">
        <v>45505</v>
      </c>
      <c r="L8" s="3" t="s">
        <v>468</v>
      </c>
    </row>
    <row r="9" spans="1:12" ht="15" customHeight="1" x14ac:dyDescent="0.3">
      <c r="A9" s="11">
        <v>3312461</v>
      </c>
      <c r="B9" s="11">
        <v>5039747</v>
      </c>
      <c r="C9" s="22" t="s">
        <v>469</v>
      </c>
      <c r="D9" t="s">
        <v>548</v>
      </c>
      <c r="E9" t="s">
        <v>100</v>
      </c>
      <c r="F9" t="s">
        <v>145</v>
      </c>
      <c r="G9" s="3" t="s">
        <v>105</v>
      </c>
      <c r="H9" s="3">
        <v>2019</v>
      </c>
      <c r="I9" s="3" t="s">
        <v>103</v>
      </c>
      <c r="J9" s="3" t="s">
        <v>470</v>
      </c>
      <c r="K9" s="14">
        <v>45505</v>
      </c>
      <c r="L9" s="3" t="s">
        <v>468</v>
      </c>
    </row>
    <row r="10" spans="1:12" ht="15" customHeight="1" x14ac:dyDescent="0.3">
      <c r="A10" s="11">
        <v>3312936</v>
      </c>
      <c r="B10" s="11">
        <v>5039747</v>
      </c>
      <c r="C10" s="22" t="s">
        <v>469</v>
      </c>
      <c r="D10" t="s">
        <v>549</v>
      </c>
      <c r="E10" t="s">
        <v>100</v>
      </c>
      <c r="F10" t="s">
        <v>113</v>
      </c>
      <c r="G10" s="3" t="s">
        <v>105</v>
      </c>
      <c r="H10" s="3">
        <v>2019</v>
      </c>
      <c r="I10" s="3" t="s">
        <v>103</v>
      </c>
      <c r="J10" s="3" t="s">
        <v>470</v>
      </c>
      <c r="K10" s="14">
        <v>45505</v>
      </c>
      <c r="L10" s="3" t="s">
        <v>468</v>
      </c>
    </row>
    <row r="11" spans="1:12" ht="15" customHeight="1" x14ac:dyDescent="0.3">
      <c r="A11" s="11">
        <v>3312950</v>
      </c>
      <c r="B11" s="11">
        <v>5039747</v>
      </c>
      <c r="C11" s="22" t="s">
        <v>469</v>
      </c>
      <c r="D11" t="s">
        <v>550</v>
      </c>
      <c r="E11" t="s">
        <v>100</v>
      </c>
      <c r="F11" t="s">
        <v>120</v>
      </c>
      <c r="G11" t="s">
        <v>102</v>
      </c>
      <c r="H11" s="3">
        <v>2019</v>
      </c>
      <c r="I11" s="3" t="s">
        <v>103</v>
      </c>
      <c r="J11" s="3" t="s">
        <v>470</v>
      </c>
      <c r="K11" s="14">
        <v>45505</v>
      </c>
      <c r="L11" s="3" t="s">
        <v>468</v>
      </c>
    </row>
    <row r="12" spans="1:12" ht="15" customHeight="1" x14ac:dyDescent="0.3">
      <c r="A12" s="11">
        <v>3323675</v>
      </c>
      <c r="B12" s="11">
        <v>5039747</v>
      </c>
      <c r="C12" s="22" t="s">
        <v>469</v>
      </c>
      <c r="D12" t="s">
        <v>149</v>
      </c>
      <c r="E12" t="s">
        <v>100</v>
      </c>
      <c r="F12" t="s">
        <v>139</v>
      </c>
      <c r="G12" s="3" t="s">
        <v>105</v>
      </c>
      <c r="H12" s="3">
        <v>2019</v>
      </c>
      <c r="I12" s="3" t="s">
        <v>103</v>
      </c>
      <c r="J12" s="3" t="s">
        <v>470</v>
      </c>
      <c r="K12" s="14">
        <v>45505</v>
      </c>
      <c r="L12" s="3" t="s">
        <v>468</v>
      </c>
    </row>
    <row r="13" spans="1:12" ht="15" customHeight="1" x14ac:dyDescent="0.3">
      <c r="A13" s="11">
        <v>3338718</v>
      </c>
      <c r="B13" s="11">
        <v>5039747</v>
      </c>
      <c r="C13" s="22" t="s">
        <v>469</v>
      </c>
      <c r="D13" t="s">
        <v>551</v>
      </c>
      <c r="E13" t="s">
        <v>100</v>
      </c>
      <c r="F13" t="s">
        <v>120</v>
      </c>
      <c r="G13" s="3" t="s">
        <v>105</v>
      </c>
      <c r="H13" s="3">
        <v>2019</v>
      </c>
      <c r="I13" s="3" t="s">
        <v>103</v>
      </c>
      <c r="J13" s="3" t="s">
        <v>470</v>
      </c>
      <c r="K13" s="14">
        <v>45505</v>
      </c>
      <c r="L13" s="3" t="s">
        <v>468</v>
      </c>
    </row>
    <row r="14" spans="1:12" ht="15" customHeight="1" x14ac:dyDescent="0.3">
      <c r="A14" s="11">
        <v>3299705</v>
      </c>
      <c r="B14" s="11">
        <v>5040948</v>
      </c>
      <c r="C14" s="22" t="str">
        <f>HYPERLINK("https://support.microsoft.com/kb/"&amp;B14)</f>
        <v>https://support.microsoft.com/kb/5040948</v>
      </c>
      <c r="D14" s="3" t="s">
        <v>129</v>
      </c>
      <c r="E14" s="3" t="s">
        <v>100</v>
      </c>
      <c r="F14" s="3" t="s">
        <v>130</v>
      </c>
      <c r="G14" s="3" t="s">
        <v>102</v>
      </c>
      <c r="H14" s="3">
        <v>2019</v>
      </c>
      <c r="I14" s="3" t="s">
        <v>103</v>
      </c>
      <c r="J14" s="3" t="s">
        <v>473</v>
      </c>
      <c r="K14" s="14">
        <v>45482</v>
      </c>
      <c r="L14" s="3" t="s">
        <v>471</v>
      </c>
    </row>
    <row r="15" spans="1:12" ht="15" customHeight="1" x14ac:dyDescent="0.3">
      <c r="A15" s="11">
        <v>3294518</v>
      </c>
      <c r="B15" s="11">
        <v>5040986</v>
      </c>
      <c r="C15" s="22" t="str">
        <f>HYPERLINK("https://support.microsoft.com/kb/"&amp;B15)</f>
        <v>https://support.microsoft.com/kb/5040986</v>
      </c>
      <c r="D15" s="3" t="s">
        <v>129</v>
      </c>
      <c r="E15" s="3" t="s">
        <v>100</v>
      </c>
      <c r="F15" s="3" t="s">
        <v>130</v>
      </c>
      <c r="G15" s="3" t="s">
        <v>102</v>
      </c>
      <c r="H15" s="3">
        <v>2019</v>
      </c>
      <c r="I15" s="3" t="s">
        <v>89</v>
      </c>
      <c r="J15" s="3" t="s">
        <v>37</v>
      </c>
      <c r="K15" s="14">
        <v>45482</v>
      </c>
      <c r="L15" s="3" t="s">
        <v>474</v>
      </c>
    </row>
    <row r="16" spans="1:12" ht="15" customHeight="1" x14ac:dyDescent="0.3">
      <c r="A16" s="11">
        <v>2897797</v>
      </c>
      <c r="B16" s="11">
        <v>5037331</v>
      </c>
      <c r="C16" s="22" t="s">
        <v>477</v>
      </c>
      <c r="D16" s="3" t="s">
        <v>99</v>
      </c>
      <c r="E16" s="3" t="s">
        <v>100</v>
      </c>
      <c r="F16" s="3" t="s">
        <v>101</v>
      </c>
      <c r="G16" s="3" t="s">
        <v>102</v>
      </c>
      <c r="H16" s="3">
        <v>2019</v>
      </c>
      <c r="I16" s="3" t="s">
        <v>103</v>
      </c>
      <c r="J16" s="3" t="s">
        <v>478</v>
      </c>
      <c r="K16" s="14">
        <v>45456</v>
      </c>
      <c r="L16" s="3" t="s">
        <v>476</v>
      </c>
    </row>
    <row r="17" spans="1:12" ht="15" customHeight="1" x14ac:dyDescent="0.3">
      <c r="A17" s="11">
        <v>2901635</v>
      </c>
      <c r="B17" s="11">
        <v>5037331</v>
      </c>
      <c r="C17" s="22" t="s">
        <v>477</v>
      </c>
      <c r="D17" s="3" t="s">
        <v>144</v>
      </c>
      <c r="E17" s="3" t="s">
        <v>100</v>
      </c>
      <c r="F17" s="3" t="s">
        <v>145</v>
      </c>
      <c r="G17" s="3" t="s">
        <v>105</v>
      </c>
      <c r="H17" s="3">
        <v>2019</v>
      </c>
      <c r="I17" s="3" t="s">
        <v>103</v>
      </c>
      <c r="J17" s="3" t="s">
        <v>478</v>
      </c>
      <c r="K17" s="14">
        <v>45456</v>
      </c>
      <c r="L17" s="3" t="s">
        <v>476</v>
      </c>
    </row>
    <row r="18" spans="1:12" ht="15" customHeight="1" x14ac:dyDescent="0.3">
      <c r="A18" s="11">
        <v>2955030</v>
      </c>
      <c r="B18" s="11">
        <v>5037331</v>
      </c>
      <c r="C18" s="22" t="s">
        <v>477</v>
      </c>
      <c r="D18" s="3" t="s">
        <v>109</v>
      </c>
      <c r="E18" s="3" t="s">
        <v>100</v>
      </c>
      <c r="F18" s="3" t="s">
        <v>110</v>
      </c>
      <c r="G18" s="3" t="s">
        <v>105</v>
      </c>
      <c r="H18" s="3">
        <v>2019</v>
      </c>
      <c r="I18" s="3" t="s">
        <v>103</v>
      </c>
      <c r="J18" s="3" t="s">
        <v>478</v>
      </c>
      <c r="K18" s="14">
        <v>45456</v>
      </c>
      <c r="L18" s="3" t="s">
        <v>476</v>
      </c>
    </row>
    <row r="19" spans="1:12" ht="15" customHeight="1" x14ac:dyDescent="0.3">
      <c r="A19" s="11">
        <v>2962248</v>
      </c>
      <c r="B19" s="11">
        <v>5037331</v>
      </c>
      <c r="C19" s="22" t="s">
        <v>477</v>
      </c>
      <c r="D19" s="3" t="s">
        <v>119</v>
      </c>
      <c r="E19" s="3" t="s">
        <v>100</v>
      </c>
      <c r="F19" s="3" t="s">
        <v>120</v>
      </c>
      <c r="G19" s="3" t="s">
        <v>105</v>
      </c>
      <c r="H19" s="3">
        <v>2019</v>
      </c>
      <c r="I19" s="3" t="s">
        <v>103</v>
      </c>
      <c r="J19" s="3" t="s">
        <v>478</v>
      </c>
      <c r="K19" s="14">
        <v>45456</v>
      </c>
      <c r="L19" s="3" t="s">
        <v>476</v>
      </c>
    </row>
    <row r="20" spans="1:12" ht="15" customHeight="1" x14ac:dyDescent="0.3">
      <c r="A20" s="11">
        <v>2994446</v>
      </c>
      <c r="B20" s="11">
        <v>5037331</v>
      </c>
      <c r="C20" s="22" t="s">
        <v>477</v>
      </c>
      <c r="D20" s="3" t="s">
        <v>140</v>
      </c>
      <c r="E20" s="3" t="s">
        <v>100</v>
      </c>
      <c r="F20" s="3" t="s">
        <v>101</v>
      </c>
      <c r="G20" s="3" t="s">
        <v>105</v>
      </c>
      <c r="H20" s="3">
        <v>2019</v>
      </c>
      <c r="I20" s="3" t="s">
        <v>103</v>
      </c>
      <c r="J20" s="3" t="s">
        <v>478</v>
      </c>
      <c r="K20" s="14">
        <v>45456</v>
      </c>
      <c r="L20" s="3" t="s">
        <v>476</v>
      </c>
    </row>
    <row r="21" spans="1:12" ht="15" customHeight="1" x14ac:dyDescent="0.3">
      <c r="A21" s="11">
        <v>3015695</v>
      </c>
      <c r="B21" s="11">
        <v>5037331</v>
      </c>
      <c r="C21" s="22" t="s">
        <v>477</v>
      </c>
      <c r="D21" s="3" t="s">
        <v>142</v>
      </c>
      <c r="E21" s="3" t="s">
        <v>100</v>
      </c>
      <c r="F21" s="3" t="s">
        <v>120</v>
      </c>
      <c r="G21" s="3" t="s">
        <v>105</v>
      </c>
      <c r="H21" s="3">
        <v>2019</v>
      </c>
      <c r="I21" s="3" t="s">
        <v>103</v>
      </c>
      <c r="J21" s="3" t="s">
        <v>478</v>
      </c>
      <c r="K21" s="14">
        <v>45456</v>
      </c>
      <c r="L21" s="3" t="s">
        <v>476</v>
      </c>
    </row>
    <row r="22" spans="1:12" ht="15" customHeight="1" x14ac:dyDescent="0.3">
      <c r="A22" s="11">
        <v>3018480</v>
      </c>
      <c r="B22" s="11">
        <v>5037331</v>
      </c>
      <c r="C22" s="22" t="s">
        <v>477</v>
      </c>
      <c r="D22" s="3" t="s">
        <v>143</v>
      </c>
      <c r="E22" s="3" t="s">
        <v>100</v>
      </c>
      <c r="F22" s="3" t="s">
        <v>101</v>
      </c>
      <c r="G22" s="3" t="s">
        <v>105</v>
      </c>
      <c r="H22" s="3">
        <v>2019</v>
      </c>
      <c r="I22" s="3" t="s">
        <v>103</v>
      </c>
      <c r="J22" s="3" t="s">
        <v>478</v>
      </c>
      <c r="K22" s="14">
        <v>45456</v>
      </c>
      <c r="L22" s="3" t="s">
        <v>476</v>
      </c>
    </row>
    <row r="23" spans="1:12" ht="15" customHeight="1" x14ac:dyDescent="0.3">
      <c r="A23" s="11">
        <v>3065392</v>
      </c>
      <c r="B23" s="11">
        <v>5037331</v>
      </c>
      <c r="C23" s="22" t="s">
        <v>477</v>
      </c>
      <c r="D23" s="3" t="s">
        <v>552</v>
      </c>
      <c r="E23" s="3" t="s">
        <v>100</v>
      </c>
      <c r="F23" s="3" t="s">
        <v>165</v>
      </c>
      <c r="G23" s="3" t="s">
        <v>105</v>
      </c>
      <c r="H23" s="3">
        <v>2019</v>
      </c>
      <c r="I23" s="3" t="s">
        <v>103</v>
      </c>
      <c r="J23" s="3" t="s">
        <v>478</v>
      </c>
      <c r="K23" s="14">
        <v>45456</v>
      </c>
      <c r="L23" s="3" t="s">
        <v>476</v>
      </c>
    </row>
    <row r="24" spans="1:12" ht="15" customHeight="1" x14ac:dyDescent="0.3">
      <c r="A24" s="11">
        <v>3088136</v>
      </c>
      <c r="B24" s="11">
        <v>5037331</v>
      </c>
      <c r="C24" s="22" t="s">
        <v>477</v>
      </c>
      <c r="D24" s="3" t="s">
        <v>104</v>
      </c>
      <c r="E24" s="3" t="s">
        <v>100</v>
      </c>
      <c r="F24" s="3" t="s">
        <v>101</v>
      </c>
      <c r="G24" s="3" t="s">
        <v>105</v>
      </c>
      <c r="H24" s="3">
        <v>2019</v>
      </c>
      <c r="I24" s="3" t="s">
        <v>103</v>
      </c>
      <c r="J24" s="3" t="s">
        <v>478</v>
      </c>
      <c r="K24" s="14">
        <v>45456</v>
      </c>
      <c r="L24" s="3" t="s">
        <v>476</v>
      </c>
    </row>
    <row r="25" spans="1:12" ht="15" customHeight="1" x14ac:dyDescent="0.3">
      <c r="A25" s="11">
        <v>3099327</v>
      </c>
      <c r="B25" s="11">
        <v>5037331</v>
      </c>
      <c r="C25" s="22" t="s">
        <v>477</v>
      </c>
      <c r="D25" s="3" t="s">
        <v>553</v>
      </c>
      <c r="E25" s="3" t="s">
        <v>178</v>
      </c>
      <c r="F25" s="3" t="s">
        <v>178</v>
      </c>
      <c r="G25" s="3" t="s">
        <v>102</v>
      </c>
      <c r="H25" s="3">
        <v>2019</v>
      </c>
      <c r="I25" s="3" t="s">
        <v>103</v>
      </c>
      <c r="J25" s="3" t="s">
        <v>478</v>
      </c>
      <c r="K25" s="14">
        <v>45456</v>
      </c>
      <c r="L25" s="3" t="s">
        <v>476</v>
      </c>
    </row>
    <row r="26" spans="1:12" ht="15" customHeight="1" x14ac:dyDescent="0.3">
      <c r="A26" s="11">
        <v>3110965</v>
      </c>
      <c r="B26" s="11">
        <v>5037331</v>
      </c>
      <c r="C26" s="22" t="s">
        <v>477</v>
      </c>
      <c r="D26" s="3" t="s">
        <v>106</v>
      </c>
      <c r="E26" s="3" t="s">
        <v>107</v>
      </c>
      <c r="F26" s="3" t="s">
        <v>108</v>
      </c>
      <c r="G26" s="3" t="s">
        <v>102</v>
      </c>
      <c r="H26" s="3">
        <v>2019</v>
      </c>
      <c r="I26" s="3" t="s">
        <v>103</v>
      </c>
      <c r="J26" s="3" t="s">
        <v>478</v>
      </c>
      <c r="K26" s="14">
        <v>45456</v>
      </c>
      <c r="L26" s="3" t="s">
        <v>476</v>
      </c>
    </row>
    <row r="27" spans="1:12" ht="15" customHeight="1" x14ac:dyDescent="0.3">
      <c r="A27" s="11">
        <v>3157054</v>
      </c>
      <c r="B27" s="11">
        <v>5037331</v>
      </c>
      <c r="C27" s="22" t="s">
        <v>477</v>
      </c>
      <c r="D27" s="3" t="s">
        <v>111</v>
      </c>
      <c r="E27" s="3" t="s">
        <v>100</v>
      </c>
      <c r="F27" s="3" t="s">
        <v>101</v>
      </c>
      <c r="G27" s="3" t="s">
        <v>102</v>
      </c>
      <c r="H27" s="3">
        <v>2019</v>
      </c>
      <c r="I27" s="3" t="s">
        <v>103</v>
      </c>
      <c r="J27" s="3" t="s">
        <v>478</v>
      </c>
      <c r="K27" s="14">
        <v>45456</v>
      </c>
      <c r="L27" s="3" t="s">
        <v>476</v>
      </c>
    </row>
    <row r="28" spans="1:12" ht="15" customHeight="1" x14ac:dyDescent="0.3">
      <c r="A28" s="11">
        <v>3207518</v>
      </c>
      <c r="B28" s="11">
        <v>5042369</v>
      </c>
      <c r="C28" s="42" t="s">
        <v>114</v>
      </c>
      <c r="D28" t="s">
        <v>115</v>
      </c>
      <c r="E28" s="3" t="s">
        <v>100</v>
      </c>
      <c r="F28" s="3" t="s">
        <v>116</v>
      </c>
      <c r="G28" s="3" t="s">
        <v>116</v>
      </c>
      <c r="H28" s="3">
        <v>2019</v>
      </c>
      <c r="I28" s="3" t="s">
        <v>103</v>
      </c>
      <c r="J28" s="3" t="s">
        <v>478</v>
      </c>
      <c r="K28" s="14">
        <v>45456</v>
      </c>
      <c r="L28" s="3" t="s">
        <v>476</v>
      </c>
    </row>
    <row r="29" spans="1:12" ht="15" customHeight="1" x14ac:dyDescent="0.3">
      <c r="A29" s="11">
        <v>3282395</v>
      </c>
      <c r="B29" s="11">
        <v>5037331</v>
      </c>
      <c r="C29" s="22" t="s">
        <v>477</v>
      </c>
      <c r="D29" s="3" t="s">
        <v>554</v>
      </c>
      <c r="E29" s="3" t="s">
        <v>100</v>
      </c>
      <c r="F29" s="3" t="s">
        <v>139</v>
      </c>
      <c r="G29" s="3" t="s">
        <v>105</v>
      </c>
      <c r="H29" s="3">
        <v>2019</v>
      </c>
      <c r="I29" s="3" t="s">
        <v>103</v>
      </c>
      <c r="J29" s="3" t="s">
        <v>478</v>
      </c>
      <c r="K29" s="14">
        <v>45456</v>
      </c>
      <c r="L29" s="3" t="s">
        <v>476</v>
      </c>
    </row>
    <row r="30" spans="1:12" ht="15" customHeight="1" x14ac:dyDescent="0.3">
      <c r="A30" s="11">
        <v>2347022</v>
      </c>
      <c r="B30" s="11">
        <v>5035123</v>
      </c>
      <c r="C30" s="22" t="s">
        <v>480</v>
      </c>
      <c r="D30" s="3" t="s">
        <v>154</v>
      </c>
      <c r="E30" s="3" t="s">
        <v>100</v>
      </c>
      <c r="F30" s="3" t="s">
        <v>101</v>
      </c>
      <c r="G30" s="3" t="s">
        <v>105</v>
      </c>
      <c r="H30" s="3">
        <v>2019</v>
      </c>
      <c r="I30" s="3" t="s">
        <v>103</v>
      </c>
      <c r="J30" s="3" t="s">
        <v>481</v>
      </c>
      <c r="K30" s="14">
        <v>45393</v>
      </c>
      <c r="L30" s="3" t="s">
        <v>479</v>
      </c>
    </row>
    <row r="31" spans="1:12" ht="15" customHeight="1" x14ac:dyDescent="0.3">
      <c r="A31" s="11">
        <v>2693196</v>
      </c>
      <c r="B31" s="11">
        <v>5035123</v>
      </c>
      <c r="C31" s="22" t="s">
        <v>480</v>
      </c>
      <c r="D31" s="3" t="s">
        <v>156</v>
      </c>
      <c r="E31" s="3" t="s">
        <v>100</v>
      </c>
      <c r="F31" s="3" t="s">
        <v>120</v>
      </c>
      <c r="G31" s="3" t="s">
        <v>105</v>
      </c>
      <c r="H31" s="3">
        <v>2019</v>
      </c>
      <c r="I31" s="3" t="s">
        <v>103</v>
      </c>
      <c r="J31" s="3" t="s">
        <v>481</v>
      </c>
      <c r="K31" s="14">
        <v>45393</v>
      </c>
      <c r="L31" s="3" t="s">
        <v>479</v>
      </c>
    </row>
    <row r="32" spans="1:12" ht="15" customHeight="1" x14ac:dyDescent="0.3">
      <c r="A32" s="11">
        <v>2830668</v>
      </c>
      <c r="B32" s="11">
        <v>5035123</v>
      </c>
      <c r="C32" s="22" t="s">
        <v>480</v>
      </c>
      <c r="D32" s="3" t="s">
        <v>149</v>
      </c>
      <c r="E32" s="3" t="s">
        <v>100</v>
      </c>
      <c r="F32" s="3" t="s">
        <v>139</v>
      </c>
      <c r="G32" s="3" t="s">
        <v>105</v>
      </c>
      <c r="H32" s="3">
        <v>2019</v>
      </c>
      <c r="I32" s="3" t="s">
        <v>103</v>
      </c>
      <c r="J32" s="3" t="s">
        <v>481</v>
      </c>
      <c r="K32" s="14">
        <v>45393</v>
      </c>
      <c r="L32" s="3" t="s">
        <v>479</v>
      </c>
    </row>
    <row r="33" spans="1:12" ht="15" customHeight="1" x14ac:dyDescent="0.3">
      <c r="A33" s="11">
        <v>2877235</v>
      </c>
      <c r="B33" s="11">
        <v>5035123</v>
      </c>
      <c r="C33" s="22" t="s">
        <v>480</v>
      </c>
      <c r="D33" s="3" t="s">
        <v>187</v>
      </c>
      <c r="E33" s="3" t="s">
        <v>100</v>
      </c>
      <c r="F33" s="3" t="s">
        <v>148</v>
      </c>
      <c r="G33" s="3" t="s">
        <v>102</v>
      </c>
      <c r="H33" s="3">
        <v>2019</v>
      </c>
      <c r="I33" s="3" t="s">
        <v>103</v>
      </c>
      <c r="J33" s="3" t="s">
        <v>481</v>
      </c>
      <c r="K33" s="14">
        <v>45393</v>
      </c>
      <c r="L33" s="3" t="s">
        <v>479</v>
      </c>
    </row>
    <row r="34" spans="1:12" ht="15" customHeight="1" x14ac:dyDescent="0.3">
      <c r="A34" s="11">
        <v>2884531</v>
      </c>
      <c r="B34" s="11">
        <v>5035123</v>
      </c>
      <c r="C34" s="22" t="s">
        <v>480</v>
      </c>
      <c r="D34" s="3" t="s">
        <v>135</v>
      </c>
      <c r="E34" s="3" t="s">
        <v>100</v>
      </c>
      <c r="F34" s="3" t="s">
        <v>127</v>
      </c>
      <c r="G34" s="3" t="s">
        <v>105</v>
      </c>
      <c r="H34" s="3">
        <v>2019</v>
      </c>
      <c r="I34" s="3" t="s">
        <v>103</v>
      </c>
      <c r="J34" s="3" t="s">
        <v>481</v>
      </c>
      <c r="K34" s="14">
        <v>45393</v>
      </c>
      <c r="L34" s="3" t="s">
        <v>479</v>
      </c>
    </row>
    <row r="35" spans="1:12" ht="15" customHeight="1" x14ac:dyDescent="0.3">
      <c r="A35" s="11">
        <v>2893029</v>
      </c>
      <c r="B35" s="11">
        <v>5035123</v>
      </c>
      <c r="C35" s="22" t="s">
        <v>480</v>
      </c>
      <c r="D35" s="3" t="s">
        <v>190</v>
      </c>
      <c r="E35" s="3" t="s">
        <v>100</v>
      </c>
      <c r="F35" s="3" t="s">
        <v>101</v>
      </c>
      <c r="G35" s="3" t="s">
        <v>102</v>
      </c>
      <c r="H35" s="3">
        <v>2019</v>
      </c>
      <c r="I35" s="3" t="s">
        <v>103</v>
      </c>
      <c r="J35" s="3" t="s">
        <v>481</v>
      </c>
      <c r="K35" s="14">
        <v>45393</v>
      </c>
      <c r="L35" s="3" t="s">
        <v>479</v>
      </c>
    </row>
    <row r="36" spans="1:12" ht="15" customHeight="1" x14ac:dyDescent="0.3">
      <c r="A36" s="11">
        <v>2907885</v>
      </c>
      <c r="B36" s="11">
        <v>5035123</v>
      </c>
      <c r="C36" s="22" t="s">
        <v>480</v>
      </c>
      <c r="D36" s="3" t="s">
        <v>192</v>
      </c>
      <c r="E36" s="3" t="s">
        <v>100</v>
      </c>
      <c r="F36" s="3" t="s">
        <v>193</v>
      </c>
      <c r="G36" s="3" t="s">
        <v>105</v>
      </c>
      <c r="H36" s="3">
        <v>2019</v>
      </c>
      <c r="I36" s="3" t="s">
        <v>103</v>
      </c>
      <c r="J36" s="3" t="s">
        <v>481</v>
      </c>
      <c r="K36" s="14">
        <v>45393</v>
      </c>
      <c r="L36" s="3" t="s">
        <v>479</v>
      </c>
    </row>
    <row r="37" spans="1:12" ht="15" customHeight="1" x14ac:dyDescent="0.3">
      <c r="A37" s="11">
        <v>2916485</v>
      </c>
      <c r="B37" s="11">
        <v>5035123</v>
      </c>
      <c r="C37" s="22" t="s">
        <v>480</v>
      </c>
      <c r="D37" s="3" t="s">
        <v>134</v>
      </c>
      <c r="E37" s="3" t="s">
        <v>100</v>
      </c>
      <c r="F37" s="3" t="s">
        <v>127</v>
      </c>
      <c r="G37" s="3" t="s">
        <v>105</v>
      </c>
      <c r="H37" s="3">
        <v>2019</v>
      </c>
      <c r="I37" s="3" t="s">
        <v>103</v>
      </c>
      <c r="J37" s="3" t="s">
        <v>481</v>
      </c>
      <c r="K37" s="14">
        <v>45393</v>
      </c>
      <c r="L37" s="3" t="s">
        <v>479</v>
      </c>
    </row>
    <row r="38" spans="1:12" ht="15" customHeight="1" x14ac:dyDescent="0.3">
      <c r="A38" s="11">
        <v>2920065</v>
      </c>
      <c r="B38" s="11">
        <v>5035123</v>
      </c>
      <c r="C38" s="22" t="s">
        <v>480</v>
      </c>
      <c r="D38" s="3" t="s">
        <v>197</v>
      </c>
      <c r="E38" s="3" t="s">
        <v>100</v>
      </c>
      <c r="F38" s="3" t="s">
        <v>116</v>
      </c>
      <c r="G38" s="3" t="s">
        <v>116</v>
      </c>
      <c r="H38" s="3">
        <v>2019</v>
      </c>
      <c r="I38" s="3" t="s">
        <v>103</v>
      </c>
      <c r="J38" s="3" t="s">
        <v>481</v>
      </c>
      <c r="K38" s="14">
        <v>45393</v>
      </c>
      <c r="L38" s="3" t="s">
        <v>479</v>
      </c>
    </row>
    <row r="39" spans="1:12" ht="15" customHeight="1" x14ac:dyDescent="0.3">
      <c r="A39" s="11">
        <v>2924913</v>
      </c>
      <c r="B39" s="11">
        <v>5035123</v>
      </c>
      <c r="C39" s="22" t="s">
        <v>480</v>
      </c>
      <c r="D39" s="3" t="s">
        <v>147</v>
      </c>
      <c r="E39" s="3" t="s">
        <v>100</v>
      </c>
      <c r="F39" s="3" t="s">
        <v>148</v>
      </c>
      <c r="G39" s="3" t="s">
        <v>105</v>
      </c>
      <c r="H39" s="3">
        <v>2019</v>
      </c>
      <c r="I39" s="3" t="s">
        <v>103</v>
      </c>
      <c r="J39" s="3" t="s">
        <v>481</v>
      </c>
      <c r="K39" s="14">
        <v>45393</v>
      </c>
      <c r="L39" s="3" t="s">
        <v>479</v>
      </c>
    </row>
    <row r="40" spans="1:12" ht="15" customHeight="1" x14ac:dyDescent="0.3">
      <c r="A40" s="11">
        <v>2937228</v>
      </c>
      <c r="B40" s="11">
        <v>5035123</v>
      </c>
      <c r="C40" s="22" t="s">
        <v>480</v>
      </c>
      <c r="D40" s="3" t="s">
        <v>201</v>
      </c>
      <c r="E40" s="3" t="s">
        <v>100</v>
      </c>
      <c r="F40" s="3" t="s">
        <v>120</v>
      </c>
      <c r="G40" s="3" t="s">
        <v>105</v>
      </c>
      <c r="H40" s="3">
        <v>2019</v>
      </c>
      <c r="I40" s="3" t="s">
        <v>103</v>
      </c>
      <c r="J40" s="3" t="s">
        <v>481</v>
      </c>
      <c r="K40" s="14">
        <v>45393</v>
      </c>
      <c r="L40" s="3" t="s">
        <v>479</v>
      </c>
    </row>
    <row r="41" spans="1:12" ht="15" customHeight="1" x14ac:dyDescent="0.3">
      <c r="A41" s="11">
        <v>2937599</v>
      </c>
      <c r="B41" s="11">
        <v>5035123</v>
      </c>
      <c r="C41" s="22" t="s">
        <v>480</v>
      </c>
      <c r="D41" s="3" t="s">
        <v>206</v>
      </c>
      <c r="E41" s="3" t="s">
        <v>100</v>
      </c>
      <c r="F41" s="3" t="s">
        <v>101</v>
      </c>
      <c r="G41" s="3" t="s">
        <v>105</v>
      </c>
      <c r="H41" s="3">
        <v>2019</v>
      </c>
      <c r="I41" s="3" t="s">
        <v>103</v>
      </c>
      <c r="J41" s="3" t="s">
        <v>481</v>
      </c>
      <c r="K41" s="14">
        <v>45393</v>
      </c>
      <c r="L41" s="3" t="s">
        <v>479</v>
      </c>
    </row>
    <row r="42" spans="1:12" ht="15" customHeight="1" x14ac:dyDescent="0.3">
      <c r="A42" s="11">
        <v>2945166</v>
      </c>
      <c r="B42" s="11">
        <v>5035123</v>
      </c>
      <c r="C42" s="22" t="s">
        <v>480</v>
      </c>
      <c r="D42" s="3" t="s">
        <v>555</v>
      </c>
      <c r="E42" s="3" t="s">
        <v>100</v>
      </c>
      <c r="F42" s="3" t="s">
        <v>165</v>
      </c>
      <c r="G42" s="3" t="s">
        <v>105</v>
      </c>
      <c r="H42" s="3">
        <v>2019</v>
      </c>
      <c r="I42" s="3" t="s">
        <v>103</v>
      </c>
      <c r="J42" s="3" t="s">
        <v>481</v>
      </c>
      <c r="K42" s="14">
        <v>45393</v>
      </c>
      <c r="L42" s="3" t="s">
        <v>479</v>
      </c>
    </row>
    <row r="43" spans="1:12" ht="15" customHeight="1" x14ac:dyDescent="0.3">
      <c r="A43" s="11">
        <v>2950261</v>
      </c>
      <c r="B43" s="11">
        <v>5035123</v>
      </c>
      <c r="C43" s="22" t="s">
        <v>480</v>
      </c>
      <c r="D43" s="3" t="s">
        <v>556</v>
      </c>
      <c r="E43" s="3" t="s">
        <v>100</v>
      </c>
      <c r="F43" s="3" t="s">
        <v>110</v>
      </c>
      <c r="G43" s="3" t="s">
        <v>105</v>
      </c>
      <c r="H43" s="3">
        <v>2019</v>
      </c>
      <c r="I43" s="3" t="s">
        <v>103</v>
      </c>
      <c r="J43" s="3" t="s">
        <v>481</v>
      </c>
      <c r="K43" s="14">
        <v>45393</v>
      </c>
      <c r="L43" s="3" t="s">
        <v>479</v>
      </c>
    </row>
    <row r="44" spans="1:12" ht="15" customHeight="1" x14ac:dyDescent="0.3">
      <c r="A44" s="11">
        <v>2958811</v>
      </c>
      <c r="B44" s="11">
        <v>5035123</v>
      </c>
      <c r="C44" s="22" t="s">
        <v>480</v>
      </c>
      <c r="D44" s="3" t="s">
        <v>202</v>
      </c>
      <c r="E44" s="3" t="s">
        <v>100</v>
      </c>
      <c r="F44" s="3" t="s">
        <v>148</v>
      </c>
      <c r="G44" s="3" t="s">
        <v>105</v>
      </c>
      <c r="H44" s="3">
        <v>2019</v>
      </c>
      <c r="I44" s="3" t="s">
        <v>103</v>
      </c>
      <c r="J44" s="3" t="s">
        <v>481</v>
      </c>
      <c r="K44" s="14">
        <v>45393</v>
      </c>
      <c r="L44" s="3" t="s">
        <v>479</v>
      </c>
    </row>
    <row r="45" spans="1:12" ht="15" customHeight="1" x14ac:dyDescent="0.3">
      <c r="A45" s="11">
        <v>2963638</v>
      </c>
      <c r="B45" s="11">
        <v>5035123</v>
      </c>
      <c r="C45" s="22" t="s">
        <v>480</v>
      </c>
      <c r="D45" s="3" t="s">
        <v>259</v>
      </c>
      <c r="E45" s="3" t="s">
        <v>100</v>
      </c>
      <c r="F45" s="3" t="s">
        <v>100</v>
      </c>
      <c r="G45" s="3" t="s">
        <v>105</v>
      </c>
      <c r="H45" s="3">
        <v>2019</v>
      </c>
      <c r="I45" s="3" t="s">
        <v>103</v>
      </c>
      <c r="J45" s="3" t="s">
        <v>481</v>
      </c>
      <c r="K45" s="14">
        <v>45393</v>
      </c>
      <c r="L45" s="3" t="s">
        <v>479</v>
      </c>
    </row>
    <row r="46" spans="1:12" ht="15" customHeight="1" x14ac:dyDescent="0.3">
      <c r="A46" s="11">
        <v>2963641</v>
      </c>
      <c r="B46" s="11">
        <v>5035123</v>
      </c>
      <c r="C46" s="22" t="s">
        <v>480</v>
      </c>
      <c r="D46" s="3" t="s">
        <v>259</v>
      </c>
      <c r="E46" s="3" t="s">
        <v>100</v>
      </c>
      <c r="F46" s="3" t="s">
        <v>100</v>
      </c>
      <c r="G46" s="3" t="s">
        <v>105</v>
      </c>
      <c r="H46" s="3">
        <v>2019</v>
      </c>
      <c r="I46" s="3" t="s">
        <v>103</v>
      </c>
      <c r="J46" s="3" t="s">
        <v>481</v>
      </c>
      <c r="K46" s="14">
        <v>45393</v>
      </c>
      <c r="L46" s="3" t="s">
        <v>479</v>
      </c>
    </row>
    <row r="47" spans="1:12" ht="15" customHeight="1" x14ac:dyDescent="0.3">
      <c r="A47" s="11">
        <v>2984804</v>
      </c>
      <c r="B47" s="11">
        <v>5035123</v>
      </c>
      <c r="C47" s="22" t="s">
        <v>480</v>
      </c>
      <c r="D47" s="3" t="s">
        <v>138</v>
      </c>
      <c r="E47" s="3" t="s">
        <v>100</v>
      </c>
      <c r="F47" s="3" t="s">
        <v>139</v>
      </c>
      <c r="G47" s="3" t="s">
        <v>105</v>
      </c>
      <c r="H47" s="3">
        <v>2019</v>
      </c>
      <c r="I47" s="3" t="s">
        <v>103</v>
      </c>
      <c r="J47" s="3" t="s">
        <v>481</v>
      </c>
      <c r="K47" s="14">
        <v>45393</v>
      </c>
      <c r="L47" s="3" t="s">
        <v>479</v>
      </c>
    </row>
    <row r="48" spans="1:12" ht="15" customHeight="1" x14ac:dyDescent="0.3">
      <c r="A48" s="11">
        <v>3014264</v>
      </c>
      <c r="B48" s="11">
        <v>5035123</v>
      </c>
      <c r="C48" s="22" t="s">
        <v>480</v>
      </c>
      <c r="D48" s="3" t="s">
        <v>557</v>
      </c>
      <c r="E48" s="3" t="s">
        <v>100</v>
      </c>
      <c r="F48" s="3" t="s">
        <v>137</v>
      </c>
      <c r="G48" s="3" t="s">
        <v>105</v>
      </c>
      <c r="H48" s="3">
        <v>2019</v>
      </c>
      <c r="I48" s="3" t="s">
        <v>103</v>
      </c>
      <c r="J48" s="3" t="s">
        <v>481</v>
      </c>
      <c r="K48" s="14">
        <v>45393</v>
      </c>
      <c r="L48" s="3" t="s">
        <v>479</v>
      </c>
    </row>
    <row r="49" spans="1:12" ht="15" customHeight="1" x14ac:dyDescent="0.3">
      <c r="A49" s="11">
        <v>3004867</v>
      </c>
      <c r="B49" s="11">
        <v>4458880</v>
      </c>
      <c r="C49" s="22" t="str">
        <f>HYPERLINK("https://support.microsoft.com/kb/"&amp;B49)</f>
        <v>https://support.microsoft.com/kb/4458880</v>
      </c>
      <c r="D49" s="3" t="s">
        <v>558</v>
      </c>
      <c r="E49" s="3" t="s">
        <v>100</v>
      </c>
      <c r="F49" s="3" t="s">
        <v>123</v>
      </c>
      <c r="G49" s="3" t="s">
        <v>105</v>
      </c>
      <c r="H49" s="3">
        <v>2019</v>
      </c>
      <c r="I49" s="3" t="s">
        <v>103</v>
      </c>
      <c r="J49" s="3" t="s">
        <v>481</v>
      </c>
      <c r="K49" s="14">
        <v>45393</v>
      </c>
      <c r="L49" s="3" t="s">
        <v>479</v>
      </c>
    </row>
    <row r="50" spans="1:12" ht="15" customHeight="1" x14ac:dyDescent="0.3">
      <c r="A50" s="11">
        <v>2950263</v>
      </c>
      <c r="B50" s="11">
        <v>4538581</v>
      </c>
      <c r="C50" s="22" t="str">
        <f t="shared" ref="C50:C53" si="0">HYPERLINK("https://support.microsoft.com/kb/"&amp;B50)</f>
        <v>https://support.microsoft.com/kb/4538581</v>
      </c>
      <c r="D50" s="3" t="s">
        <v>204</v>
      </c>
      <c r="E50" s="3" t="s">
        <v>100</v>
      </c>
      <c r="F50" s="3" t="s">
        <v>110</v>
      </c>
      <c r="G50" s="3" t="s">
        <v>105</v>
      </c>
      <c r="H50" s="3">
        <v>2019</v>
      </c>
      <c r="I50" s="3" t="s">
        <v>103</v>
      </c>
      <c r="J50" s="3" t="s">
        <v>481</v>
      </c>
      <c r="K50" s="14">
        <v>45393</v>
      </c>
      <c r="L50" s="3" t="s">
        <v>479</v>
      </c>
    </row>
    <row r="51" spans="1:12" ht="15" customHeight="1" x14ac:dyDescent="0.3">
      <c r="A51" s="11">
        <v>2941530</v>
      </c>
      <c r="B51" s="11">
        <v>4538581</v>
      </c>
      <c r="C51" s="22" t="str">
        <f t="shared" si="0"/>
        <v>https://support.microsoft.com/kb/4538581</v>
      </c>
      <c r="D51" s="3" t="s">
        <v>204</v>
      </c>
      <c r="E51" s="3" t="s">
        <v>100</v>
      </c>
      <c r="F51" s="3" t="s">
        <v>110</v>
      </c>
      <c r="G51" s="3" t="s">
        <v>105</v>
      </c>
      <c r="H51" s="3">
        <v>2019</v>
      </c>
      <c r="I51" s="3" t="s">
        <v>103</v>
      </c>
      <c r="J51" s="3" t="s">
        <v>481</v>
      </c>
      <c r="K51" s="14">
        <v>45393</v>
      </c>
      <c r="L51" s="3" t="s">
        <v>479</v>
      </c>
    </row>
    <row r="52" spans="1:12" ht="15" customHeight="1" x14ac:dyDescent="0.3">
      <c r="A52" s="11">
        <v>2936214</v>
      </c>
      <c r="B52" s="11">
        <v>4538581</v>
      </c>
      <c r="C52" s="22" t="str">
        <f t="shared" si="0"/>
        <v>https://support.microsoft.com/kb/4538581</v>
      </c>
      <c r="D52" s="3" t="s">
        <v>204</v>
      </c>
      <c r="E52" s="3" t="s">
        <v>100</v>
      </c>
      <c r="F52" s="3" t="s">
        <v>110</v>
      </c>
      <c r="G52" s="3" t="s">
        <v>105</v>
      </c>
      <c r="H52" s="3">
        <v>2019</v>
      </c>
      <c r="I52" s="3" t="s">
        <v>103</v>
      </c>
      <c r="J52" s="3" t="s">
        <v>481</v>
      </c>
      <c r="K52" s="14">
        <v>45393</v>
      </c>
      <c r="L52" s="3" t="s">
        <v>479</v>
      </c>
    </row>
    <row r="53" spans="1:12" ht="15" customHeight="1" x14ac:dyDescent="0.3">
      <c r="A53" s="11">
        <v>2936218</v>
      </c>
      <c r="B53" s="11">
        <v>4538581</v>
      </c>
      <c r="C53" s="22" t="str">
        <f t="shared" si="0"/>
        <v>https://support.microsoft.com/kb/4538581</v>
      </c>
      <c r="D53" s="3" t="s">
        <v>204</v>
      </c>
      <c r="E53" s="3" t="s">
        <v>100</v>
      </c>
      <c r="F53" s="3" t="s">
        <v>110</v>
      </c>
      <c r="G53" s="3" t="s">
        <v>105</v>
      </c>
      <c r="H53" s="3">
        <v>2019</v>
      </c>
      <c r="I53" s="3" t="s">
        <v>103</v>
      </c>
      <c r="J53" s="3" t="s">
        <v>481</v>
      </c>
      <c r="K53" s="14">
        <v>45393</v>
      </c>
      <c r="L53" s="3" t="s">
        <v>479</v>
      </c>
    </row>
    <row r="54" spans="1:12" ht="15" customHeight="1" x14ac:dyDescent="0.3">
      <c r="A54" s="11">
        <v>2153707</v>
      </c>
      <c r="B54" s="11">
        <v>5033688</v>
      </c>
      <c r="C54" s="22" t="s">
        <v>488</v>
      </c>
      <c r="D54" s="3" t="s">
        <v>152</v>
      </c>
      <c r="E54" s="3" t="s">
        <v>100</v>
      </c>
      <c r="F54" s="3" t="s">
        <v>153</v>
      </c>
      <c r="G54" s="3" t="s">
        <v>105</v>
      </c>
      <c r="H54" s="3">
        <v>2019</v>
      </c>
      <c r="I54" s="3" t="s">
        <v>103</v>
      </c>
      <c r="J54" s="3" t="s">
        <v>489</v>
      </c>
      <c r="K54" s="14">
        <v>45337</v>
      </c>
      <c r="L54" s="3" t="s">
        <v>487</v>
      </c>
    </row>
    <row r="55" spans="1:12" ht="15" customHeight="1" x14ac:dyDescent="0.3">
      <c r="A55" s="11">
        <v>2165090</v>
      </c>
      <c r="B55" s="11">
        <v>5033688</v>
      </c>
      <c r="C55" s="22" t="s">
        <v>488</v>
      </c>
      <c r="D55" s="3" t="s">
        <v>185</v>
      </c>
      <c r="E55" s="3" t="s">
        <v>100</v>
      </c>
      <c r="F55" s="3" t="s">
        <v>120</v>
      </c>
      <c r="G55" s="3" t="s">
        <v>105</v>
      </c>
      <c r="H55" s="3">
        <v>2019</v>
      </c>
      <c r="I55" s="3" t="s">
        <v>103</v>
      </c>
      <c r="J55" s="3" t="s">
        <v>489</v>
      </c>
      <c r="K55" s="14">
        <v>45337</v>
      </c>
      <c r="L55" s="3" t="s">
        <v>487</v>
      </c>
    </row>
    <row r="56" spans="1:12" ht="15" customHeight="1" x14ac:dyDescent="0.3">
      <c r="A56" s="11">
        <v>2343632</v>
      </c>
      <c r="B56" s="11">
        <v>5033688</v>
      </c>
      <c r="C56" s="22" t="s">
        <v>488</v>
      </c>
      <c r="D56" s="3" t="s">
        <v>166</v>
      </c>
      <c r="E56" s="3" t="s">
        <v>100</v>
      </c>
      <c r="F56" s="3" t="s">
        <v>101</v>
      </c>
      <c r="G56" s="3" t="s">
        <v>102</v>
      </c>
      <c r="H56" s="3">
        <v>2019</v>
      </c>
      <c r="I56" s="3" t="s">
        <v>103</v>
      </c>
      <c r="J56" s="3" t="s">
        <v>489</v>
      </c>
      <c r="K56" s="14">
        <v>45337</v>
      </c>
      <c r="L56" s="3" t="s">
        <v>487</v>
      </c>
    </row>
    <row r="57" spans="1:12" ht="15" customHeight="1" x14ac:dyDescent="0.3">
      <c r="A57" s="11">
        <v>2612943</v>
      </c>
      <c r="B57" s="11">
        <v>5033688</v>
      </c>
      <c r="C57" s="22" t="s">
        <v>488</v>
      </c>
      <c r="D57" s="3" t="s">
        <v>155</v>
      </c>
      <c r="E57" s="3" t="s">
        <v>100</v>
      </c>
      <c r="F57" s="3" t="s">
        <v>120</v>
      </c>
      <c r="G57" s="3" t="s">
        <v>105</v>
      </c>
      <c r="H57" s="3">
        <v>2019</v>
      </c>
      <c r="I57" s="3" t="s">
        <v>103</v>
      </c>
      <c r="J57" s="3" t="s">
        <v>489</v>
      </c>
      <c r="K57" s="14">
        <v>45337</v>
      </c>
      <c r="L57" s="3" t="s">
        <v>487</v>
      </c>
    </row>
    <row r="58" spans="1:12" ht="15" customHeight="1" x14ac:dyDescent="0.3">
      <c r="A58" s="11">
        <v>2686243</v>
      </c>
      <c r="B58" s="11">
        <v>5033688</v>
      </c>
      <c r="C58" s="22" t="s">
        <v>488</v>
      </c>
      <c r="D58" s="3" t="s">
        <v>559</v>
      </c>
      <c r="E58" s="3" t="s">
        <v>100</v>
      </c>
      <c r="F58" s="3" t="s">
        <v>120</v>
      </c>
      <c r="G58" s="3" t="s">
        <v>105</v>
      </c>
      <c r="H58" s="3">
        <v>2019</v>
      </c>
      <c r="I58" s="3" t="s">
        <v>103</v>
      </c>
      <c r="J58" s="3" t="s">
        <v>489</v>
      </c>
      <c r="K58" s="14">
        <v>45337</v>
      </c>
      <c r="L58" s="3" t="s">
        <v>487</v>
      </c>
    </row>
    <row r="59" spans="1:12" ht="15" customHeight="1" x14ac:dyDescent="0.3">
      <c r="A59" s="11">
        <v>2820559</v>
      </c>
      <c r="B59" s="11">
        <v>5033688</v>
      </c>
      <c r="C59" s="22" t="s">
        <v>488</v>
      </c>
      <c r="D59" s="3" t="s">
        <v>173</v>
      </c>
      <c r="E59" s="3" t="s">
        <v>100</v>
      </c>
      <c r="F59" s="3" t="s">
        <v>123</v>
      </c>
      <c r="G59" s="3" t="s">
        <v>102</v>
      </c>
      <c r="H59" s="3">
        <v>2019</v>
      </c>
      <c r="I59" s="3" t="s">
        <v>103</v>
      </c>
      <c r="J59" s="3" t="s">
        <v>489</v>
      </c>
      <c r="K59" s="14">
        <v>45337</v>
      </c>
      <c r="L59" s="3" t="s">
        <v>487</v>
      </c>
    </row>
    <row r="60" spans="1:12" ht="15" customHeight="1" x14ac:dyDescent="0.3">
      <c r="A60" s="11">
        <v>2833604</v>
      </c>
      <c r="B60" s="11">
        <v>5033688</v>
      </c>
      <c r="C60" s="22" t="s">
        <v>488</v>
      </c>
      <c r="D60" s="3" t="s">
        <v>168</v>
      </c>
      <c r="E60" s="3" t="s">
        <v>100</v>
      </c>
      <c r="F60" s="3" t="s">
        <v>127</v>
      </c>
      <c r="G60" s="3" t="s">
        <v>105</v>
      </c>
      <c r="H60" s="3">
        <v>2019</v>
      </c>
      <c r="I60" s="3" t="s">
        <v>103</v>
      </c>
      <c r="J60" s="3" t="s">
        <v>489</v>
      </c>
      <c r="K60" s="14">
        <v>45337</v>
      </c>
      <c r="L60" s="3" t="s">
        <v>487</v>
      </c>
    </row>
    <row r="61" spans="1:12" ht="15" customHeight="1" x14ac:dyDescent="0.3">
      <c r="A61" s="11">
        <v>2842754</v>
      </c>
      <c r="B61" s="11">
        <v>5033688</v>
      </c>
      <c r="C61" s="22" t="s">
        <v>488</v>
      </c>
      <c r="D61" s="3" t="s">
        <v>177</v>
      </c>
      <c r="E61" s="3" t="s">
        <v>178</v>
      </c>
      <c r="F61" s="3" t="s">
        <v>178</v>
      </c>
      <c r="G61" s="3" t="s">
        <v>102</v>
      </c>
      <c r="H61" s="3">
        <v>2019</v>
      </c>
      <c r="I61" s="3" t="s">
        <v>103</v>
      </c>
      <c r="J61" s="3" t="s">
        <v>489</v>
      </c>
      <c r="K61" s="14">
        <v>45337</v>
      </c>
      <c r="L61" s="3" t="s">
        <v>487</v>
      </c>
    </row>
    <row r="62" spans="1:12" ht="15" customHeight="1" x14ac:dyDescent="0.3">
      <c r="A62" s="11">
        <v>2842801</v>
      </c>
      <c r="B62" s="11">
        <v>5033688</v>
      </c>
      <c r="C62" s="22" t="s">
        <v>488</v>
      </c>
      <c r="D62" s="3" t="s">
        <v>183</v>
      </c>
      <c r="E62" s="3" t="s">
        <v>178</v>
      </c>
      <c r="F62" s="3" t="s">
        <v>178</v>
      </c>
      <c r="G62" s="3" t="s">
        <v>102</v>
      </c>
      <c r="H62" s="3">
        <v>2019</v>
      </c>
      <c r="I62" s="3" t="s">
        <v>103</v>
      </c>
      <c r="J62" s="3" t="s">
        <v>489</v>
      </c>
      <c r="K62" s="14">
        <v>45337</v>
      </c>
      <c r="L62" s="3" t="s">
        <v>487</v>
      </c>
    </row>
    <row r="63" spans="1:12" ht="15" customHeight="1" x14ac:dyDescent="0.3">
      <c r="A63" s="11">
        <v>2843374</v>
      </c>
      <c r="B63" s="11">
        <v>5033688</v>
      </c>
      <c r="C63" s="22" t="s">
        <v>488</v>
      </c>
      <c r="D63" s="3" t="s">
        <v>170</v>
      </c>
      <c r="E63" s="3" t="s">
        <v>100</v>
      </c>
      <c r="F63" s="3" t="s">
        <v>171</v>
      </c>
      <c r="G63" s="3" t="s">
        <v>105</v>
      </c>
      <c r="H63" s="3">
        <v>2019</v>
      </c>
      <c r="I63" s="3" t="s">
        <v>103</v>
      </c>
      <c r="J63" s="3" t="s">
        <v>489</v>
      </c>
      <c r="K63" s="14">
        <v>45337</v>
      </c>
      <c r="L63" s="3" t="s">
        <v>487</v>
      </c>
    </row>
    <row r="64" spans="1:12" ht="15" customHeight="1" x14ac:dyDescent="0.3">
      <c r="A64" s="11">
        <v>2888485</v>
      </c>
      <c r="B64" s="11">
        <v>5033688</v>
      </c>
      <c r="C64" s="22" t="s">
        <v>488</v>
      </c>
      <c r="D64" s="3" t="s">
        <v>188</v>
      </c>
      <c r="E64" s="3" t="s">
        <v>180</v>
      </c>
      <c r="F64" s="3" t="s">
        <v>180</v>
      </c>
      <c r="G64" s="3" t="s">
        <v>102</v>
      </c>
      <c r="H64" s="3">
        <v>2019</v>
      </c>
      <c r="I64" s="3" t="s">
        <v>103</v>
      </c>
      <c r="J64" s="3" t="s">
        <v>489</v>
      </c>
      <c r="K64" s="14">
        <v>45337</v>
      </c>
      <c r="L64" s="3" t="s">
        <v>487</v>
      </c>
    </row>
    <row r="65" spans="1:12" ht="15" customHeight="1" x14ac:dyDescent="0.3">
      <c r="A65" s="11">
        <v>2922937</v>
      </c>
      <c r="B65" s="11">
        <v>5033688</v>
      </c>
      <c r="C65" s="22" t="s">
        <v>488</v>
      </c>
      <c r="D65" s="3" t="s">
        <v>191</v>
      </c>
      <c r="E65" s="3" t="s">
        <v>100</v>
      </c>
      <c r="F65" s="3" t="s">
        <v>145</v>
      </c>
      <c r="G65" s="3" t="s">
        <v>102</v>
      </c>
      <c r="H65" s="3">
        <v>2019</v>
      </c>
      <c r="I65" s="3" t="s">
        <v>103</v>
      </c>
      <c r="J65" s="3" t="s">
        <v>489</v>
      </c>
      <c r="K65" s="14">
        <v>45337</v>
      </c>
      <c r="L65" s="3" t="s">
        <v>487</v>
      </c>
    </row>
    <row r="66" spans="1:12" ht="15" customHeight="1" x14ac:dyDescent="0.3">
      <c r="A66" s="11">
        <v>2926845</v>
      </c>
      <c r="B66" s="11">
        <v>5033688</v>
      </c>
      <c r="C66" s="22" t="s">
        <v>488</v>
      </c>
      <c r="D66" s="3" t="s">
        <v>560</v>
      </c>
      <c r="E66" s="3" t="s">
        <v>100</v>
      </c>
      <c r="F66" s="3" t="s">
        <v>101</v>
      </c>
      <c r="G66" s="3" t="s">
        <v>102</v>
      </c>
      <c r="H66" s="3">
        <v>2019</v>
      </c>
      <c r="I66" s="3" t="s">
        <v>103</v>
      </c>
      <c r="J66" s="3" t="s">
        <v>489</v>
      </c>
      <c r="K66" s="14">
        <v>45337</v>
      </c>
      <c r="L66" s="3" t="s">
        <v>487</v>
      </c>
    </row>
    <row r="67" spans="1:12" ht="15" customHeight="1" x14ac:dyDescent="0.3">
      <c r="A67" s="11">
        <v>2932327</v>
      </c>
      <c r="B67" s="11">
        <v>5033688</v>
      </c>
      <c r="C67" s="22" t="s">
        <v>488</v>
      </c>
      <c r="D67" s="3" t="s">
        <v>162</v>
      </c>
      <c r="E67" s="3" t="s">
        <v>100</v>
      </c>
      <c r="F67" s="3" t="s">
        <v>163</v>
      </c>
      <c r="G67" s="3" t="s">
        <v>105</v>
      </c>
      <c r="H67" s="3">
        <v>2019</v>
      </c>
      <c r="I67" s="3" t="s">
        <v>103</v>
      </c>
      <c r="J67" s="3" t="s">
        <v>489</v>
      </c>
      <c r="K67" s="14">
        <v>45337</v>
      </c>
      <c r="L67" s="3" t="s">
        <v>487</v>
      </c>
    </row>
    <row r="68" spans="1:12" ht="15" customHeight="1" x14ac:dyDescent="0.3">
      <c r="A68" s="11">
        <v>2606385</v>
      </c>
      <c r="B68" s="11">
        <v>5031908</v>
      </c>
      <c r="C68" s="22" t="s">
        <v>491</v>
      </c>
      <c r="D68" t="s">
        <v>231</v>
      </c>
      <c r="E68" s="3" t="s">
        <v>100</v>
      </c>
      <c r="F68" s="3" t="s">
        <v>153</v>
      </c>
      <c r="G68" s="3" t="s">
        <v>105</v>
      </c>
      <c r="H68" s="3">
        <v>2019</v>
      </c>
      <c r="I68" s="3" t="s">
        <v>103</v>
      </c>
      <c r="J68" s="3" t="s">
        <v>492</v>
      </c>
      <c r="K68" s="14">
        <v>45274</v>
      </c>
      <c r="L68" s="3" t="s">
        <v>490</v>
      </c>
    </row>
    <row r="69" spans="1:12" ht="15" customHeight="1" x14ac:dyDescent="0.3">
      <c r="A69" s="11">
        <v>2672219</v>
      </c>
      <c r="B69" s="11">
        <v>5031908</v>
      </c>
      <c r="C69" s="22" t="s">
        <v>491</v>
      </c>
      <c r="D69" t="s">
        <v>181</v>
      </c>
      <c r="E69" s="3" t="s">
        <v>100</v>
      </c>
      <c r="F69" s="3" t="s">
        <v>120</v>
      </c>
      <c r="G69" s="3" t="s">
        <v>102</v>
      </c>
      <c r="H69" s="3">
        <v>2019</v>
      </c>
      <c r="I69" s="3" t="s">
        <v>103</v>
      </c>
      <c r="J69" s="3" t="s">
        <v>492</v>
      </c>
      <c r="K69" s="14">
        <v>45274</v>
      </c>
      <c r="L69" s="3" t="s">
        <v>490</v>
      </c>
    </row>
    <row r="70" spans="1:12" ht="15" customHeight="1" x14ac:dyDescent="0.3">
      <c r="A70" s="11">
        <v>2714260</v>
      </c>
      <c r="B70" s="11">
        <v>5031908</v>
      </c>
      <c r="C70" s="22" t="s">
        <v>491</v>
      </c>
      <c r="D70" t="s">
        <v>237</v>
      </c>
      <c r="E70" s="3" t="s">
        <v>100</v>
      </c>
      <c r="F70" s="3" t="s">
        <v>101</v>
      </c>
      <c r="G70" s="3" t="s">
        <v>105</v>
      </c>
      <c r="H70" s="3">
        <v>2019</v>
      </c>
      <c r="I70" s="3" t="s">
        <v>103</v>
      </c>
      <c r="J70" s="3" t="s">
        <v>492</v>
      </c>
      <c r="K70" s="14">
        <v>45274</v>
      </c>
      <c r="L70" s="3" t="s">
        <v>490</v>
      </c>
    </row>
    <row r="71" spans="1:12" ht="15" customHeight="1" x14ac:dyDescent="0.3">
      <c r="A71" s="11">
        <v>2724959</v>
      </c>
      <c r="B71" s="11">
        <v>5031908</v>
      </c>
      <c r="C71" s="22" t="s">
        <v>491</v>
      </c>
      <c r="D71" t="s">
        <v>216</v>
      </c>
      <c r="E71" s="3" t="s">
        <v>217</v>
      </c>
      <c r="F71" s="3" t="s">
        <v>218</v>
      </c>
      <c r="G71" s="3" t="s">
        <v>102</v>
      </c>
      <c r="H71" s="3">
        <v>2019</v>
      </c>
      <c r="I71" s="3" t="s">
        <v>103</v>
      </c>
      <c r="J71" s="3" t="s">
        <v>492</v>
      </c>
      <c r="K71" s="14">
        <v>45274</v>
      </c>
      <c r="L71" s="3" t="s">
        <v>490</v>
      </c>
    </row>
    <row r="72" spans="1:12" ht="15" customHeight="1" x14ac:dyDescent="0.3">
      <c r="A72" s="11">
        <v>2726326</v>
      </c>
      <c r="B72" s="11">
        <v>5031908</v>
      </c>
      <c r="C72" s="22" t="s">
        <v>491</v>
      </c>
      <c r="D72" t="s">
        <v>238</v>
      </c>
      <c r="E72" s="3" t="s">
        <v>100</v>
      </c>
      <c r="F72" s="3" t="s">
        <v>159</v>
      </c>
      <c r="G72" s="3" t="s">
        <v>105</v>
      </c>
      <c r="H72" s="3">
        <v>2019</v>
      </c>
      <c r="I72" s="3" t="s">
        <v>103</v>
      </c>
      <c r="J72" s="3" t="s">
        <v>492</v>
      </c>
      <c r="K72" s="14">
        <v>45274</v>
      </c>
      <c r="L72" s="3" t="s">
        <v>490</v>
      </c>
    </row>
    <row r="73" spans="1:12" ht="15" customHeight="1" x14ac:dyDescent="0.3">
      <c r="A73" s="11">
        <v>2736124</v>
      </c>
      <c r="B73" s="11">
        <v>5031908</v>
      </c>
      <c r="C73" s="22" t="s">
        <v>491</v>
      </c>
      <c r="D73" t="s">
        <v>561</v>
      </c>
      <c r="E73" s="3" t="s">
        <v>100</v>
      </c>
      <c r="F73" s="3" t="s">
        <v>137</v>
      </c>
      <c r="G73" s="3" t="s">
        <v>105</v>
      </c>
      <c r="H73" s="3">
        <v>2019</v>
      </c>
      <c r="I73" s="3" t="s">
        <v>103</v>
      </c>
      <c r="J73" s="3" t="s">
        <v>492</v>
      </c>
      <c r="K73" s="14">
        <v>45274</v>
      </c>
      <c r="L73" s="3" t="s">
        <v>490</v>
      </c>
    </row>
    <row r="74" spans="1:12" ht="15" customHeight="1" x14ac:dyDescent="0.3">
      <c r="A74" s="11">
        <v>2763676</v>
      </c>
      <c r="B74" s="11">
        <v>5031908</v>
      </c>
      <c r="C74" s="22" t="s">
        <v>491</v>
      </c>
      <c r="D74" t="s">
        <v>232</v>
      </c>
      <c r="E74" s="3" t="s">
        <v>100</v>
      </c>
      <c r="F74" s="3" t="s">
        <v>233</v>
      </c>
      <c r="G74" s="3" t="s">
        <v>105</v>
      </c>
      <c r="H74" s="3">
        <v>2019</v>
      </c>
      <c r="I74" s="3" t="s">
        <v>103</v>
      </c>
      <c r="J74" s="3" t="s">
        <v>492</v>
      </c>
      <c r="K74" s="14">
        <v>45274</v>
      </c>
      <c r="L74" s="3" t="s">
        <v>490</v>
      </c>
    </row>
    <row r="75" spans="1:12" ht="15" customHeight="1" x14ac:dyDescent="0.3">
      <c r="A75" s="11">
        <v>2783439</v>
      </c>
      <c r="B75" s="11">
        <v>5031908</v>
      </c>
      <c r="C75" s="22" t="s">
        <v>491</v>
      </c>
      <c r="D75" t="s">
        <v>226</v>
      </c>
      <c r="E75" s="3" t="s">
        <v>100</v>
      </c>
      <c r="F75" s="3" t="s">
        <v>148</v>
      </c>
      <c r="G75" s="3" t="s">
        <v>105</v>
      </c>
      <c r="H75" s="3">
        <v>2019</v>
      </c>
      <c r="I75" s="3" t="s">
        <v>103</v>
      </c>
      <c r="J75" s="3" t="s">
        <v>492</v>
      </c>
      <c r="K75" s="14">
        <v>45274</v>
      </c>
      <c r="L75" s="3" t="s">
        <v>490</v>
      </c>
    </row>
    <row r="76" spans="1:12" ht="15" customHeight="1" x14ac:dyDescent="0.3">
      <c r="A76" s="11">
        <v>2789529</v>
      </c>
      <c r="B76" s="11">
        <v>5031908</v>
      </c>
      <c r="C76" s="22" t="s">
        <v>491</v>
      </c>
      <c r="D76" t="s">
        <v>229</v>
      </c>
      <c r="E76" s="3" t="s">
        <v>100</v>
      </c>
      <c r="F76" s="3" t="s">
        <v>137</v>
      </c>
      <c r="G76" s="3" t="s">
        <v>105</v>
      </c>
      <c r="H76" s="3">
        <v>2019</v>
      </c>
      <c r="I76" s="3" t="s">
        <v>103</v>
      </c>
      <c r="J76" s="3" t="s">
        <v>492</v>
      </c>
      <c r="K76" s="14">
        <v>45274</v>
      </c>
      <c r="L76" s="3" t="s">
        <v>490</v>
      </c>
    </row>
    <row r="77" spans="1:12" ht="15" customHeight="1" x14ac:dyDescent="0.3">
      <c r="A77" s="11">
        <v>2795899</v>
      </c>
      <c r="B77" s="11">
        <v>5031908</v>
      </c>
      <c r="C77" s="22" t="s">
        <v>491</v>
      </c>
      <c r="D77" t="s">
        <v>223</v>
      </c>
      <c r="E77" s="3" t="s">
        <v>178</v>
      </c>
      <c r="F77" s="3" t="s">
        <v>178</v>
      </c>
      <c r="G77" s="3" t="s">
        <v>102</v>
      </c>
      <c r="H77" s="3">
        <v>2019</v>
      </c>
      <c r="I77" s="3" t="s">
        <v>103</v>
      </c>
      <c r="J77" s="3" t="s">
        <v>492</v>
      </c>
      <c r="K77" s="14">
        <v>45274</v>
      </c>
      <c r="L77" s="3" t="s">
        <v>490</v>
      </c>
    </row>
    <row r="78" spans="1:12" ht="15" customHeight="1" x14ac:dyDescent="0.3">
      <c r="A78" s="11">
        <v>2802020</v>
      </c>
      <c r="B78" s="11">
        <v>5031908</v>
      </c>
      <c r="C78" s="22" t="s">
        <v>491</v>
      </c>
      <c r="D78" t="s">
        <v>225</v>
      </c>
      <c r="E78" s="3" t="s">
        <v>178</v>
      </c>
      <c r="F78" s="3" t="s">
        <v>178</v>
      </c>
      <c r="G78" s="3" t="s">
        <v>102</v>
      </c>
      <c r="H78" s="3">
        <v>2019</v>
      </c>
      <c r="I78" s="3" t="s">
        <v>103</v>
      </c>
      <c r="J78" s="3" t="s">
        <v>492</v>
      </c>
      <c r="K78" s="14">
        <v>45274</v>
      </c>
      <c r="L78" s="3" t="s">
        <v>490</v>
      </c>
    </row>
    <row r="79" spans="1:12" ht="15" customHeight="1" x14ac:dyDescent="0.3">
      <c r="A79" s="11">
        <v>2814458</v>
      </c>
      <c r="B79" s="11">
        <v>5031908</v>
      </c>
      <c r="C79" s="22" t="s">
        <v>491</v>
      </c>
      <c r="D79" t="s">
        <v>212</v>
      </c>
      <c r="E79" s="3" t="s">
        <v>100</v>
      </c>
      <c r="F79" s="3" t="s">
        <v>120</v>
      </c>
      <c r="G79" s="3" t="s">
        <v>102</v>
      </c>
      <c r="H79" s="3">
        <v>2019</v>
      </c>
      <c r="I79" s="3" t="s">
        <v>103</v>
      </c>
      <c r="J79" s="3" t="s">
        <v>492</v>
      </c>
      <c r="K79" s="14">
        <v>45274</v>
      </c>
      <c r="L79" s="3" t="s">
        <v>490</v>
      </c>
    </row>
    <row r="80" spans="1:12" ht="15" customHeight="1" x14ac:dyDescent="0.3">
      <c r="A80" s="11">
        <v>1992459</v>
      </c>
      <c r="B80" s="11">
        <v>5030333</v>
      </c>
      <c r="C80" s="22" t="s">
        <v>494</v>
      </c>
      <c r="D80" s="3" t="s">
        <v>250</v>
      </c>
      <c r="E80" s="3" t="s">
        <v>100</v>
      </c>
      <c r="F80" s="3" t="s">
        <v>123</v>
      </c>
      <c r="G80" s="3" t="s">
        <v>105</v>
      </c>
      <c r="H80" s="3">
        <v>2019</v>
      </c>
      <c r="I80" s="3" t="s">
        <v>103</v>
      </c>
      <c r="J80" s="3" t="s">
        <v>495</v>
      </c>
      <c r="K80" s="14">
        <v>45211</v>
      </c>
      <c r="L80" s="3" t="s">
        <v>493</v>
      </c>
    </row>
    <row r="81" spans="1:12" ht="15" customHeight="1" x14ac:dyDescent="0.3">
      <c r="A81" s="11">
        <v>2374314</v>
      </c>
      <c r="B81" s="11">
        <v>5030333</v>
      </c>
      <c r="C81" s="22" t="s">
        <v>494</v>
      </c>
      <c r="D81" s="3" t="s">
        <v>562</v>
      </c>
      <c r="E81" s="3" t="s">
        <v>100</v>
      </c>
      <c r="F81" s="3" t="s">
        <v>214</v>
      </c>
      <c r="G81" s="3" t="s">
        <v>105</v>
      </c>
      <c r="H81" s="3">
        <v>2019</v>
      </c>
      <c r="I81" s="3" t="s">
        <v>103</v>
      </c>
      <c r="J81" s="3" t="s">
        <v>495</v>
      </c>
      <c r="K81" s="14">
        <v>45211</v>
      </c>
      <c r="L81" s="3" t="s">
        <v>493</v>
      </c>
    </row>
    <row r="82" spans="1:12" ht="15" customHeight="1" x14ac:dyDescent="0.3">
      <c r="A82" s="11">
        <v>2529767</v>
      </c>
      <c r="B82" s="11">
        <v>5030333</v>
      </c>
      <c r="C82" s="22" t="s">
        <v>494</v>
      </c>
      <c r="D82" s="3" t="s">
        <v>563</v>
      </c>
      <c r="E82" s="3" t="s">
        <v>100</v>
      </c>
      <c r="F82" s="3" t="s">
        <v>161</v>
      </c>
      <c r="G82" s="3" t="s">
        <v>105</v>
      </c>
      <c r="H82" s="3">
        <v>2019</v>
      </c>
      <c r="I82" s="3" t="s">
        <v>103</v>
      </c>
      <c r="J82" s="3" t="s">
        <v>495</v>
      </c>
      <c r="K82" s="14">
        <v>45211</v>
      </c>
      <c r="L82" s="3" t="s">
        <v>493</v>
      </c>
    </row>
    <row r="83" spans="1:12" ht="15" customHeight="1" x14ac:dyDescent="0.3">
      <c r="A83" s="11">
        <v>2567537</v>
      </c>
      <c r="B83" s="11">
        <v>5030333</v>
      </c>
      <c r="C83" s="22" t="s">
        <v>494</v>
      </c>
      <c r="D83" s="3" t="s">
        <v>272</v>
      </c>
      <c r="E83" s="3" t="s">
        <v>100</v>
      </c>
      <c r="F83" s="3" t="s">
        <v>101</v>
      </c>
      <c r="G83" s="3" t="s">
        <v>102</v>
      </c>
      <c r="H83" s="3">
        <v>2019</v>
      </c>
      <c r="I83" s="3" t="s">
        <v>103</v>
      </c>
      <c r="J83" s="3" t="s">
        <v>495</v>
      </c>
      <c r="K83" s="14">
        <v>45211</v>
      </c>
      <c r="L83" s="3" t="s">
        <v>493</v>
      </c>
    </row>
    <row r="84" spans="1:12" ht="15" customHeight="1" x14ac:dyDescent="0.3">
      <c r="A84" s="11">
        <v>2584049</v>
      </c>
      <c r="B84" s="11">
        <v>5030333</v>
      </c>
      <c r="C84" s="22" t="s">
        <v>494</v>
      </c>
      <c r="D84" s="3" t="s">
        <v>564</v>
      </c>
      <c r="E84" s="3" t="s">
        <v>100</v>
      </c>
      <c r="F84" s="3" t="s">
        <v>123</v>
      </c>
      <c r="G84" s="3" t="s">
        <v>105</v>
      </c>
      <c r="H84" s="3">
        <v>2019</v>
      </c>
      <c r="I84" s="3" t="s">
        <v>103</v>
      </c>
      <c r="J84" s="3" t="s">
        <v>495</v>
      </c>
      <c r="K84" s="14">
        <v>45211</v>
      </c>
      <c r="L84" s="3" t="s">
        <v>493</v>
      </c>
    </row>
    <row r="85" spans="1:12" ht="15" customHeight="1" x14ac:dyDescent="0.3">
      <c r="A85" s="11">
        <v>2590045</v>
      </c>
      <c r="B85" s="11">
        <v>5030333</v>
      </c>
      <c r="C85" s="22" t="s">
        <v>494</v>
      </c>
      <c r="D85" s="3" t="s">
        <v>270</v>
      </c>
      <c r="E85" s="3" t="s">
        <v>100</v>
      </c>
      <c r="F85" s="3" t="s">
        <v>120</v>
      </c>
      <c r="G85" s="3" t="s">
        <v>105</v>
      </c>
      <c r="H85" s="3">
        <v>2019</v>
      </c>
      <c r="I85" s="3" t="s">
        <v>103</v>
      </c>
      <c r="J85" s="3" t="s">
        <v>495</v>
      </c>
      <c r="K85" s="14">
        <v>45211</v>
      </c>
      <c r="L85" s="3" t="s">
        <v>493</v>
      </c>
    </row>
    <row r="86" spans="1:12" ht="15" customHeight="1" x14ac:dyDescent="0.3">
      <c r="A86" s="11">
        <v>2593704</v>
      </c>
      <c r="B86" s="11">
        <v>5030333</v>
      </c>
      <c r="C86" s="22" t="s">
        <v>494</v>
      </c>
      <c r="D86" s="3" t="s">
        <v>565</v>
      </c>
      <c r="E86" s="3" t="s">
        <v>178</v>
      </c>
      <c r="F86" s="3" t="s">
        <v>178</v>
      </c>
      <c r="G86" s="3" t="s">
        <v>102</v>
      </c>
      <c r="H86" s="3">
        <v>2019</v>
      </c>
      <c r="I86" s="3" t="s">
        <v>103</v>
      </c>
      <c r="J86" s="3" t="s">
        <v>495</v>
      </c>
      <c r="K86" s="14">
        <v>45211</v>
      </c>
      <c r="L86" s="3" t="s">
        <v>493</v>
      </c>
    </row>
    <row r="87" spans="1:12" ht="15" customHeight="1" x14ac:dyDescent="0.3">
      <c r="A87" s="11">
        <v>2602743</v>
      </c>
      <c r="B87" s="11">
        <v>5030333</v>
      </c>
      <c r="C87" s="22" t="s">
        <v>494</v>
      </c>
      <c r="D87" s="3" t="s">
        <v>247</v>
      </c>
      <c r="E87" s="3" t="s">
        <v>100</v>
      </c>
      <c r="F87" s="3" t="s">
        <v>120</v>
      </c>
      <c r="G87" s="3" t="s">
        <v>105</v>
      </c>
      <c r="H87" s="3">
        <v>2019</v>
      </c>
      <c r="I87" s="3" t="s">
        <v>103</v>
      </c>
      <c r="J87" s="3" t="s">
        <v>495</v>
      </c>
      <c r="K87" s="14">
        <v>45211</v>
      </c>
      <c r="L87" s="3" t="s">
        <v>493</v>
      </c>
    </row>
    <row r="88" spans="1:12" ht="15" customHeight="1" x14ac:dyDescent="0.3">
      <c r="A88" s="11">
        <v>2614095</v>
      </c>
      <c r="B88" s="11">
        <v>5030333</v>
      </c>
      <c r="C88" s="22" t="s">
        <v>494</v>
      </c>
      <c r="D88" s="3" t="s">
        <v>566</v>
      </c>
      <c r="E88" s="3" t="s">
        <v>100</v>
      </c>
      <c r="F88" s="3" t="s">
        <v>120</v>
      </c>
      <c r="G88" s="3" t="s">
        <v>105</v>
      </c>
      <c r="H88" s="3">
        <v>2019</v>
      </c>
      <c r="I88" s="3" t="s">
        <v>103</v>
      </c>
      <c r="J88" s="3" t="s">
        <v>495</v>
      </c>
      <c r="K88" s="14">
        <v>45211</v>
      </c>
      <c r="L88" s="3" t="s">
        <v>493</v>
      </c>
    </row>
    <row r="89" spans="1:12" ht="15" customHeight="1" x14ac:dyDescent="0.3">
      <c r="A89" s="11">
        <v>2614132</v>
      </c>
      <c r="B89" s="11">
        <v>5030333</v>
      </c>
      <c r="C89" s="22" t="s">
        <v>494</v>
      </c>
      <c r="D89" s="3" t="s">
        <v>174</v>
      </c>
      <c r="E89" s="3" t="s">
        <v>100</v>
      </c>
      <c r="F89" s="3" t="s">
        <v>127</v>
      </c>
      <c r="G89" s="3" t="s">
        <v>105</v>
      </c>
      <c r="H89" s="3">
        <v>2019</v>
      </c>
      <c r="I89" s="3" t="s">
        <v>103</v>
      </c>
      <c r="J89" s="3" t="s">
        <v>495</v>
      </c>
      <c r="K89" s="14">
        <v>45211</v>
      </c>
      <c r="L89" s="3" t="s">
        <v>493</v>
      </c>
    </row>
    <row r="90" spans="1:12" ht="15" customHeight="1" x14ac:dyDescent="0.3">
      <c r="A90" s="11">
        <v>2621966</v>
      </c>
      <c r="B90" s="11">
        <v>5030333</v>
      </c>
      <c r="C90" s="22" t="s">
        <v>494</v>
      </c>
      <c r="D90" s="3" t="s">
        <v>281</v>
      </c>
      <c r="E90" s="3" t="s">
        <v>100</v>
      </c>
      <c r="F90" s="3" t="s">
        <v>137</v>
      </c>
      <c r="G90" s="3" t="s">
        <v>105</v>
      </c>
      <c r="H90" s="3">
        <v>2019</v>
      </c>
      <c r="I90" s="3" t="s">
        <v>103</v>
      </c>
      <c r="J90" s="3" t="s">
        <v>495</v>
      </c>
      <c r="K90" s="14">
        <v>45211</v>
      </c>
      <c r="L90" s="3" t="s">
        <v>493</v>
      </c>
    </row>
    <row r="91" spans="1:12" ht="15" customHeight="1" x14ac:dyDescent="0.3">
      <c r="A91" s="11">
        <v>2633609</v>
      </c>
      <c r="B91" s="11">
        <v>5030333</v>
      </c>
      <c r="C91" s="22" t="s">
        <v>494</v>
      </c>
      <c r="D91" s="3" t="s">
        <v>567</v>
      </c>
      <c r="E91" s="3" t="s">
        <v>100</v>
      </c>
      <c r="F91" s="3" t="s">
        <v>137</v>
      </c>
      <c r="G91" s="3" t="s">
        <v>105</v>
      </c>
      <c r="H91" s="3">
        <v>2019</v>
      </c>
      <c r="I91" s="3" t="s">
        <v>103</v>
      </c>
      <c r="J91" s="3" t="s">
        <v>495</v>
      </c>
      <c r="K91" s="14">
        <v>45211</v>
      </c>
      <c r="L91" s="3" t="s">
        <v>493</v>
      </c>
    </row>
    <row r="92" spans="1:12" ht="15" customHeight="1" x14ac:dyDescent="0.3">
      <c r="A92" s="11">
        <v>2633976</v>
      </c>
      <c r="B92" s="11">
        <v>5030333</v>
      </c>
      <c r="C92" s="22" t="s">
        <v>494</v>
      </c>
      <c r="D92" s="3" t="s">
        <v>257</v>
      </c>
      <c r="E92" s="3" t="s">
        <v>211</v>
      </c>
      <c r="F92" s="3" t="s">
        <v>211</v>
      </c>
      <c r="G92" s="3" t="s">
        <v>102</v>
      </c>
      <c r="H92" s="3">
        <v>2019</v>
      </c>
      <c r="I92" s="3" t="s">
        <v>103</v>
      </c>
      <c r="J92" s="3" t="s">
        <v>495</v>
      </c>
      <c r="K92" s="14">
        <v>45211</v>
      </c>
      <c r="L92" s="3" t="s">
        <v>493</v>
      </c>
    </row>
    <row r="93" spans="1:12" ht="15" customHeight="1" x14ac:dyDescent="0.3">
      <c r="A93" s="11">
        <v>2633979</v>
      </c>
      <c r="B93" s="11">
        <v>5030333</v>
      </c>
      <c r="C93" s="22" t="s">
        <v>494</v>
      </c>
      <c r="D93" s="3" t="s">
        <v>258</v>
      </c>
      <c r="E93" s="3" t="s">
        <v>211</v>
      </c>
      <c r="F93" s="3" t="s">
        <v>211</v>
      </c>
      <c r="G93" s="3" t="s">
        <v>102</v>
      </c>
      <c r="H93" s="3">
        <v>2019</v>
      </c>
      <c r="I93" s="3" t="s">
        <v>103</v>
      </c>
      <c r="J93" s="3" t="s">
        <v>495</v>
      </c>
      <c r="K93" s="14">
        <v>45211</v>
      </c>
      <c r="L93" s="3" t="s">
        <v>493</v>
      </c>
    </row>
    <row r="94" spans="1:12" ht="15" customHeight="1" x14ac:dyDescent="0.3">
      <c r="A94" s="11">
        <v>2639915</v>
      </c>
      <c r="B94" s="11">
        <v>5030333</v>
      </c>
      <c r="C94" s="22" t="s">
        <v>494</v>
      </c>
      <c r="D94" s="3" t="s">
        <v>277</v>
      </c>
      <c r="E94" s="3" t="s">
        <v>100</v>
      </c>
      <c r="F94" s="3" t="s">
        <v>145</v>
      </c>
      <c r="G94" s="3" t="s">
        <v>102</v>
      </c>
      <c r="H94" s="3">
        <v>2019</v>
      </c>
      <c r="I94" s="3" t="s">
        <v>103</v>
      </c>
      <c r="J94" s="3" t="s">
        <v>495</v>
      </c>
      <c r="K94" s="14">
        <v>45211</v>
      </c>
      <c r="L94" s="3" t="s">
        <v>493</v>
      </c>
    </row>
    <row r="95" spans="1:12" ht="15" customHeight="1" x14ac:dyDescent="0.3">
      <c r="A95" s="11">
        <v>2640296</v>
      </c>
      <c r="B95" s="11">
        <v>5030333</v>
      </c>
      <c r="C95" s="22" t="s">
        <v>494</v>
      </c>
      <c r="D95" s="3" t="s">
        <v>568</v>
      </c>
      <c r="E95" s="3" t="s">
        <v>100</v>
      </c>
      <c r="F95" s="3" t="s">
        <v>145</v>
      </c>
      <c r="G95" s="3" t="s">
        <v>102</v>
      </c>
      <c r="H95" s="3">
        <v>2019</v>
      </c>
      <c r="I95" s="3" t="s">
        <v>103</v>
      </c>
      <c r="J95" s="3" t="s">
        <v>495</v>
      </c>
      <c r="K95" s="14">
        <v>45211</v>
      </c>
      <c r="L95" s="3" t="s">
        <v>493</v>
      </c>
    </row>
    <row r="96" spans="1:12" ht="15" customHeight="1" x14ac:dyDescent="0.3">
      <c r="A96" s="11">
        <v>2646148</v>
      </c>
      <c r="B96" s="11">
        <v>5030333</v>
      </c>
      <c r="C96" s="22" t="s">
        <v>494</v>
      </c>
      <c r="D96" s="3" t="s">
        <v>569</v>
      </c>
      <c r="E96" s="3" t="s">
        <v>100</v>
      </c>
      <c r="F96" s="3" t="s">
        <v>148</v>
      </c>
      <c r="G96" s="3" t="s">
        <v>105</v>
      </c>
      <c r="H96" s="3">
        <v>2019</v>
      </c>
      <c r="I96" s="3" t="s">
        <v>103</v>
      </c>
      <c r="J96" s="3" t="s">
        <v>495</v>
      </c>
      <c r="K96" s="14">
        <v>45211</v>
      </c>
      <c r="L96" s="3" t="s">
        <v>493</v>
      </c>
    </row>
    <row r="97" spans="1:12" ht="15" customHeight="1" x14ac:dyDescent="0.3">
      <c r="A97" s="11">
        <v>2647396</v>
      </c>
      <c r="B97" s="11">
        <v>5030333</v>
      </c>
      <c r="C97" s="22" t="s">
        <v>494</v>
      </c>
      <c r="D97" s="3" t="s">
        <v>175</v>
      </c>
      <c r="E97" s="3" t="s">
        <v>100</v>
      </c>
      <c r="F97" s="3" t="s">
        <v>113</v>
      </c>
      <c r="G97" s="3" t="s">
        <v>105</v>
      </c>
      <c r="H97" s="3">
        <v>2019</v>
      </c>
      <c r="I97" s="3" t="s">
        <v>103</v>
      </c>
      <c r="J97" s="3" t="s">
        <v>495</v>
      </c>
      <c r="K97" s="14">
        <v>45211</v>
      </c>
      <c r="L97" s="3" t="s">
        <v>493</v>
      </c>
    </row>
    <row r="98" spans="1:12" ht="15" customHeight="1" x14ac:dyDescent="0.3">
      <c r="A98" s="11">
        <v>2651628</v>
      </c>
      <c r="B98" s="11">
        <v>5030333</v>
      </c>
      <c r="C98" s="22" t="s">
        <v>494</v>
      </c>
      <c r="D98" s="3" t="s">
        <v>570</v>
      </c>
      <c r="E98" s="3" t="s">
        <v>217</v>
      </c>
      <c r="F98" s="3" t="s">
        <v>218</v>
      </c>
      <c r="G98" s="3" t="s">
        <v>102</v>
      </c>
      <c r="H98" s="3">
        <v>2019</v>
      </c>
      <c r="I98" s="3" t="s">
        <v>103</v>
      </c>
      <c r="J98" s="3" t="s">
        <v>495</v>
      </c>
      <c r="K98" s="14">
        <v>45211</v>
      </c>
      <c r="L98" s="3" t="s">
        <v>493</v>
      </c>
    </row>
    <row r="99" spans="1:12" ht="15" customHeight="1" x14ac:dyDescent="0.3">
      <c r="A99" s="11">
        <v>2654352</v>
      </c>
      <c r="B99" s="11">
        <v>5030333</v>
      </c>
      <c r="C99" s="22" t="s">
        <v>494</v>
      </c>
      <c r="D99" s="3" t="s">
        <v>571</v>
      </c>
      <c r="E99" s="3" t="s">
        <v>178</v>
      </c>
      <c r="F99" s="3" t="s">
        <v>178</v>
      </c>
      <c r="G99" s="3" t="s">
        <v>102</v>
      </c>
      <c r="H99" s="3">
        <v>2019</v>
      </c>
      <c r="I99" s="3" t="s">
        <v>103</v>
      </c>
      <c r="J99" s="3" t="s">
        <v>495</v>
      </c>
      <c r="K99" s="14">
        <v>45211</v>
      </c>
      <c r="L99" s="3" t="s">
        <v>493</v>
      </c>
    </row>
    <row r="100" spans="1:12" ht="15" customHeight="1" x14ac:dyDescent="0.3">
      <c r="A100" s="11">
        <v>2674865</v>
      </c>
      <c r="B100" s="11">
        <v>5030333</v>
      </c>
      <c r="C100" s="22" t="s">
        <v>494</v>
      </c>
      <c r="D100" s="3" t="s">
        <v>262</v>
      </c>
      <c r="E100" s="3" t="s">
        <v>100</v>
      </c>
      <c r="F100" s="3" t="s">
        <v>137</v>
      </c>
      <c r="G100" s="3" t="s">
        <v>105</v>
      </c>
      <c r="H100" s="3">
        <v>2019</v>
      </c>
      <c r="I100" s="3" t="s">
        <v>103</v>
      </c>
      <c r="J100" s="3" t="s">
        <v>495</v>
      </c>
      <c r="K100" s="14">
        <v>45211</v>
      </c>
      <c r="L100" s="3" t="s">
        <v>493</v>
      </c>
    </row>
    <row r="101" spans="1:12" ht="15" customHeight="1" x14ac:dyDescent="0.3">
      <c r="A101" s="11">
        <v>2690338</v>
      </c>
      <c r="B101" s="11">
        <v>5030333</v>
      </c>
      <c r="C101" s="22" t="s">
        <v>494</v>
      </c>
      <c r="D101" s="3" t="s">
        <v>239</v>
      </c>
      <c r="E101" s="3" t="s">
        <v>100</v>
      </c>
      <c r="F101" s="3" t="s">
        <v>163</v>
      </c>
      <c r="G101" s="3" t="s">
        <v>105</v>
      </c>
      <c r="H101" s="3">
        <v>2019</v>
      </c>
      <c r="I101" s="3" t="s">
        <v>103</v>
      </c>
      <c r="J101" s="3" t="s">
        <v>495</v>
      </c>
      <c r="K101" s="14">
        <v>45211</v>
      </c>
      <c r="L101" s="3" t="s">
        <v>493</v>
      </c>
    </row>
    <row r="102" spans="1:12" ht="15" customHeight="1" x14ac:dyDescent="0.3">
      <c r="A102" s="11">
        <v>2693198</v>
      </c>
      <c r="B102" s="11">
        <v>5030333</v>
      </c>
      <c r="C102" s="22" t="s">
        <v>494</v>
      </c>
      <c r="D102" s="3" t="s">
        <v>176</v>
      </c>
      <c r="E102" s="3" t="s">
        <v>100</v>
      </c>
      <c r="F102" s="3" t="s">
        <v>113</v>
      </c>
      <c r="G102" s="3" t="s">
        <v>105</v>
      </c>
      <c r="H102" s="3">
        <v>2019</v>
      </c>
      <c r="I102" s="3" t="s">
        <v>103</v>
      </c>
      <c r="J102" s="3" t="s">
        <v>495</v>
      </c>
      <c r="K102" s="14">
        <v>45211</v>
      </c>
      <c r="L102" s="3" t="s">
        <v>493</v>
      </c>
    </row>
    <row r="103" spans="1:12" ht="15" customHeight="1" x14ac:dyDescent="0.3">
      <c r="A103" s="11">
        <v>2746708</v>
      </c>
      <c r="B103" s="11">
        <v>5030333</v>
      </c>
      <c r="C103" s="22" t="s">
        <v>494</v>
      </c>
      <c r="D103" s="3" t="s">
        <v>570</v>
      </c>
      <c r="E103" s="3" t="s">
        <v>217</v>
      </c>
      <c r="F103" s="3" t="s">
        <v>218</v>
      </c>
      <c r="G103" s="3" t="s">
        <v>116</v>
      </c>
      <c r="H103" s="3">
        <v>2019</v>
      </c>
      <c r="I103" s="3" t="s">
        <v>103</v>
      </c>
      <c r="J103" s="3" t="s">
        <v>495</v>
      </c>
      <c r="K103" s="14">
        <v>45211</v>
      </c>
      <c r="L103" s="3" t="s">
        <v>493</v>
      </c>
    </row>
    <row r="104" spans="1:12" ht="15" customHeight="1" x14ac:dyDescent="0.3">
      <c r="A104" s="11">
        <v>2562145</v>
      </c>
      <c r="B104" s="11">
        <v>5029378</v>
      </c>
      <c r="C104" s="22" t="str">
        <f>HYPERLINK("https://support.microsoft.com/kb/"&amp;B104)</f>
        <v>https://support.microsoft.com/kb/5029378</v>
      </c>
      <c r="D104" s="7" t="s">
        <v>256</v>
      </c>
      <c r="E104" s="3" t="s">
        <v>100</v>
      </c>
      <c r="F104" s="3" t="s">
        <v>137</v>
      </c>
      <c r="G104" s="3" t="s">
        <v>105</v>
      </c>
      <c r="H104" s="3">
        <v>2019</v>
      </c>
      <c r="I104" s="3" t="s">
        <v>103</v>
      </c>
      <c r="J104" s="3" t="s">
        <v>498</v>
      </c>
      <c r="K104" s="14">
        <v>45209</v>
      </c>
      <c r="L104" s="3" t="s">
        <v>496</v>
      </c>
    </row>
    <row r="105" spans="1:12" x14ac:dyDescent="0.3">
      <c r="A105" s="11">
        <v>2555117</v>
      </c>
      <c r="B105" s="11">
        <v>5029377</v>
      </c>
      <c r="C105" s="22" t="str">
        <f>HYPERLINK("https://support.microsoft.com/kb/"&amp;B105)</f>
        <v>https://support.microsoft.com/kb/5029377</v>
      </c>
      <c r="D105" s="3" t="s">
        <v>256</v>
      </c>
      <c r="E105" s="3" t="s">
        <v>100</v>
      </c>
      <c r="F105" s="3" t="s">
        <v>137</v>
      </c>
      <c r="G105" s="3" t="s">
        <v>105</v>
      </c>
      <c r="H105" s="3">
        <v>2019</v>
      </c>
      <c r="I105" s="3" t="s">
        <v>89</v>
      </c>
      <c r="J105" s="3" t="s">
        <v>37</v>
      </c>
      <c r="K105" s="14">
        <v>45209</v>
      </c>
      <c r="L105" s="3" t="s">
        <v>499</v>
      </c>
    </row>
    <row r="106" spans="1:12" x14ac:dyDescent="0.3">
      <c r="A106" s="11">
        <v>1999783</v>
      </c>
      <c r="B106" s="11">
        <v>5027702</v>
      </c>
      <c r="C106" s="22" t="s">
        <v>502</v>
      </c>
      <c r="D106" s="3" t="s">
        <v>294</v>
      </c>
      <c r="E106" s="3" t="s">
        <v>211</v>
      </c>
      <c r="F106" s="3" t="s">
        <v>211</v>
      </c>
      <c r="G106" s="3" t="s">
        <v>105</v>
      </c>
      <c r="H106" s="3">
        <v>2019</v>
      </c>
      <c r="I106" s="3" t="s">
        <v>103</v>
      </c>
      <c r="J106" s="3" t="s">
        <v>503</v>
      </c>
      <c r="K106" s="14">
        <v>45152</v>
      </c>
      <c r="L106" s="3" t="s">
        <v>501</v>
      </c>
    </row>
    <row r="107" spans="1:12" x14ac:dyDescent="0.3">
      <c r="A107" s="11">
        <v>2111946</v>
      </c>
      <c r="B107" s="11">
        <v>5027702</v>
      </c>
      <c r="C107" s="22" t="s">
        <v>502</v>
      </c>
      <c r="D107" s="3" t="s">
        <v>572</v>
      </c>
      <c r="E107" s="3" t="s">
        <v>100</v>
      </c>
      <c r="F107" s="3" t="s">
        <v>113</v>
      </c>
      <c r="G107" s="3" t="s">
        <v>105</v>
      </c>
      <c r="H107" s="3">
        <v>2019</v>
      </c>
      <c r="I107" s="3" t="s">
        <v>103</v>
      </c>
      <c r="J107" s="3" t="s">
        <v>503</v>
      </c>
      <c r="K107" s="14">
        <v>45152</v>
      </c>
      <c r="L107" s="3" t="s">
        <v>501</v>
      </c>
    </row>
    <row r="108" spans="1:12" x14ac:dyDescent="0.3">
      <c r="A108" s="11">
        <v>2126481</v>
      </c>
      <c r="B108" s="11">
        <v>5027702</v>
      </c>
      <c r="C108" s="22" t="s">
        <v>502</v>
      </c>
      <c r="D108" s="3" t="s">
        <v>158</v>
      </c>
      <c r="E108" s="3" t="s">
        <v>100</v>
      </c>
      <c r="F108" s="3" t="s">
        <v>159</v>
      </c>
      <c r="G108" s="3" t="s">
        <v>105</v>
      </c>
      <c r="H108" s="3">
        <v>2019</v>
      </c>
      <c r="I108" s="3" t="s">
        <v>103</v>
      </c>
      <c r="J108" s="3" t="s">
        <v>503</v>
      </c>
      <c r="K108" s="14">
        <v>45152</v>
      </c>
      <c r="L108" s="3" t="s">
        <v>501</v>
      </c>
    </row>
    <row r="109" spans="1:12" x14ac:dyDescent="0.3">
      <c r="A109" s="11">
        <v>2330261</v>
      </c>
      <c r="B109" s="11">
        <v>5027702</v>
      </c>
      <c r="C109" s="22" t="s">
        <v>502</v>
      </c>
      <c r="D109" s="3" t="s">
        <v>267</v>
      </c>
      <c r="E109" s="3" t="s">
        <v>100</v>
      </c>
      <c r="F109" s="3" t="s">
        <v>100</v>
      </c>
      <c r="G109" s="3" t="s">
        <v>105</v>
      </c>
      <c r="H109" s="3">
        <v>2019</v>
      </c>
      <c r="I109" s="3" t="s">
        <v>103</v>
      </c>
      <c r="J109" s="3" t="s">
        <v>503</v>
      </c>
      <c r="K109" s="14">
        <v>45152</v>
      </c>
      <c r="L109" s="3" t="s">
        <v>501</v>
      </c>
    </row>
    <row r="110" spans="1:12" x14ac:dyDescent="0.3">
      <c r="A110" s="11">
        <v>2332831</v>
      </c>
      <c r="B110" s="11">
        <v>5027702</v>
      </c>
      <c r="C110" s="22" t="s">
        <v>502</v>
      </c>
      <c r="D110" s="3" t="s">
        <v>283</v>
      </c>
      <c r="E110" s="3" t="s">
        <v>100</v>
      </c>
      <c r="F110" s="3" t="s">
        <v>153</v>
      </c>
      <c r="G110" s="3" t="s">
        <v>105</v>
      </c>
      <c r="H110" s="3">
        <v>2019</v>
      </c>
      <c r="I110" s="3" t="s">
        <v>103</v>
      </c>
      <c r="J110" s="3" t="s">
        <v>503</v>
      </c>
      <c r="K110" s="14">
        <v>45152</v>
      </c>
      <c r="L110" s="3" t="s">
        <v>501</v>
      </c>
    </row>
    <row r="111" spans="1:12" x14ac:dyDescent="0.3">
      <c r="A111" s="11">
        <v>2355421</v>
      </c>
      <c r="B111" s="11">
        <v>5027702</v>
      </c>
      <c r="C111" s="22" t="s">
        <v>502</v>
      </c>
      <c r="D111" s="3" t="s">
        <v>221</v>
      </c>
      <c r="E111" s="3" t="s">
        <v>100</v>
      </c>
      <c r="F111" s="3" t="s">
        <v>127</v>
      </c>
      <c r="G111" s="3" t="s">
        <v>105</v>
      </c>
      <c r="H111" s="3">
        <v>2019</v>
      </c>
      <c r="I111" s="3" t="s">
        <v>103</v>
      </c>
      <c r="J111" s="3" t="s">
        <v>503</v>
      </c>
      <c r="K111" s="14">
        <v>45152</v>
      </c>
      <c r="L111" s="3" t="s">
        <v>501</v>
      </c>
    </row>
    <row r="112" spans="1:12" x14ac:dyDescent="0.3">
      <c r="A112" s="11">
        <v>2387353</v>
      </c>
      <c r="B112" s="11">
        <v>5027702</v>
      </c>
      <c r="C112" s="22" t="s">
        <v>502</v>
      </c>
      <c r="D112" s="3" t="s">
        <v>222</v>
      </c>
      <c r="E112" s="3" t="s">
        <v>100</v>
      </c>
      <c r="F112" s="3" t="s">
        <v>101</v>
      </c>
      <c r="G112" s="3" t="s">
        <v>105</v>
      </c>
      <c r="H112" s="3">
        <v>2019</v>
      </c>
      <c r="I112" s="3" t="s">
        <v>103</v>
      </c>
      <c r="J112" s="3" t="s">
        <v>503</v>
      </c>
      <c r="K112" s="14">
        <v>45152</v>
      </c>
      <c r="L112" s="3" t="s">
        <v>501</v>
      </c>
    </row>
    <row r="113" spans="1:12" x14ac:dyDescent="0.3">
      <c r="A113" s="11">
        <v>2434847</v>
      </c>
      <c r="B113" s="11">
        <v>5027702</v>
      </c>
      <c r="C113" s="22" t="s">
        <v>502</v>
      </c>
      <c r="D113" s="3" t="s">
        <v>302</v>
      </c>
      <c r="E113" s="3" t="s">
        <v>100</v>
      </c>
      <c r="F113" s="3" t="s">
        <v>269</v>
      </c>
      <c r="G113" s="3" t="s">
        <v>105</v>
      </c>
      <c r="H113" s="3">
        <v>2019</v>
      </c>
      <c r="I113" s="3" t="s">
        <v>103</v>
      </c>
      <c r="J113" s="3" t="s">
        <v>503</v>
      </c>
      <c r="K113" s="14">
        <v>45152</v>
      </c>
      <c r="L113" s="3" t="s">
        <v>501</v>
      </c>
    </row>
    <row r="114" spans="1:12" x14ac:dyDescent="0.3">
      <c r="A114" s="11">
        <v>2445012</v>
      </c>
      <c r="B114" s="11">
        <v>5027702</v>
      </c>
      <c r="C114" s="22" t="s">
        <v>502</v>
      </c>
      <c r="D114" s="3" t="s">
        <v>315</v>
      </c>
      <c r="E114" s="3" t="s">
        <v>178</v>
      </c>
      <c r="F114" s="3" t="s">
        <v>178</v>
      </c>
      <c r="G114" s="3" t="s">
        <v>102</v>
      </c>
      <c r="H114" s="3">
        <v>2019</v>
      </c>
      <c r="I114" s="3" t="s">
        <v>103</v>
      </c>
      <c r="J114" s="3" t="s">
        <v>503</v>
      </c>
      <c r="K114" s="14">
        <v>45152</v>
      </c>
      <c r="L114" s="3" t="s">
        <v>501</v>
      </c>
    </row>
    <row r="115" spans="1:12" x14ac:dyDescent="0.3">
      <c r="A115" s="11">
        <v>2460204</v>
      </c>
      <c r="B115" s="11">
        <v>5027702</v>
      </c>
      <c r="C115" s="22" t="s">
        <v>502</v>
      </c>
      <c r="D115" s="3" t="s">
        <v>573</v>
      </c>
      <c r="E115" s="3" t="s">
        <v>100</v>
      </c>
      <c r="F115" s="3" t="s">
        <v>101</v>
      </c>
      <c r="G115" s="3" t="s">
        <v>105</v>
      </c>
      <c r="H115" s="3">
        <v>2019</v>
      </c>
      <c r="I115" s="3" t="s">
        <v>103</v>
      </c>
      <c r="J115" s="3" t="s">
        <v>503</v>
      </c>
      <c r="K115" s="14">
        <v>45152</v>
      </c>
      <c r="L115" s="3" t="s">
        <v>501</v>
      </c>
    </row>
    <row r="116" spans="1:12" x14ac:dyDescent="0.3">
      <c r="A116" s="11">
        <v>2469366</v>
      </c>
      <c r="B116" s="11">
        <v>5027702</v>
      </c>
      <c r="C116" s="22" t="s">
        <v>502</v>
      </c>
      <c r="D116" s="3" t="s">
        <v>287</v>
      </c>
      <c r="E116" s="3" t="s">
        <v>178</v>
      </c>
      <c r="F116" s="3" t="s">
        <v>178</v>
      </c>
      <c r="G116" s="3" t="s">
        <v>102</v>
      </c>
      <c r="H116" s="3">
        <v>2019</v>
      </c>
      <c r="I116" s="3" t="s">
        <v>103</v>
      </c>
      <c r="J116" s="3" t="s">
        <v>503</v>
      </c>
      <c r="K116" s="14">
        <v>45152</v>
      </c>
      <c r="L116" s="3" t="s">
        <v>501</v>
      </c>
    </row>
    <row r="117" spans="1:12" x14ac:dyDescent="0.3">
      <c r="A117" s="11">
        <v>2472432</v>
      </c>
      <c r="B117" s="11">
        <v>5027702</v>
      </c>
      <c r="C117" s="22" t="s">
        <v>502</v>
      </c>
      <c r="D117" s="3" t="s">
        <v>574</v>
      </c>
      <c r="E117" s="3" t="s">
        <v>100</v>
      </c>
      <c r="F117" s="3" t="s">
        <v>113</v>
      </c>
      <c r="G117" s="3" t="s">
        <v>105</v>
      </c>
      <c r="H117" s="3">
        <v>2019</v>
      </c>
      <c r="I117" s="3" t="s">
        <v>103</v>
      </c>
      <c r="J117" s="3" t="s">
        <v>503</v>
      </c>
      <c r="K117" s="14">
        <v>45152</v>
      </c>
      <c r="L117" s="3" t="s">
        <v>501</v>
      </c>
    </row>
    <row r="118" spans="1:12" x14ac:dyDescent="0.3">
      <c r="A118" s="11">
        <v>2491017</v>
      </c>
      <c r="B118" s="11">
        <v>5027702</v>
      </c>
      <c r="C118" s="22" t="s">
        <v>502</v>
      </c>
      <c r="D118" s="3" t="s">
        <v>290</v>
      </c>
      <c r="E118" s="3" t="s">
        <v>100</v>
      </c>
      <c r="F118" s="3" t="s">
        <v>137</v>
      </c>
      <c r="G118" s="3" t="s">
        <v>105</v>
      </c>
      <c r="H118" s="3">
        <v>2019</v>
      </c>
      <c r="I118" s="3" t="s">
        <v>103</v>
      </c>
      <c r="J118" s="3" t="s">
        <v>503</v>
      </c>
      <c r="K118" s="14">
        <v>45152</v>
      </c>
      <c r="L118" s="3" t="s">
        <v>501</v>
      </c>
    </row>
    <row r="119" spans="1:12" x14ac:dyDescent="0.3">
      <c r="A119" s="11">
        <v>2491768</v>
      </c>
      <c r="B119" s="11">
        <v>5027702</v>
      </c>
      <c r="C119" s="22" t="s">
        <v>502</v>
      </c>
      <c r="D119" s="3" t="s">
        <v>292</v>
      </c>
      <c r="E119" s="3" t="s">
        <v>100</v>
      </c>
      <c r="F119" s="3" t="s">
        <v>165</v>
      </c>
      <c r="G119" s="3" t="s">
        <v>105</v>
      </c>
      <c r="H119" s="3">
        <v>2019</v>
      </c>
      <c r="I119" s="3" t="s">
        <v>103</v>
      </c>
      <c r="J119" s="3" t="s">
        <v>503</v>
      </c>
      <c r="K119" s="14">
        <v>45152</v>
      </c>
      <c r="L119" s="3" t="s">
        <v>501</v>
      </c>
    </row>
    <row r="120" spans="1:12" x14ac:dyDescent="0.3">
      <c r="A120" s="11">
        <v>2497934</v>
      </c>
      <c r="B120" s="11">
        <v>5027702</v>
      </c>
      <c r="C120" s="22" t="s">
        <v>502</v>
      </c>
      <c r="D120" s="3" t="s">
        <v>575</v>
      </c>
      <c r="E120" s="3" t="s">
        <v>100</v>
      </c>
      <c r="F120" s="3" t="s">
        <v>100</v>
      </c>
      <c r="G120" s="3" t="s">
        <v>105</v>
      </c>
      <c r="H120" s="3">
        <v>2019</v>
      </c>
      <c r="I120" s="3" t="s">
        <v>103</v>
      </c>
      <c r="J120" s="3" t="s">
        <v>503</v>
      </c>
      <c r="K120" s="14">
        <v>45152</v>
      </c>
      <c r="L120" s="3" t="s">
        <v>501</v>
      </c>
    </row>
    <row r="121" spans="1:12" x14ac:dyDescent="0.3">
      <c r="A121" s="11">
        <v>2504040</v>
      </c>
      <c r="B121" s="11">
        <v>5027702</v>
      </c>
      <c r="C121" s="22" t="s">
        <v>502</v>
      </c>
      <c r="D121" s="3" t="s">
        <v>576</v>
      </c>
      <c r="E121" s="3" t="s">
        <v>100</v>
      </c>
      <c r="F121" s="3" t="s">
        <v>101</v>
      </c>
      <c r="G121" s="3" t="s">
        <v>105</v>
      </c>
      <c r="H121" s="3">
        <v>2019</v>
      </c>
      <c r="I121" s="3" t="s">
        <v>103</v>
      </c>
      <c r="J121" s="3" t="s">
        <v>503</v>
      </c>
      <c r="K121" s="14">
        <v>45152</v>
      </c>
      <c r="L121" s="3" t="s">
        <v>501</v>
      </c>
    </row>
    <row r="122" spans="1:12" x14ac:dyDescent="0.3">
      <c r="A122" s="11">
        <v>2506723</v>
      </c>
      <c r="B122" s="11">
        <v>5027702</v>
      </c>
      <c r="C122" s="22" t="s">
        <v>502</v>
      </c>
      <c r="D122" s="3" t="s">
        <v>295</v>
      </c>
      <c r="E122" s="3" t="s">
        <v>100</v>
      </c>
      <c r="F122" s="3" t="s">
        <v>120</v>
      </c>
      <c r="G122" s="3" t="s">
        <v>105</v>
      </c>
      <c r="H122" s="3">
        <v>2019</v>
      </c>
      <c r="I122" s="3" t="s">
        <v>103</v>
      </c>
      <c r="J122" s="3" t="s">
        <v>503</v>
      </c>
      <c r="K122" s="14">
        <v>45152</v>
      </c>
      <c r="L122" s="3" t="s">
        <v>501</v>
      </c>
    </row>
    <row r="123" spans="1:12" x14ac:dyDescent="0.3">
      <c r="A123" s="11">
        <v>2517054</v>
      </c>
      <c r="B123" s="11">
        <v>5027702</v>
      </c>
      <c r="C123" s="22" t="s">
        <v>502</v>
      </c>
      <c r="D123" s="3" t="s">
        <v>297</v>
      </c>
      <c r="E123" s="3" t="s">
        <v>178</v>
      </c>
      <c r="F123" s="3" t="s">
        <v>178</v>
      </c>
      <c r="G123" s="3" t="s">
        <v>102</v>
      </c>
      <c r="H123" s="3">
        <v>2019</v>
      </c>
      <c r="I123" s="3" t="s">
        <v>103</v>
      </c>
      <c r="J123" s="3" t="s">
        <v>503</v>
      </c>
      <c r="K123" s="14">
        <v>45152</v>
      </c>
      <c r="L123" s="3" t="s">
        <v>501</v>
      </c>
    </row>
    <row r="124" spans="1:12" x14ac:dyDescent="0.3">
      <c r="A124" s="11">
        <v>2518620</v>
      </c>
      <c r="B124" s="11">
        <v>5027702</v>
      </c>
      <c r="C124" s="22" t="s">
        <v>502</v>
      </c>
      <c r="D124" s="3" t="s">
        <v>298</v>
      </c>
      <c r="E124" s="3" t="s">
        <v>178</v>
      </c>
      <c r="F124" s="3" t="s">
        <v>178</v>
      </c>
      <c r="G124" s="3" t="s">
        <v>102</v>
      </c>
      <c r="H124" s="3">
        <v>2019</v>
      </c>
      <c r="I124" s="3" t="s">
        <v>103</v>
      </c>
      <c r="J124" s="3" t="s">
        <v>503</v>
      </c>
      <c r="K124" s="14">
        <v>45152</v>
      </c>
      <c r="L124" s="3" t="s">
        <v>501</v>
      </c>
    </row>
    <row r="125" spans="1:12" x14ac:dyDescent="0.3">
      <c r="A125" s="11">
        <v>2555121</v>
      </c>
      <c r="B125" s="11">
        <v>5027702</v>
      </c>
      <c r="C125" s="22" t="s">
        <v>502</v>
      </c>
      <c r="D125" s="3" t="s">
        <v>577</v>
      </c>
      <c r="E125" s="3" t="s">
        <v>100</v>
      </c>
      <c r="F125" s="3" t="s">
        <v>233</v>
      </c>
      <c r="G125" s="3" t="s">
        <v>105</v>
      </c>
      <c r="H125" s="3">
        <v>2019</v>
      </c>
      <c r="I125" s="3" t="s">
        <v>103</v>
      </c>
      <c r="J125" s="3" t="s">
        <v>503</v>
      </c>
      <c r="K125" s="14">
        <v>45152</v>
      </c>
      <c r="L125" s="3" t="s">
        <v>501</v>
      </c>
    </row>
    <row r="126" spans="1:12" x14ac:dyDescent="0.3">
      <c r="A126" s="11">
        <v>2354551</v>
      </c>
      <c r="B126" s="11">
        <v>5025808</v>
      </c>
      <c r="C126" s="22" t="s">
        <v>505</v>
      </c>
      <c r="D126" s="3" t="s">
        <v>321</v>
      </c>
      <c r="E126" s="3" t="s">
        <v>178</v>
      </c>
      <c r="F126" s="3" t="s">
        <v>178</v>
      </c>
      <c r="G126" s="3" t="s">
        <v>102</v>
      </c>
      <c r="H126" s="3">
        <v>2019</v>
      </c>
      <c r="I126" s="3" t="s">
        <v>103</v>
      </c>
      <c r="J126" s="3" t="s">
        <v>506</v>
      </c>
      <c r="K126" s="35">
        <v>45092</v>
      </c>
      <c r="L126" s="3" t="s">
        <v>504</v>
      </c>
    </row>
    <row r="127" spans="1:12" x14ac:dyDescent="0.3">
      <c r="A127" s="11">
        <v>2367741</v>
      </c>
      <c r="B127" s="11">
        <v>5025808</v>
      </c>
      <c r="C127" s="22" t="s">
        <v>505</v>
      </c>
      <c r="D127" s="3" t="s">
        <v>320</v>
      </c>
      <c r="E127" s="3" t="s">
        <v>178</v>
      </c>
      <c r="F127" s="3" t="s">
        <v>178</v>
      </c>
      <c r="G127" s="3" t="s">
        <v>102</v>
      </c>
      <c r="H127" s="3">
        <v>2019</v>
      </c>
      <c r="I127" s="3" t="s">
        <v>103</v>
      </c>
      <c r="J127" s="3" t="s">
        <v>506</v>
      </c>
      <c r="K127" s="35">
        <v>45092</v>
      </c>
      <c r="L127" s="3" t="s">
        <v>504</v>
      </c>
    </row>
    <row r="128" spans="1:12" x14ac:dyDescent="0.3">
      <c r="A128" s="11">
        <v>2375656</v>
      </c>
      <c r="B128" s="11">
        <v>5025808</v>
      </c>
      <c r="C128" s="22" t="s">
        <v>505</v>
      </c>
      <c r="D128" s="3" t="s">
        <v>322</v>
      </c>
      <c r="E128" s="3" t="s">
        <v>178</v>
      </c>
      <c r="F128" s="3" t="s">
        <v>178</v>
      </c>
      <c r="G128" s="3" t="s">
        <v>102</v>
      </c>
      <c r="H128" s="3">
        <v>2019</v>
      </c>
      <c r="I128" s="3" t="s">
        <v>103</v>
      </c>
      <c r="J128" s="3" t="s">
        <v>506</v>
      </c>
      <c r="K128" s="35">
        <v>45092</v>
      </c>
      <c r="L128" s="3" t="s">
        <v>504</v>
      </c>
    </row>
    <row r="129" spans="1:12" x14ac:dyDescent="0.3">
      <c r="A129" s="11">
        <v>2385119</v>
      </c>
      <c r="B129" s="11">
        <v>5025808</v>
      </c>
      <c r="C129" s="22" t="s">
        <v>505</v>
      </c>
      <c r="D129" s="3" t="s">
        <v>323</v>
      </c>
      <c r="E129" s="3" t="s">
        <v>211</v>
      </c>
      <c r="F129" s="3" t="s">
        <v>211</v>
      </c>
      <c r="G129" s="3" t="s">
        <v>105</v>
      </c>
      <c r="H129" s="3">
        <v>2019</v>
      </c>
      <c r="I129" s="3" t="s">
        <v>103</v>
      </c>
      <c r="J129" s="3" t="s">
        <v>506</v>
      </c>
      <c r="K129" s="35">
        <v>45092</v>
      </c>
      <c r="L129" s="3" t="s">
        <v>504</v>
      </c>
    </row>
    <row r="130" spans="1:12" x14ac:dyDescent="0.3">
      <c r="A130" s="11">
        <v>2405054</v>
      </c>
      <c r="B130" s="11">
        <v>5025808</v>
      </c>
      <c r="C130" s="22" t="s">
        <v>505</v>
      </c>
      <c r="D130" s="3" t="s">
        <v>325</v>
      </c>
      <c r="E130" s="3" t="s">
        <v>211</v>
      </c>
      <c r="F130" s="3" t="s">
        <v>211</v>
      </c>
      <c r="G130" s="3" t="s">
        <v>102</v>
      </c>
      <c r="H130" s="3">
        <v>2019</v>
      </c>
      <c r="I130" s="3" t="s">
        <v>103</v>
      </c>
      <c r="J130" s="3" t="s">
        <v>506</v>
      </c>
      <c r="K130" s="35">
        <v>45092</v>
      </c>
      <c r="L130" s="3" t="s">
        <v>504</v>
      </c>
    </row>
    <row r="131" spans="1:12" x14ac:dyDescent="0.3">
      <c r="A131" s="11">
        <v>2405058</v>
      </c>
      <c r="B131" s="11">
        <v>5025808</v>
      </c>
      <c r="C131" s="22" t="s">
        <v>505</v>
      </c>
      <c r="D131" s="3" t="s">
        <v>326</v>
      </c>
      <c r="E131" s="3" t="s">
        <v>211</v>
      </c>
      <c r="F131" s="3" t="s">
        <v>211</v>
      </c>
      <c r="G131" s="3" t="s">
        <v>102</v>
      </c>
      <c r="H131" s="3">
        <v>2019</v>
      </c>
      <c r="I131" s="3" t="s">
        <v>103</v>
      </c>
      <c r="J131" s="3" t="s">
        <v>506</v>
      </c>
      <c r="K131" s="35">
        <v>45092</v>
      </c>
      <c r="L131" s="3" t="s">
        <v>504</v>
      </c>
    </row>
    <row r="132" spans="1:12" x14ac:dyDescent="0.3">
      <c r="A132" s="11">
        <v>2405087</v>
      </c>
      <c r="B132" s="11">
        <v>5025808</v>
      </c>
      <c r="C132" s="22" t="s">
        <v>505</v>
      </c>
      <c r="D132" s="3" t="s">
        <v>327</v>
      </c>
      <c r="E132" s="3" t="s">
        <v>107</v>
      </c>
      <c r="F132" s="3" t="s">
        <v>108</v>
      </c>
      <c r="G132" s="3" t="s">
        <v>105</v>
      </c>
      <c r="H132" s="3">
        <v>2019</v>
      </c>
      <c r="I132" s="3" t="s">
        <v>103</v>
      </c>
      <c r="J132" s="3" t="s">
        <v>506</v>
      </c>
      <c r="K132" s="35">
        <v>45092</v>
      </c>
      <c r="L132" s="3" t="s">
        <v>504</v>
      </c>
    </row>
    <row r="133" spans="1:12" x14ac:dyDescent="0.3">
      <c r="A133" s="11">
        <v>2399354</v>
      </c>
      <c r="B133" s="11">
        <v>5025808</v>
      </c>
      <c r="C133" s="22" t="s">
        <v>505</v>
      </c>
      <c r="D133" s="3" t="s">
        <v>330</v>
      </c>
      <c r="E133" s="3" t="s">
        <v>100</v>
      </c>
      <c r="F133" s="3" t="s">
        <v>125</v>
      </c>
      <c r="G133" s="3" t="s">
        <v>116</v>
      </c>
      <c r="H133" s="3">
        <v>2019</v>
      </c>
      <c r="I133" s="3" t="s">
        <v>103</v>
      </c>
      <c r="J133" s="3" t="s">
        <v>506</v>
      </c>
      <c r="K133" s="35">
        <v>45092</v>
      </c>
      <c r="L133" s="3" t="s">
        <v>504</v>
      </c>
    </row>
    <row r="134" spans="1:12" x14ac:dyDescent="0.3">
      <c r="A134" s="11">
        <v>2375469</v>
      </c>
      <c r="B134" s="11">
        <v>5025808</v>
      </c>
      <c r="C134" s="22" t="s">
        <v>505</v>
      </c>
      <c r="D134" s="3" t="s">
        <v>331</v>
      </c>
      <c r="E134" s="3" t="s">
        <v>100</v>
      </c>
      <c r="F134" s="3" t="s">
        <v>332</v>
      </c>
      <c r="G134" s="3" t="s">
        <v>102</v>
      </c>
      <c r="H134" s="3">
        <v>2019</v>
      </c>
      <c r="I134" s="3" t="s">
        <v>103</v>
      </c>
      <c r="J134" s="3" t="s">
        <v>506</v>
      </c>
      <c r="K134" s="35">
        <v>45092</v>
      </c>
      <c r="L134" s="3" t="s">
        <v>504</v>
      </c>
    </row>
    <row r="135" spans="1:12" x14ac:dyDescent="0.3">
      <c r="A135" s="11">
        <v>2195940</v>
      </c>
      <c r="B135" s="11">
        <v>5025808</v>
      </c>
      <c r="C135" s="22" t="s">
        <v>505</v>
      </c>
      <c r="D135" s="3" t="s">
        <v>333</v>
      </c>
      <c r="E135" s="3" t="s">
        <v>100</v>
      </c>
      <c r="F135" s="3" t="s">
        <v>101</v>
      </c>
      <c r="G135" s="3" t="s">
        <v>105</v>
      </c>
      <c r="H135" s="3">
        <v>2019</v>
      </c>
      <c r="I135" s="3" t="s">
        <v>103</v>
      </c>
      <c r="J135" s="3" t="s">
        <v>506</v>
      </c>
      <c r="K135" s="35">
        <v>45092</v>
      </c>
      <c r="L135" s="3" t="s">
        <v>504</v>
      </c>
    </row>
    <row r="136" spans="1:12" x14ac:dyDescent="0.3">
      <c r="A136" s="11">
        <v>2101590</v>
      </c>
      <c r="B136" s="11">
        <v>5025808</v>
      </c>
      <c r="C136" s="22" t="s">
        <v>505</v>
      </c>
      <c r="D136" s="3" t="s">
        <v>334</v>
      </c>
      <c r="E136" s="3" t="s">
        <v>100</v>
      </c>
      <c r="F136" s="3" t="s">
        <v>233</v>
      </c>
      <c r="G136" s="3" t="s">
        <v>102</v>
      </c>
      <c r="H136" s="3">
        <v>2019</v>
      </c>
      <c r="I136" s="3" t="s">
        <v>103</v>
      </c>
      <c r="J136" s="3" t="s">
        <v>506</v>
      </c>
      <c r="K136" s="35">
        <v>45092</v>
      </c>
      <c r="L136" s="3" t="s">
        <v>504</v>
      </c>
    </row>
    <row r="137" spans="1:12" x14ac:dyDescent="0.3">
      <c r="A137" s="11">
        <v>2184943</v>
      </c>
      <c r="B137" s="11">
        <v>5025808</v>
      </c>
      <c r="C137" s="22" t="s">
        <v>505</v>
      </c>
      <c r="D137" s="3" t="s">
        <v>335</v>
      </c>
      <c r="E137" s="3" t="s">
        <v>100</v>
      </c>
      <c r="F137" s="3" t="s">
        <v>233</v>
      </c>
      <c r="G137" s="3" t="s">
        <v>105</v>
      </c>
      <c r="H137" s="3">
        <v>2019</v>
      </c>
      <c r="I137" s="3" t="s">
        <v>103</v>
      </c>
      <c r="J137" s="3" t="s">
        <v>506</v>
      </c>
      <c r="K137" s="35">
        <v>45092</v>
      </c>
      <c r="L137" s="3" t="s">
        <v>504</v>
      </c>
    </row>
    <row r="138" spans="1:12" x14ac:dyDescent="0.3">
      <c r="A138" s="11">
        <v>2347043</v>
      </c>
      <c r="B138" s="11">
        <v>5025808</v>
      </c>
      <c r="C138" s="22" t="s">
        <v>505</v>
      </c>
      <c r="D138" s="3" t="s">
        <v>273</v>
      </c>
      <c r="E138" s="3" t="s">
        <v>100</v>
      </c>
      <c r="F138" s="3" t="s">
        <v>233</v>
      </c>
      <c r="G138" s="3" t="s">
        <v>102</v>
      </c>
      <c r="H138" s="3">
        <v>2019</v>
      </c>
      <c r="I138" s="3" t="s">
        <v>103</v>
      </c>
      <c r="J138" s="3" t="s">
        <v>506</v>
      </c>
      <c r="K138" s="35">
        <v>45092</v>
      </c>
      <c r="L138" s="3" t="s">
        <v>504</v>
      </c>
    </row>
    <row r="139" spans="1:12" x14ac:dyDescent="0.3">
      <c r="A139" s="11">
        <v>2401115</v>
      </c>
      <c r="B139" s="11">
        <v>5025808</v>
      </c>
      <c r="C139" s="22" t="s">
        <v>505</v>
      </c>
      <c r="D139" s="3" t="s">
        <v>336</v>
      </c>
      <c r="E139" s="3" t="s">
        <v>100</v>
      </c>
      <c r="F139" s="3" t="s">
        <v>233</v>
      </c>
      <c r="G139" s="3" t="s">
        <v>105</v>
      </c>
      <c r="H139" s="3">
        <v>2019</v>
      </c>
      <c r="I139" s="3" t="s">
        <v>103</v>
      </c>
      <c r="J139" s="3" t="s">
        <v>506</v>
      </c>
      <c r="K139" s="35">
        <v>45092</v>
      </c>
      <c r="L139" s="3" t="s">
        <v>504</v>
      </c>
    </row>
    <row r="140" spans="1:12" x14ac:dyDescent="0.3">
      <c r="A140" s="11">
        <v>2404944</v>
      </c>
      <c r="B140" s="11">
        <v>5025808</v>
      </c>
      <c r="C140" s="22" t="s">
        <v>505</v>
      </c>
      <c r="D140" s="3" t="s">
        <v>337</v>
      </c>
      <c r="E140" s="3" t="s">
        <v>100</v>
      </c>
      <c r="F140" s="3" t="s">
        <v>233</v>
      </c>
      <c r="G140" s="3" t="s">
        <v>105</v>
      </c>
      <c r="H140" s="3">
        <v>2019</v>
      </c>
      <c r="I140" s="3" t="s">
        <v>103</v>
      </c>
      <c r="J140" s="3" t="s">
        <v>506</v>
      </c>
      <c r="K140" s="35">
        <v>45092</v>
      </c>
      <c r="L140" s="3" t="s">
        <v>504</v>
      </c>
    </row>
    <row r="141" spans="1:12" x14ac:dyDescent="0.3">
      <c r="A141" s="11">
        <v>2312800</v>
      </c>
      <c r="B141" s="11">
        <v>5025808</v>
      </c>
      <c r="C141" s="22" t="s">
        <v>505</v>
      </c>
      <c r="D141" s="3" t="s">
        <v>578</v>
      </c>
      <c r="E141" s="3" t="s">
        <v>100</v>
      </c>
      <c r="F141" s="3" t="s">
        <v>579</v>
      </c>
      <c r="G141" s="3" t="s">
        <v>102</v>
      </c>
      <c r="H141" s="3">
        <v>2019</v>
      </c>
      <c r="I141" s="3" t="s">
        <v>103</v>
      </c>
      <c r="J141" s="3" t="s">
        <v>506</v>
      </c>
      <c r="K141" s="35">
        <v>45092</v>
      </c>
      <c r="L141" s="3" t="s">
        <v>504</v>
      </c>
    </row>
    <row r="142" spans="1:12" x14ac:dyDescent="0.3">
      <c r="A142" s="11">
        <v>2117672</v>
      </c>
      <c r="B142" s="11">
        <v>5025808</v>
      </c>
      <c r="C142" s="22" t="s">
        <v>505</v>
      </c>
      <c r="D142" s="3" t="s">
        <v>580</v>
      </c>
      <c r="E142" s="3" t="s">
        <v>100</v>
      </c>
      <c r="F142" s="3" t="s">
        <v>127</v>
      </c>
      <c r="G142" s="3" t="s">
        <v>102</v>
      </c>
      <c r="H142" s="3">
        <v>2019</v>
      </c>
      <c r="I142" s="3" t="s">
        <v>103</v>
      </c>
      <c r="J142" s="3" t="s">
        <v>506</v>
      </c>
      <c r="K142" s="35">
        <v>45092</v>
      </c>
      <c r="L142" s="3" t="s">
        <v>504</v>
      </c>
    </row>
    <row r="143" spans="1:12" x14ac:dyDescent="0.3">
      <c r="A143" s="11">
        <v>2346939</v>
      </c>
      <c r="B143" s="11">
        <v>5025808</v>
      </c>
      <c r="C143" s="22" t="s">
        <v>505</v>
      </c>
      <c r="D143" s="3" t="s">
        <v>581</v>
      </c>
      <c r="E143" s="3" t="s">
        <v>100</v>
      </c>
      <c r="F143" s="3" t="s">
        <v>127</v>
      </c>
      <c r="G143" s="3" t="s">
        <v>105</v>
      </c>
      <c r="H143" s="3">
        <v>2019</v>
      </c>
      <c r="I143" s="3" t="s">
        <v>103</v>
      </c>
      <c r="J143" s="3" t="s">
        <v>506</v>
      </c>
      <c r="K143" s="35">
        <v>45092</v>
      </c>
      <c r="L143" s="3" t="s">
        <v>504</v>
      </c>
    </row>
    <row r="144" spans="1:12" x14ac:dyDescent="0.3">
      <c r="A144" s="11">
        <v>2307898</v>
      </c>
      <c r="B144" s="11">
        <v>5025808</v>
      </c>
      <c r="C144" s="22" t="s">
        <v>505</v>
      </c>
      <c r="D144" s="3" t="s">
        <v>365</v>
      </c>
      <c r="E144" s="3" t="s">
        <v>100</v>
      </c>
      <c r="F144" s="3" t="s">
        <v>113</v>
      </c>
      <c r="G144" s="3" t="s">
        <v>105</v>
      </c>
      <c r="H144" s="3">
        <v>2019</v>
      </c>
      <c r="I144" s="3" t="s">
        <v>103</v>
      </c>
      <c r="J144" s="3" t="s">
        <v>506</v>
      </c>
      <c r="K144" s="35">
        <v>45092</v>
      </c>
      <c r="L144" s="3" t="s">
        <v>504</v>
      </c>
    </row>
    <row r="145" spans="1:12" x14ac:dyDescent="0.3">
      <c r="A145" s="11">
        <v>2313620</v>
      </c>
      <c r="B145" s="11">
        <v>5025808</v>
      </c>
      <c r="C145" s="22" t="s">
        <v>505</v>
      </c>
      <c r="D145" s="3" t="s">
        <v>582</v>
      </c>
      <c r="E145" s="3" t="s">
        <v>100</v>
      </c>
      <c r="F145" s="3" t="s">
        <v>113</v>
      </c>
      <c r="G145" s="3" t="s">
        <v>105</v>
      </c>
      <c r="H145" s="3">
        <v>2019</v>
      </c>
      <c r="I145" s="3" t="s">
        <v>103</v>
      </c>
      <c r="J145" s="3" t="s">
        <v>506</v>
      </c>
      <c r="K145" s="35">
        <v>45092</v>
      </c>
      <c r="L145" s="3" t="s">
        <v>504</v>
      </c>
    </row>
    <row r="146" spans="1:12" x14ac:dyDescent="0.3">
      <c r="A146" s="11">
        <v>2363303</v>
      </c>
      <c r="B146" s="11">
        <v>5025808</v>
      </c>
      <c r="C146" s="22" t="s">
        <v>505</v>
      </c>
      <c r="D146" s="3" t="s">
        <v>583</v>
      </c>
      <c r="E146" s="3" t="s">
        <v>100</v>
      </c>
      <c r="F146" s="3" t="s">
        <v>113</v>
      </c>
      <c r="G146" s="3" t="s">
        <v>105</v>
      </c>
      <c r="H146" s="3">
        <v>2019</v>
      </c>
      <c r="I146" s="3" t="s">
        <v>103</v>
      </c>
      <c r="J146" s="3" t="s">
        <v>506</v>
      </c>
      <c r="K146" s="35">
        <v>45092</v>
      </c>
      <c r="L146" s="3" t="s">
        <v>504</v>
      </c>
    </row>
    <row r="147" spans="1:12" x14ac:dyDescent="0.3">
      <c r="A147" s="11">
        <v>2391556</v>
      </c>
      <c r="B147" s="11">
        <v>5025808</v>
      </c>
      <c r="C147" s="22" t="s">
        <v>505</v>
      </c>
      <c r="D147" s="3" t="s">
        <v>157</v>
      </c>
      <c r="E147" s="3" t="s">
        <v>100</v>
      </c>
      <c r="F147" s="3" t="s">
        <v>113</v>
      </c>
      <c r="G147" s="3" t="s">
        <v>105</v>
      </c>
      <c r="H147" s="3">
        <v>2019</v>
      </c>
      <c r="I147" s="3" t="s">
        <v>103</v>
      </c>
      <c r="J147" s="3" t="s">
        <v>506</v>
      </c>
      <c r="K147" s="35">
        <v>45092</v>
      </c>
      <c r="L147" s="3" t="s">
        <v>504</v>
      </c>
    </row>
    <row r="148" spans="1:12" x14ac:dyDescent="0.3">
      <c r="A148" s="11">
        <v>2266806</v>
      </c>
      <c r="B148" s="11">
        <v>5025808</v>
      </c>
      <c r="C148" s="22" t="s">
        <v>505</v>
      </c>
      <c r="D148" s="3" t="s">
        <v>306</v>
      </c>
      <c r="E148" s="3" t="s">
        <v>100</v>
      </c>
      <c r="F148" s="3" t="s">
        <v>120</v>
      </c>
      <c r="G148" s="3" t="s">
        <v>105</v>
      </c>
      <c r="H148" s="3">
        <v>2019</v>
      </c>
      <c r="I148" s="3" t="s">
        <v>103</v>
      </c>
      <c r="J148" s="3" t="s">
        <v>506</v>
      </c>
      <c r="K148" s="35">
        <v>45092</v>
      </c>
      <c r="L148" s="3" t="s">
        <v>504</v>
      </c>
    </row>
    <row r="149" spans="1:12" x14ac:dyDescent="0.3">
      <c r="A149" s="11">
        <v>2320889</v>
      </c>
      <c r="B149" s="11">
        <v>5025808</v>
      </c>
      <c r="C149" s="22" t="s">
        <v>505</v>
      </c>
      <c r="D149" s="3" t="s">
        <v>584</v>
      </c>
      <c r="E149" s="3" t="s">
        <v>100</v>
      </c>
      <c r="F149" s="3" t="s">
        <v>120</v>
      </c>
      <c r="G149" s="3" t="s">
        <v>102</v>
      </c>
      <c r="H149" s="3">
        <v>2019</v>
      </c>
      <c r="I149" s="3" t="s">
        <v>103</v>
      </c>
      <c r="J149" s="3" t="s">
        <v>506</v>
      </c>
      <c r="K149" s="35">
        <v>45092</v>
      </c>
      <c r="L149" s="3" t="s">
        <v>504</v>
      </c>
    </row>
    <row r="150" spans="1:12" x14ac:dyDescent="0.3">
      <c r="A150" s="11">
        <v>2421435</v>
      </c>
      <c r="B150" s="11">
        <v>5025808</v>
      </c>
      <c r="C150" s="22" t="s">
        <v>505</v>
      </c>
      <c r="D150" s="3" t="s">
        <v>585</v>
      </c>
      <c r="E150" s="3" t="s">
        <v>100</v>
      </c>
      <c r="F150" s="3" t="s">
        <v>120</v>
      </c>
      <c r="G150" s="3" t="s">
        <v>105</v>
      </c>
      <c r="H150" s="3">
        <v>2019</v>
      </c>
      <c r="I150" s="3" t="s">
        <v>103</v>
      </c>
      <c r="J150" s="3" t="s">
        <v>506</v>
      </c>
      <c r="K150" s="35">
        <v>45092</v>
      </c>
      <c r="L150" s="3" t="s">
        <v>504</v>
      </c>
    </row>
    <row r="151" spans="1:12" x14ac:dyDescent="0.3">
      <c r="A151" s="11">
        <v>2397659</v>
      </c>
      <c r="B151" s="11">
        <v>4052136</v>
      </c>
      <c r="C151" s="22" t="str">
        <f>HYPERLINK("https://support.microsoft.com/kb/"&amp;B151)</f>
        <v>https://support.microsoft.com/kb/4052136</v>
      </c>
      <c r="D151" s="3" t="s">
        <v>317</v>
      </c>
      <c r="E151" s="3" t="s">
        <v>100</v>
      </c>
      <c r="F151" s="3" t="s">
        <v>137</v>
      </c>
      <c r="G151" s="3" t="s">
        <v>102</v>
      </c>
      <c r="H151" s="3">
        <v>2019</v>
      </c>
      <c r="I151" s="3" t="s">
        <v>103</v>
      </c>
      <c r="J151" s="3" t="s">
        <v>506</v>
      </c>
      <c r="K151" s="35">
        <v>45092</v>
      </c>
      <c r="L151" s="3" t="s">
        <v>504</v>
      </c>
    </row>
    <row r="152" spans="1:12" x14ac:dyDescent="0.3">
      <c r="A152" s="11">
        <v>2409008</v>
      </c>
      <c r="B152" s="11">
        <v>5025808</v>
      </c>
      <c r="C152" s="22" t="s">
        <v>505</v>
      </c>
      <c r="D152" s="3" t="s">
        <v>300</v>
      </c>
      <c r="E152" s="3" t="s">
        <v>100</v>
      </c>
      <c r="F152" s="3" t="s">
        <v>137</v>
      </c>
      <c r="G152" s="3" t="s">
        <v>105</v>
      </c>
      <c r="H152" s="3">
        <v>2019</v>
      </c>
      <c r="I152" s="3" t="s">
        <v>103</v>
      </c>
      <c r="J152" s="3" t="s">
        <v>506</v>
      </c>
      <c r="K152" s="35">
        <v>45092</v>
      </c>
      <c r="L152" s="3" t="s">
        <v>504</v>
      </c>
    </row>
    <row r="153" spans="1:12" x14ac:dyDescent="0.3">
      <c r="A153" s="11">
        <v>2330957</v>
      </c>
      <c r="B153" s="11">
        <v>5025808</v>
      </c>
      <c r="C153" s="22" t="s">
        <v>505</v>
      </c>
      <c r="D153" s="3" t="s">
        <v>234</v>
      </c>
      <c r="E153" s="3" t="s">
        <v>100</v>
      </c>
      <c r="F153" s="3" t="s">
        <v>100</v>
      </c>
      <c r="G153" s="3" t="s">
        <v>105</v>
      </c>
      <c r="H153" s="3">
        <v>2019</v>
      </c>
      <c r="I153" s="3" t="s">
        <v>103</v>
      </c>
      <c r="J153" s="3" t="s">
        <v>506</v>
      </c>
      <c r="K153" s="35">
        <v>45092</v>
      </c>
      <c r="L153" s="3" t="s">
        <v>504</v>
      </c>
    </row>
    <row r="154" spans="1:12" x14ac:dyDescent="0.3">
      <c r="A154" s="11">
        <v>2410400</v>
      </c>
      <c r="B154" s="11">
        <v>5025808</v>
      </c>
      <c r="C154" s="22" t="s">
        <v>505</v>
      </c>
      <c r="D154" s="3" t="s">
        <v>586</v>
      </c>
      <c r="E154" s="3" t="s">
        <v>100</v>
      </c>
      <c r="F154" s="3" t="s">
        <v>145</v>
      </c>
      <c r="G154" s="3" t="s">
        <v>105</v>
      </c>
      <c r="H154" s="3">
        <v>2019</v>
      </c>
      <c r="I154" s="3" t="s">
        <v>103</v>
      </c>
      <c r="J154" s="3" t="s">
        <v>506</v>
      </c>
      <c r="K154" s="35">
        <v>45092</v>
      </c>
      <c r="L154" s="3" t="s">
        <v>504</v>
      </c>
    </row>
    <row r="155" spans="1:12" x14ac:dyDescent="0.3">
      <c r="A155" s="11">
        <v>2204516</v>
      </c>
      <c r="B155" s="11">
        <v>5024276</v>
      </c>
      <c r="C155" s="22" t="str">
        <f>HYPERLINK("https://support.microsoft.com/kb/"&amp;B155)</f>
        <v>https://support.microsoft.com/kb/5024276</v>
      </c>
      <c r="D155" s="3" t="s">
        <v>587</v>
      </c>
      <c r="E155" s="3" t="s">
        <v>180</v>
      </c>
      <c r="F155" s="3" t="s">
        <v>180</v>
      </c>
      <c r="G155" s="3" t="s">
        <v>102</v>
      </c>
      <c r="H155" s="3">
        <v>2019</v>
      </c>
      <c r="I155" s="3" t="s">
        <v>103</v>
      </c>
      <c r="J155" s="3" t="s">
        <v>508</v>
      </c>
      <c r="K155" s="14">
        <v>45029</v>
      </c>
      <c r="L155" s="3" t="s">
        <v>507</v>
      </c>
    </row>
    <row r="156" spans="1:12" x14ac:dyDescent="0.3">
      <c r="A156" s="11">
        <v>2216357</v>
      </c>
      <c r="B156" s="11">
        <v>5024276</v>
      </c>
      <c r="C156" s="22" t="str">
        <f t="shared" ref="C156:C165" si="1">HYPERLINK("https://support.microsoft.com/kb/"&amp;B156)</f>
        <v>https://support.microsoft.com/kb/5024276</v>
      </c>
      <c r="D156" s="3" t="s">
        <v>588</v>
      </c>
      <c r="E156" s="3" t="s">
        <v>100</v>
      </c>
      <c r="F156" s="3" t="s">
        <v>113</v>
      </c>
      <c r="G156" s="3" t="s">
        <v>105</v>
      </c>
      <c r="H156" s="3">
        <v>2019</v>
      </c>
      <c r="I156" s="3" t="s">
        <v>103</v>
      </c>
      <c r="J156" s="3" t="s">
        <v>508</v>
      </c>
      <c r="K156" s="14">
        <v>45029</v>
      </c>
      <c r="L156" s="3" t="s">
        <v>507</v>
      </c>
    </row>
    <row r="157" spans="1:12" x14ac:dyDescent="0.3">
      <c r="A157" s="11">
        <v>2264977</v>
      </c>
      <c r="B157" s="11">
        <v>5024276</v>
      </c>
      <c r="C157" s="22" t="str">
        <f t="shared" si="1"/>
        <v>https://support.microsoft.com/kb/5024276</v>
      </c>
      <c r="D157" s="3" t="s">
        <v>390</v>
      </c>
      <c r="E157" s="3" t="s">
        <v>100</v>
      </c>
      <c r="F157" s="3" t="s">
        <v>113</v>
      </c>
      <c r="G157" s="3" t="s">
        <v>105</v>
      </c>
      <c r="H157" s="3">
        <v>2019</v>
      </c>
      <c r="I157" s="3" t="s">
        <v>103</v>
      </c>
      <c r="J157" s="3" t="s">
        <v>508</v>
      </c>
      <c r="K157" s="14">
        <v>45029</v>
      </c>
      <c r="L157" s="3" t="s">
        <v>507</v>
      </c>
    </row>
    <row r="158" spans="1:12" x14ac:dyDescent="0.3">
      <c r="A158" s="11">
        <v>2212160</v>
      </c>
      <c r="B158" s="11">
        <v>5024276</v>
      </c>
      <c r="C158" s="22" t="str">
        <f t="shared" si="1"/>
        <v>https://support.microsoft.com/kb/5024276</v>
      </c>
      <c r="D158" s="3" t="s">
        <v>392</v>
      </c>
      <c r="E158" s="3" t="s">
        <v>100</v>
      </c>
      <c r="F158" s="3" t="s">
        <v>120</v>
      </c>
      <c r="G158" s="3" t="s">
        <v>105</v>
      </c>
      <c r="H158" s="3">
        <v>2019</v>
      </c>
      <c r="I158" s="3" t="s">
        <v>103</v>
      </c>
      <c r="J158" s="3" t="s">
        <v>508</v>
      </c>
      <c r="K158" s="14">
        <v>45029</v>
      </c>
      <c r="L158" s="3" t="s">
        <v>507</v>
      </c>
    </row>
    <row r="159" spans="1:12" x14ac:dyDescent="0.3">
      <c r="A159" s="11">
        <v>2279650</v>
      </c>
      <c r="B159" s="11">
        <v>5024276</v>
      </c>
      <c r="C159" s="22" t="str">
        <f t="shared" si="1"/>
        <v>https://support.microsoft.com/kb/5024276</v>
      </c>
      <c r="D159" s="3" t="s">
        <v>375</v>
      </c>
      <c r="E159" s="3" t="s">
        <v>180</v>
      </c>
      <c r="F159" s="3" t="s">
        <v>180</v>
      </c>
      <c r="G159" s="3" t="s">
        <v>102</v>
      </c>
      <c r="H159" s="3">
        <v>2019</v>
      </c>
      <c r="I159" s="3" t="s">
        <v>103</v>
      </c>
      <c r="J159" s="3" t="s">
        <v>508</v>
      </c>
      <c r="K159" s="14">
        <v>45029</v>
      </c>
      <c r="L159" s="3" t="s">
        <v>507</v>
      </c>
    </row>
    <row r="160" spans="1:12" x14ac:dyDescent="0.3">
      <c r="A160" s="11">
        <v>2251105</v>
      </c>
      <c r="B160" s="11">
        <v>5024276</v>
      </c>
      <c r="C160" s="22" t="str">
        <f t="shared" si="1"/>
        <v>https://support.microsoft.com/kb/5024276</v>
      </c>
      <c r="D160" s="3" t="s">
        <v>589</v>
      </c>
      <c r="E160" s="3" t="s">
        <v>100</v>
      </c>
      <c r="F160" s="3" t="s">
        <v>579</v>
      </c>
      <c r="G160" s="3" t="s">
        <v>105</v>
      </c>
      <c r="H160" s="3">
        <v>2019</v>
      </c>
      <c r="I160" s="3" t="s">
        <v>103</v>
      </c>
      <c r="J160" s="3" t="s">
        <v>508</v>
      </c>
      <c r="K160" s="14">
        <v>45029</v>
      </c>
      <c r="L160" s="3" t="s">
        <v>507</v>
      </c>
    </row>
    <row r="161" spans="1:12" x14ac:dyDescent="0.3">
      <c r="A161" s="11">
        <v>2285519</v>
      </c>
      <c r="B161" s="11">
        <v>5024276</v>
      </c>
      <c r="C161" s="22" t="str">
        <f t="shared" si="1"/>
        <v>https://support.microsoft.com/kb/5024276</v>
      </c>
      <c r="D161" s="3" t="s">
        <v>377</v>
      </c>
      <c r="E161" s="3" t="s">
        <v>100</v>
      </c>
      <c r="F161" s="3" t="s">
        <v>579</v>
      </c>
      <c r="G161" s="3" t="s">
        <v>105</v>
      </c>
      <c r="H161" s="3">
        <v>2019</v>
      </c>
      <c r="I161" s="3" t="s">
        <v>103</v>
      </c>
      <c r="J161" s="3" t="s">
        <v>508</v>
      </c>
      <c r="K161" s="14">
        <v>45029</v>
      </c>
      <c r="L161" s="3" t="s">
        <v>507</v>
      </c>
    </row>
    <row r="162" spans="1:12" x14ac:dyDescent="0.3">
      <c r="A162" s="11">
        <v>2290381</v>
      </c>
      <c r="B162" s="11">
        <v>5024276</v>
      </c>
      <c r="C162" s="22" t="str">
        <f t="shared" si="1"/>
        <v>https://support.microsoft.com/kb/5024276</v>
      </c>
      <c r="D162" s="3" t="s">
        <v>353</v>
      </c>
      <c r="E162" s="3" t="s">
        <v>100</v>
      </c>
      <c r="F162" s="3" t="s">
        <v>123</v>
      </c>
      <c r="G162" s="3" t="s">
        <v>105</v>
      </c>
      <c r="H162" s="3">
        <v>2019</v>
      </c>
      <c r="I162" s="3" t="s">
        <v>103</v>
      </c>
      <c r="J162" s="3" t="s">
        <v>508</v>
      </c>
      <c r="K162" s="14">
        <v>45029</v>
      </c>
      <c r="L162" s="3" t="s">
        <v>507</v>
      </c>
    </row>
    <row r="163" spans="1:12" x14ac:dyDescent="0.3">
      <c r="A163" s="11">
        <v>2292999</v>
      </c>
      <c r="B163" s="11">
        <v>5024276</v>
      </c>
      <c r="C163" s="22" t="str">
        <f t="shared" si="1"/>
        <v>https://support.microsoft.com/kb/5024276</v>
      </c>
      <c r="D163" s="3" t="s">
        <v>356</v>
      </c>
      <c r="E163" s="3" t="s">
        <v>100</v>
      </c>
      <c r="F163" s="3" t="s">
        <v>127</v>
      </c>
      <c r="G163" s="3" t="s">
        <v>105</v>
      </c>
      <c r="H163" s="3">
        <v>2019</v>
      </c>
      <c r="I163" s="3" t="s">
        <v>103</v>
      </c>
      <c r="J163" s="3" t="s">
        <v>508</v>
      </c>
      <c r="K163" s="14">
        <v>45029</v>
      </c>
      <c r="L163" s="3" t="s">
        <v>507</v>
      </c>
    </row>
    <row r="164" spans="1:12" x14ac:dyDescent="0.3">
      <c r="A164" s="11">
        <v>2275387</v>
      </c>
      <c r="B164" s="11">
        <v>5024276</v>
      </c>
      <c r="C164" s="22" t="str">
        <f t="shared" si="1"/>
        <v>https://support.microsoft.com/kb/5024276</v>
      </c>
      <c r="D164" s="3" t="s">
        <v>590</v>
      </c>
      <c r="E164" s="3" t="s">
        <v>100</v>
      </c>
      <c r="F164" s="3" t="s">
        <v>127</v>
      </c>
      <c r="G164" s="3" t="s">
        <v>105</v>
      </c>
      <c r="H164" s="3">
        <v>2019</v>
      </c>
      <c r="I164" s="3" t="s">
        <v>103</v>
      </c>
      <c r="J164" s="3" t="s">
        <v>508</v>
      </c>
      <c r="K164" s="14">
        <v>45029</v>
      </c>
      <c r="L164" s="3" t="s">
        <v>507</v>
      </c>
    </row>
    <row r="165" spans="1:12" x14ac:dyDescent="0.3">
      <c r="A165" s="11">
        <v>2162863</v>
      </c>
      <c r="B165" s="11">
        <v>5024276</v>
      </c>
      <c r="C165" s="22" t="str">
        <f t="shared" si="1"/>
        <v>https://support.microsoft.com/kb/5024276</v>
      </c>
      <c r="D165" s="3" t="s">
        <v>252</v>
      </c>
      <c r="E165" s="3" t="s">
        <v>100</v>
      </c>
      <c r="F165" s="3" t="s">
        <v>127</v>
      </c>
      <c r="G165" s="3" t="s">
        <v>105</v>
      </c>
      <c r="H165" s="3">
        <v>2019</v>
      </c>
      <c r="I165" s="3" t="s">
        <v>103</v>
      </c>
      <c r="J165" s="3" t="s">
        <v>508</v>
      </c>
      <c r="K165" s="14">
        <v>45029</v>
      </c>
      <c r="L165" s="3" t="s">
        <v>507</v>
      </c>
    </row>
    <row r="166" spans="1:12" x14ac:dyDescent="0.3">
      <c r="A166" s="11">
        <v>2204764</v>
      </c>
      <c r="B166" s="11">
        <v>5024276</v>
      </c>
      <c r="C166" s="22" t="str">
        <f t="shared" ref="C166:C170" si="2">HYPERLINK("https://support.microsoft.com/kb/"&amp;B166)</f>
        <v>https://support.microsoft.com/kb/5024276</v>
      </c>
      <c r="D166" s="3" t="s">
        <v>355</v>
      </c>
      <c r="E166" s="3" t="s">
        <v>100</v>
      </c>
      <c r="F166" s="3" t="s">
        <v>127</v>
      </c>
      <c r="G166" s="3" t="s">
        <v>102</v>
      </c>
      <c r="H166" s="3">
        <v>2019</v>
      </c>
      <c r="I166" s="3" t="s">
        <v>103</v>
      </c>
      <c r="J166" s="3" t="s">
        <v>508</v>
      </c>
      <c r="K166" s="14">
        <v>45029</v>
      </c>
      <c r="L166" s="3" t="s">
        <v>507</v>
      </c>
    </row>
    <row r="167" spans="1:12" x14ac:dyDescent="0.3">
      <c r="A167" s="11">
        <v>2112485</v>
      </c>
      <c r="B167" s="11">
        <v>5024276</v>
      </c>
      <c r="C167" s="22" t="str">
        <f t="shared" si="2"/>
        <v>https://support.microsoft.com/kb/5024276</v>
      </c>
      <c r="D167" s="3" t="s">
        <v>591</v>
      </c>
      <c r="E167" s="3" t="s">
        <v>100</v>
      </c>
      <c r="F167" s="3" t="s">
        <v>113</v>
      </c>
      <c r="G167" s="3" t="s">
        <v>105</v>
      </c>
      <c r="H167" s="3">
        <v>2019</v>
      </c>
      <c r="I167" s="3" t="s">
        <v>103</v>
      </c>
      <c r="J167" s="3" t="s">
        <v>508</v>
      </c>
      <c r="K167" s="14">
        <v>45029</v>
      </c>
      <c r="L167" s="3" t="s">
        <v>507</v>
      </c>
    </row>
    <row r="168" spans="1:12" x14ac:dyDescent="0.3">
      <c r="A168" s="11">
        <v>2161795</v>
      </c>
      <c r="B168" s="11">
        <v>5024276</v>
      </c>
      <c r="C168" s="22" t="str">
        <f t="shared" si="2"/>
        <v>https://support.microsoft.com/kb/5024276</v>
      </c>
      <c r="D168" s="3" t="s">
        <v>592</v>
      </c>
      <c r="E168" s="3" t="s">
        <v>100</v>
      </c>
      <c r="F168" s="3" t="s">
        <v>113</v>
      </c>
      <c r="G168" s="3" t="s">
        <v>105</v>
      </c>
      <c r="H168" s="3">
        <v>2019</v>
      </c>
      <c r="I168" s="3" t="s">
        <v>103</v>
      </c>
      <c r="J168" s="3" t="s">
        <v>508</v>
      </c>
      <c r="K168" s="14">
        <v>45029</v>
      </c>
      <c r="L168" s="3" t="s">
        <v>507</v>
      </c>
    </row>
    <row r="169" spans="1:12" x14ac:dyDescent="0.3">
      <c r="A169" s="11">
        <v>2299078</v>
      </c>
      <c r="B169" s="11">
        <v>5024276</v>
      </c>
      <c r="C169" s="22" t="str">
        <f t="shared" si="2"/>
        <v>https://support.microsoft.com/kb/5024276</v>
      </c>
      <c r="D169" s="3" t="s">
        <v>364</v>
      </c>
      <c r="E169" s="3" t="s">
        <v>100</v>
      </c>
      <c r="F169" s="3" t="s">
        <v>113</v>
      </c>
      <c r="G169" s="3" t="s">
        <v>105</v>
      </c>
      <c r="H169" s="3">
        <v>2019</v>
      </c>
      <c r="I169" s="3" t="s">
        <v>103</v>
      </c>
      <c r="J169" s="3" t="s">
        <v>508</v>
      </c>
      <c r="K169" s="14">
        <v>45029</v>
      </c>
      <c r="L169" s="3" t="s">
        <v>507</v>
      </c>
    </row>
    <row r="170" spans="1:12" x14ac:dyDescent="0.3">
      <c r="A170" s="11">
        <v>2162994</v>
      </c>
      <c r="B170" s="11">
        <v>5024276</v>
      </c>
      <c r="C170" s="22" t="str">
        <f t="shared" si="2"/>
        <v>https://support.microsoft.com/kb/5024276</v>
      </c>
      <c r="D170" s="3" t="s">
        <v>384</v>
      </c>
      <c r="E170" s="3" t="s">
        <v>100</v>
      </c>
      <c r="F170" s="3" t="s">
        <v>120</v>
      </c>
      <c r="G170" s="3" t="s">
        <v>102</v>
      </c>
      <c r="H170" s="3">
        <v>2019</v>
      </c>
      <c r="I170" s="3" t="s">
        <v>103</v>
      </c>
      <c r="J170" s="3" t="s">
        <v>508</v>
      </c>
      <c r="K170" s="14">
        <v>45029</v>
      </c>
      <c r="L170" s="3" t="s">
        <v>507</v>
      </c>
    </row>
    <row r="171" spans="1:12" x14ac:dyDescent="0.3">
      <c r="A171" s="11">
        <v>2269819</v>
      </c>
      <c r="B171" s="11">
        <v>5024276</v>
      </c>
      <c r="C171" s="22" t="str">
        <f>HYPERLINK("https://support.microsoft.com/kb/"&amp;B171)</f>
        <v>https://support.microsoft.com/kb/5024276</v>
      </c>
      <c r="D171" s="3" t="s">
        <v>392</v>
      </c>
      <c r="E171" s="3" t="s">
        <v>100</v>
      </c>
      <c r="F171" s="3" t="s">
        <v>120</v>
      </c>
      <c r="G171" s="3" t="s">
        <v>105</v>
      </c>
      <c r="H171" s="3">
        <v>2019</v>
      </c>
      <c r="I171" s="3" t="s">
        <v>103</v>
      </c>
      <c r="J171" s="3" t="s">
        <v>508</v>
      </c>
      <c r="K171" s="14">
        <v>45029</v>
      </c>
      <c r="L171" s="3" t="s">
        <v>507</v>
      </c>
    </row>
    <row r="172" spans="1:12" x14ac:dyDescent="0.3">
      <c r="A172" s="11">
        <v>2255878</v>
      </c>
      <c r="B172" s="11">
        <v>5024276</v>
      </c>
      <c r="C172" s="22" t="str">
        <f t="shared" ref="C172:C175" si="3">HYPERLINK("https://support.microsoft.com/kb/"&amp;B172)</f>
        <v>https://support.microsoft.com/kb/5024276</v>
      </c>
      <c r="D172" s="3" t="s">
        <v>379</v>
      </c>
      <c r="E172" s="3" t="s">
        <v>380</v>
      </c>
      <c r="F172" s="3" t="s">
        <v>380</v>
      </c>
      <c r="G172" s="3" t="s">
        <v>102</v>
      </c>
      <c r="H172" s="3">
        <v>2019</v>
      </c>
      <c r="I172" s="3" t="s">
        <v>103</v>
      </c>
      <c r="J172" s="3" t="s">
        <v>508</v>
      </c>
      <c r="K172" s="14">
        <v>45029</v>
      </c>
      <c r="L172" s="3" t="s">
        <v>507</v>
      </c>
    </row>
    <row r="173" spans="1:12" x14ac:dyDescent="0.3">
      <c r="A173" s="11">
        <v>2128204</v>
      </c>
      <c r="B173" s="11">
        <v>5024276</v>
      </c>
      <c r="C173" s="22" t="str">
        <f t="shared" si="3"/>
        <v>https://support.microsoft.com/kb/5024276</v>
      </c>
      <c r="D173" s="3" t="s">
        <v>593</v>
      </c>
      <c r="E173" s="3" t="s">
        <v>100</v>
      </c>
      <c r="F173" s="3" t="s">
        <v>233</v>
      </c>
      <c r="G173" s="3" t="s">
        <v>102</v>
      </c>
      <c r="H173" s="3">
        <v>2019</v>
      </c>
      <c r="I173" s="3" t="s">
        <v>103</v>
      </c>
      <c r="J173" s="3" t="s">
        <v>508</v>
      </c>
      <c r="K173" s="14">
        <v>45029</v>
      </c>
      <c r="L173" s="3" t="s">
        <v>507</v>
      </c>
    </row>
    <row r="174" spans="1:12" x14ac:dyDescent="0.3">
      <c r="A174" s="11">
        <v>2268752</v>
      </c>
      <c r="B174" s="11">
        <v>5024276</v>
      </c>
      <c r="C174" s="22" t="str">
        <f t="shared" si="3"/>
        <v>https://support.microsoft.com/kb/5024276</v>
      </c>
      <c r="D174" s="3" t="s">
        <v>378</v>
      </c>
      <c r="E174" s="3" t="s">
        <v>100</v>
      </c>
      <c r="F174" s="3" t="s">
        <v>233</v>
      </c>
      <c r="G174" s="3" t="s">
        <v>105</v>
      </c>
      <c r="H174" s="3">
        <v>2019</v>
      </c>
      <c r="I174" s="3" t="s">
        <v>103</v>
      </c>
      <c r="J174" s="3" t="s">
        <v>508</v>
      </c>
      <c r="K174" s="14">
        <v>45029</v>
      </c>
      <c r="L174" s="3" t="s">
        <v>507</v>
      </c>
    </row>
    <row r="175" spans="1:12" x14ac:dyDescent="0.3">
      <c r="A175" s="11">
        <v>2284765</v>
      </c>
      <c r="B175" s="11">
        <v>5024276</v>
      </c>
      <c r="C175" s="22" t="str">
        <f t="shared" si="3"/>
        <v>https://support.microsoft.com/kb/5024276</v>
      </c>
      <c r="D175" s="3" t="s">
        <v>352</v>
      </c>
      <c r="E175" s="3" t="s">
        <v>178</v>
      </c>
      <c r="F175" s="3" t="s">
        <v>178</v>
      </c>
      <c r="G175" s="3" t="s">
        <v>102</v>
      </c>
      <c r="H175" s="3">
        <v>2019</v>
      </c>
      <c r="I175" s="3" t="s">
        <v>103</v>
      </c>
      <c r="J175" s="3" t="s">
        <v>508</v>
      </c>
      <c r="K175" s="14">
        <v>45029</v>
      </c>
      <c r="L175" s="3" t="s">
        <v>507</v>
      </c>
    </row>
    <row r="176" spans="1:12" x14ac:dyDescent="0.3">
      <c r="A176" s="11">
        <v>2021114</v>
      </c>
      <c r="B176" s="11">
        <v>5024352</v>
      </c>
      <c r="C176" s="9" t="s">
        <v>388</v>
      </c>
      <c r="D176" s="3" t="s">
        <v>594</v>
      </c>
      <c r="E176" s="3" t="s">
        <v>100</v>
      </c>
      <c r="F176" s="3" t="s">
        <v>193</v>
      </c>
      <c r="G176" s="3" t="s">
        <v>116</v>
      </c>
      <c r="H176" s="3">
        <v>2019</v>
      </c>
      <c r="I176" s="3" t="s">
        <v>103</v>
      </c>
      <c r="J176" s="3" t="s">
        <v>508</v>
      </c>
      <c r="K176" s="14">
        <v>45029</v>
      </c>
      <c r="L176" s="3" t="s">
        <v>507</v>
      </c>
    </row>
    <row r="177" spans="1:12" x14ac:dyDescent="0.3">
      <c r="A177" s="11">
        <v>2280420</v>
      </c>
      <c r="B177" s="11">
        <v>4538581</v>
      </c>
      <c r="C177" s="22" t="str">
        <f>HYPERLINK("https://support.microsoft.com/kb/"&amp;B177)</f>
        <v>https://support.microsoft.com/kb/4538581</v>
      </c>
      <c r="D177" s="3" t="s">
        <v>204</v>
      </c>
      <c r="E177" s="3" t="s">
        <v>100</v>
      </c>
      <c r="F177" s="3" t="s">
        <v>127</v>
      </c>
      <c r="G177" s="3" t="s">
        <v>105</v>
      </c>
      <c r="H177" s="3">
        <v>2019</v>
      </c>
      <c r="I177" s="3" t="s">
        <v>103</v>
      </c>
      <c r="J177" s="3" t="s">
        <v>508</v>
      </c>
      <c r="K177" s="14">
        <v>45029</v>
      </c>
      <c r="L177" s="3" t="s">
        <v>507</v>
      </c>
    </row>
    <row r="178" spans="1:12" x14ac:dyDescent="0.3">
      <c r="A178" s="11">
        <v>2292769</v>
      </c>
      <c r="B178" s="11">
        <v>4538581</v>
      </c>
      <c r="C178" s="22" t="str">
        <f>HYPERLINK("https://support.microsoft.com/kb/"&amp;B178)</f>
        <v>https://support.microsoft.com/kb/4538581</v>
      </c>
      <c r="D178" s="3" t="s">
        <v>204</v>
      </c>
      <c r="E178" s="3" t="s">
        <v>100</v>
      </c>
      <c r="F178" s="3" t="s">
        <v>127</v>
      </c>
      <c r="G178" s="3" t="s">
        <v>105</v>
      </c>
      <c r="H178" s="3">
        <v>2019</v>
      </c>
      <c r="I178" s="3" t="s">
        <v>103</v>
      </c>
      <c r="J178" s="3" t="s">
        <v>508</v>
      </c>
      <c r="K178" s="14">
        <v>45029</v>
      </c>
      <c r="L178" s="3" t="s">
        <v>507</v>
      </c>
    </row>
    <row r="179" spans="1:12" x14ac:dyDescent="0.3">
      <c r="A179" s="11">
        <v>1021159</v>
      </c>
      <c r="B179" s="11">
        <v>5023049</v>
      </c>
      <c r="C179" s="22" t="str">
        <f>HYPERLINK("https://support.microsoft.com/kb/"&amp;B179)</f>
        <v>https://support.microsoft.com/kb/5023049</v>
      </c>
      <c r="D179" s="3" t="s">
        <v>595</v>
      </c>
      <c r="E179" s="3" t="s">
        <v>100</v>
      </c>
      <c r="F179" s="3" t="s">
        <v>110</v>
      </c>
      <c r="G179" s="3" t="s">
        <v>105</v>
      </c>
      <c r="H179" s="3">
        <v>2019</v>
      </c>
      <c r="I179" s="3" t="s">
        <v>103</v>
      </c>
      <c r="J179" s="3" t="s">
        <v>510</v>
      </c>
      <c r="K179" s="14">
        <v>44973</v>
      </c>
      <c r="L179" s="3" t="s">
        <v>509</v>
      </c>
    </row>
    <row r="180" spans="1:12" x14ac:dyDescent="0.3">
      <c r="A180" s="11">
        <v>2122726</v>
      </c>
      <c r="B180" s="11">
        <v>5023049</v>
      </c>
      <c r="C180" s="22" t="str">
        <f t="shared" ref="C180:C223" si="4">HYPERLINK("https://support.microsoft.com/kb/"&amp;B180)</f>
        <v>https://support.microsoft.com/kb/5023049</v>
      </c>
      <c r="D180" s="3" t="s">
        <v>596</v>
      </c>
      <c r="E180" s="3" t="s">
        <v>100</v>
      </c>
      <c r="F180" s="3" t="s">
        <v>159</v>
      </c>
      <c r="G180" s="3" t="s">
        <v>105</v>
      </c>
      <c r="H180" s="3">
        <v>2019</v>
      </c>
      <c r="I180" s="3" t="s">
        <v>103</v>
      </c>
      <c r="J180" s="3" t="s">
        <v>510</v>
      </c>
      <c r="K180" s="14">
        <v>44973</v>
      </c>
      <c r="L180" s="3" t="s">
        <v>509</v>
      </c>
    </row>
    <row r="181" spans="1:12" x14ac:dyDescent="0.3">
      <c r="A181" s="11">
        <v>2086005</v>
      </c>
      <c r="B181" s="11">
        <v>5023049</v>
      </c>
      <c r="C181" s="22" t="str">
        <f t="shared" si="4"/>
        <v>https://support.microsoft.com/kb/5023049</v>
      </c>
      <c r="D181" s="3" t="s">
        <v>597</v>
      </c>
      <c r="E181" s="3" t="s">
        <v>100</v>
      </c>
      <c r="F181" s="3" t="s">
        <v>159</v>
      </c>
      <c r="G181" s="3" t="s">
        <v>105</v>
      </c>
      <c r="H181" s="3">
        <v>2019</v>
      </c>
      <c r="I181" s="3" t="s">
        <v>103</v>
      </c>
      <c r="J181" s="3" t="s">
        <v>510</v>
      </c>
      <c r="K181" s="14">
        <v>44973</v>
      </c>
      <c r="L181" s="3" t="s">
        <v>509</v>
      </c>
    </row>
    <row r="182" spans="1:12" x14ac:dyDescent="0.3">
      <c r="A182" s="11">
        <v>2122673</v>
      </c>
      <c r="B182" s="11">
        <v>5023049</v>
      </c>
      <c r="C182" s="22" t="str">
        <f t="shared" si="4"/>
        <v>https://support.microsoft.com/kb/5023049</v>
      </c>
      <c r="D182" s="3" t="s">
        <v>598</v>
      </c>
      <c r="E182" s="3" t="s">
        <v>100</v>
      </c>
      <c r="F182" s="3" t="s">
        <v>127</v>
      </c>
      <c r="G182" s="3" t="s">
        <v>105</v>
      </c>
      <c r="H182" s="3">
        <v>2019</v>
      </c>
      <c r="I182" s="3" t="s">
        <v>103</v>
      </c>
      <c r="J182" s="3" t="s">
        <v>510</v>
      </c>
      <c r="K182" s="14">
        <v>44973</v>
      </c>
      <c r="L182" s="3" t="s">
        <v>509</v>
      </c>
    </row>
    <row r="183" spans="1:12" x14ac:dyDescent="0.3">
      <c r="A183" s="11">
        <v>2162840</v>
      </c>
      <c r="B183" s="11">
        <v>5023049</v>
      </c>
      <c r="C183" s="22" t="str">
        <f t="shared" si="4"/>
        <v>https://support.microsoft.com/kb/5023049</v>
      </c>
      <c r="D183" s="3" t="s">
        <v>396</v>
      </c>
      <c r="E183" s="3" t="s">
        <v>100</v>
      </c>
      <c r="F183" s="3" t="s">
        <v>127</v>
      </c>
      <c r="G183" s="3" t="s">
        <v>105</v>
      </c>
      <c r="H183" s="3">
        <v>2019</v>
      </c>
      <c r="I183" s="3" t="s">
        <v>103</v>
      </c>
      <c r="J183" s="3" t="s">
        <v>510</v>
      </c>
      <c r="K183" s="14">
        <v>44973</v>
      </c>
      <c r="L183" s="3" t="s">
        <v>509</v>
      </c>
    </row>
    <row r="184" spans="1:12" x14ac:dyDescent="0.3">
      <c r="A184" s="11">
        <v>2021484</v>
      </c>
      <c r="B184" s="11">
        <v>5023049</v>
      </c>
      <c r="C184" s="22" t="str">
        <f t="shared" si="4"/>
        <v>https://support.microsoft.com/kb/5023049</v>
      </c>
      <c r="D184" s="3" t="s">
        <v>599</v>
      </c>
      <c r="E184" s="3" t="s">
        <v>100</v>
      </c>
      <c r="F184" s="3" t="s">
        <v>100</v>
      </c>
      <c r="G184" s="3" t="s">
        <v>105</v>
      </c>
      <c r="H184" s="3">
        <v>2019</v>
      </c>
      <c r="I184" s="3" t="s">
        <v>103</v>
      </c>
      <c r="J184" s="3" t="s">
        <v>510</v>
      </c>
      <c r="K184" s="14">
        <v>44973</v>
      </c>
      <c r="L184" s="3" t="s">
        <v>509</v>
      </c>
    </row>
    <row r="185" spans="1:12" x14ac:dyDescent="0.3">
      <c r="A185" s="11">
        <v>2116382</v>
      </c>
      <c r="B185" s="11">
        <v>5023049</v>
      </c>
      <c r="C185" s="22" t="str">
        <f t="shared" si="4"/>
        <v>https://support.microsoft.com/kb/5023049</v>
      </c>
      <c r="D185" s="3" t="s">
        <v>410</v>
      </c>
      <c r="E185" s="3" t="s">
        <v>100</v>
      </c>
      <c r="F185" s="3" t="s">
        <v>127</v>
      </c>
      <c r="G185" s="3" t="s">
        <v>105</v>
      </c>
      <c r="H185" s="3">
        <v>2019</v>
      </c>
      <c r="I185" s="3" t="s">
        <v>103</v>
      </c>
      <c r="J185" s="3" t="s">
        <v>510</v>
      </c>
      <c r="K185" s="14">
        <v>44973</v>
      </c>
      <c r="L185" s="3" t="s">
        <v>509</v>
      </c>
    </row>
    <row r="186" spans="1:12" x14ac:dyDescent="0.3">
      <c r="A186" s="11">
        <v>1943179</v>
      </c>
      <c r="B186" s="11">
        <v>5023049</v>
      </c>
      <c r="C186" s="22" t="str">
        <f t="shared" si="4"/>
        <v>https://support.microsoft.com/kb/5023049</v>
      </c>
      <c r="D186" s="3" t="s">
        <v>600</v>
      </c>
      <c r="E186" s="3" t="s">
        <v>100</v>
      </c>
      <c r="F186" s="3" t="s">
        <v>101</v>
      </c>
      <c r="G186" s="3" t="s">
        <v>105</v>
      </c>
      <c r="H186" s="3">
        <v>2019</v>
      </c>
      <c r="I186" s="3" t="s">
        <v>103</v>
      </c>
      <c r="J186" s="3" t="s">
        <v>510</v>
      </c>
      <c r="K186" s="14">
        <v>44973</v>
      </c>
      <c r="L186" s="3" t="s">
        <v>509</v>
      </c>
    </row>
    <row r="187" spans="1:12" x14ac:dyDescent="0.3">
      <c r="A187" s="11">
        <v>1990621</v>
      </c>
      <c r="B187" s="11">
        <v>5023049</v>
      </c>
      <c r="C187" s="22" t="str">
        <f t="shared" si="4"/>
        <v>https://support.microsoft.com/kb/5023049</v>
      </c>
      <c r="D187" s="3" t="s">
        <v>601</v>
      </c>
      <c r="E187" s="3" t="s">
        <v>100</v>
      </c>
      <c r="F187" s="3" t="s">
        <v>101</v>
      </c>
      <c r="G187" s="3" t="s">
        <v>105</v>
      </c>
      <c r="H187" s="3">
        <v>2019</v>
      </c>
      <c r="I187" s="3" t="s">
        <v>103</v>
      </c>
      <c r="J187" s="3" t="s">
        <v>510</v>
      </c>
      <c r="K187" s="14">
        <v>44973</v>
      </c>
      <c r="L187" s="3" t="s">
        <v>509</v>
      </c>
    </row>
    <row r="188" spans="1:12" s="2" customFormat="1" x14ac:dyDescent="0.3">
      <c r="A188" s="11">
        <v>2114705</v>
      </c>
      <c r="B188" s="11">
        <v>5023049</v>
      </c>
      <c r="C188" s="22" t="str">
        <f t="shared" si="4"/>
        <v>https://support.microsoft.com/kb/5023049</v>
      </c>
      <c r="D188" s="3" t="s">
        <v>400</v>
      </c>
      <c r="E188" s="3" t="s">
        <v>100</v>
      </c>
      <c r="F188" s="3" t="s">
        <v>123</v>
      </c>
      <c r="G188" s="3" t="s">
        <v>105</v>
      </c>
      <c r="H188" s="3">
        <v>2019</v>
      </c>
      <c r="I188" s="3" t="s">
        <v>103</v>
      </c>
      <c r="J188" s="3" t="s">
        <v>510</v>
      </c>
      <c r="K188" s="14">
        <v>44973</v>
      </c>
      <c r="L188" s="3" t="s">
        <v>509</v>
      </c>
    </row>
    <row r="189" spans="1:12" s="2" customFormat="1" x14ac:dyDescent="0.3">
      <c r="A189" s="11">
        <v>2134470</v>
      </c>
      <c r="B189" s="11">
        <v>5023049</v>
      </c>
      <c r="C189" s="22" t="str">
        <f t="shared" si="4"/>
        <v>https://support.microsoft.com/kb/5023049</v>
      </c>
      <c r="D189" s="3" t="s">
        <v>602</v>
      </c>
      <c r="E189" s="3" t="s">
        <v>100</v>
      </c>
      <c r="F189" s="3" t="s">
        <v>123</v>
      </c>
      <c r="G189" s="3" t="s">
        <v>105</v>
      </c>
      <c r="H189" s="3">
        <v>2019</v>
      </c>
      <c r="I189" s="3" t="s">
        <v>103</v>
      </c>
      <c r="J189" s="3" t="s">
        <v>510</v>
      </c>
      <c r="K189" s="14">
        <v>44973</v>
      </c>
      <c r="L189" s="3" t="s">
        <v>509</v>
      </c>
    </row>
    <row r="190" spans="1:12" x14ac:dyDescent="0.3">
      <c r="A190" s="11">
        <v>2069963</v>
      </c>
      <c r="B190" s="11">
        <v>5023049</v>
      </c>
      <c r="C190" s="22" t="str">
        <f t="shared" si="4"/>
        <v>https://support.microsoft.com/kb/5023049</v>
      </c>
      <c r="D190" s="3" t="s">
        <v>438</v>
      </c>
      <c r="E190" s="3" t="s">
        <v>100</v>
      </c>
      <c r="F190" s="3" t="s">
        <v>233</v>
      </c>
      <c r="G190" s="3" t="s">
        <v>105</v>
      </c>
      <c r="H190" s="3">
        <v>2019</v>
      </c>
      <c r="I190" s="3" t="s">
        <v>103</v>
      </c>
      <c r="J190" s="3" t="s">
        <v>510</v>
      </c>
      <c r="K190" s="14">
        <v>44973</v>
      </c>
      <c r="L190" s="3" t="s">
        <v>509</v>
      </c>
    </row>
    <row r="191" spans="1:12" x14ac:dyDescent="0.3">
      <c r="A191" s="11">
        <v>2153945</v>
      </c>
      <c r="B191" s="11">
        <v>5023049</v>
      </c>
      <c r="C191" s="22" t="str">
        <f t="shared" si="4"/>
        <v>https://support.microsoft.com/kb/5023049</v>
      </c>
      <c r="D191" s="3" t="s">
        <v>603</v>
      </c>
      <c r="E191" s="3" t="s">
        <v>100</v>
      </c>
      <c r="F191" s="3" t="s">
        <v>233</v>
      </c>
      <c r="G191" s="3" t="s">
        <v>105</v>
      </c>
      <c r="H191" s="3">
        <v>2019</v>
      </c>
      <c r="I191" s="3" t="s">
        <v>103</v>
      </c>
      <c r="J191" s="3" t="s">
        <v>510</v>
      </c>
      <c r="K191" s="14">
        <v>44973</v>
      </c>
      <c r="L191" s="3" t="s">
        <v>509</v>
      </c>
    </row>
    <row r="192" spans="1:12" x14ac:dyDescent="0.3">
      <c r="A192" s="11">
        <v>2044132</v>
      </c>
      <c r="B192" s="11">
        <v>5023049</v>
      </c>
      <c r="C192" s="22" t="str">
        <f t="shared" si="4"/>
        <v>https://support.microsoft.com/kb/5023049</v>
      </c>
      <c r="D192" s="3" t="s">
        <v>604</v>
      </c>
      <c r="E192" s="3" t="s">
        <v>100</v>
      </c>
      <c r="F192" s="3" t="s">
        <v>101</v>
      </c>
      <c r="G192" s="3" t="s">
        <v>105</v>
      </c>
      <c r="H192" s="3">
        <v>2019</v>
      </c>
      <c r="I192" s="3" t="s">
        <v>103</v>
      </c>
      <c r="J192" s="3" t="s">
        <v>510</v>
      </c>
      <c r="K192" s="14">
        <v>44973</v>
      </c>
      <c r="L192" s="3" t="s">
        <v>509</v>
      </c>
    </row>
    <row r="193" spans="1:12" x14ac:dyDescent="0.3">
      <c r="A193" s="11">
        <v>2025412</v>
      </c>
      <c r="B193" s="11">
        <v>5023049</v>
      </c>
      <c r="C193" s="22" t="str">
        <f t="shared" si="4"/>
        <v>https://support.microsoft.com/kb/5023049</v>
      </c>
      <c r="D193" s="3" t="s">
        <v>605</v>
      </c>
      <c r="E193" s="3" t="s">
        <v>100</v>
      </c>
      <c r="F193" s="3" t="s">
        <v>101</v>
      </c>
      <c r="G193" s="3" t="s">
        <v>102</v>
      </c>
      <c r="H193" s="3">
        <v>2019</v>
      </c>
      <c r="I193" s="3" t="s">
        <v>103</v>
      </c>
      <c r="J193" s="3" t="s">
        <v>510</v>
      </c>
      <c r="K193" s="14">
        <v>44973</v>
      </c>
      <c r="L193" s="3" t="s">
        <v>509</v>
      </c>
    </row>
    <row r="194" spans="1:12" x14ac:dyDescent="0.3">
      <c r="A194" s="11">
        <v>1992694</v>
      </c>
      <c r="B194" s="11">
        <v>5023049</v>
      </c>
      <c r="C194" s="22" t="str">
        <f t="shared" si="4"/>
        <v>https://support.microsoft.com/kb/5023049</v>
      </c>
      <c r="D194" s="3" t="s">
        <v>606</v>
      </c>
      <c r="E194" s="3" t="s">
        <v>100</v>
      </c>
      <c r="F194" s="3" t="s">
        <v>101</v>
      </c>
      <c r="G194" s="3" t="s">
        <v>102</v>
      </c>
      <c r="H194" s="3">
        <v>2019</v>
      </c>
      <c r="I194" s="3" t="s">
        <v>103</v>
      </c>
      <c r="J194" s="3" t="s">
        <v>510</v>
      </c>
      <c r="K194" s="14">
        <v>44973</v>
      </c>
      <c r="L194" s="3" t="s">
        <v>509</v>
      </c>
    </row>
    <row r="195" spans="1:12" x14ac:dyDescent="0.3">
      <c r="A195" s="11">
        <v>2023266</v>
      </c>
      <c r="B195" s="11">
        <v>5023049</v>
      </c>
      <c r="C195" s="22" t="str">
        <f t="shared" si="4"/>
        <v>https://support.microsoft.com/kb/5023049</v>
      </c>
      <c r="D195" s="3" t="s">
        <v>607</v>
      </c>
      <c r="E195" s="3" t="s">
        <v>100</v>
      </c>
      <c r="F195" s="3" t="s">
        <v>233</v>
      </c>
      <c r="G195" s="3" t="s">
        <v>105</v>
      </c>
      <c r="H195" s="3">
        <v>2019</v>
      </c>
      <c r="I195" s="3" t="s">
        <v>103</v>
      </c>
      <c r="J195" s="3" t="s">
        <v>510</v>
      </c>
      <c r="K195" s="14">
        <v>44973</v>
      </c>
      <c r="L195" s="3" t="s">
        <v>509</v>
      </c>
    </row>
    <row r="196" spans="1:12" x14ac:dyDescent="0.3">
      <c r="A196" s="11">
        <v>2012343</v>
      </c>
      <c r="B196" s="11">
        <v>5023049</v>
      </c>
      <c r="C196" s="22" t="str">
        <f t="shared" si="4"/>
        <v>https://support.microsoft.com/kb/5023049</v>
      </c>
      <c r="D196" s="3" t="s">
        <v>608</v>
      </c>
      <c r="E196" s="3" t="s">
        <v>107</v>
      </c>
      <c r="F196" s="3" t="s">
        <v>193</v>
      </c>
      <c r="G196" s="3" t="s">
        <v>105</v>
      </c>
      <c r="H196" s="3">
        <v>2019</v>
      </c>
      <c r="I196" s="3" t="s">
        <v>103</v>
      </c>
      <c r="J196" s="3" t="s">
        <v>510</v>
      </c>
      <c r="K196" s="14">
        <v>44973</v>
      </c>
      <c r="L196" s="3" t="s">
        <v>509</v>
      </c>
    </row>
    <row r="197" spans="1:12" x14ac:dyDescent="0.3">
      <c r="A197" s="11">
        <v>2116348</v>
      </c>
      <c r="B197" s="11">
        <v>5023049</v>
      </c>
      <c r="C197" s="22" t="str">
        <f t="shared" si="4"/>
        <v>https://support.microsoft.com/kb/5023049</v>
      </c>
      <c r="D197" s="3" t="s">
        <v>609</v>
      </c>
      <c r="E197" s="3" t="s">
        <v>100</v>
      </c>
      <c r="F197" s="3" t="s">
        <v>159</v>
      </c>
      <c r="G197" s="3" t="s">
        <v>102</v>
      </c>
      <c r="H197" s="3">
        <v>2019</v>
      </c>
      <c r="I197" s="3" t="s">
        <v>103</v>
      </c>
      <c r="J197" s="3" t="s">
        <v>510</v>
      </c>
      <c r="K197" s="14">
        <v>44973</v>
      </c>
      <c r="L197" s="3" t="s">
        <v>509</v>
      </c>
    </row>
    <row r="198" spans="1:12" x14ac:dyDescent="0.3">
      <c r="A198" s="11">
        <v>2068768</v>
      </c>
      <c r="B198" s="11">
        <v>5023049</v>
      </c>
      <c r="C198" s="22" t="str">
        <f t="shared" si="4"/>
        <v>https://support.microsoft.com/kb/5023049</v>
      </c>
      <c r="D198" s="3" t="s">
        <v>447</v>
      </c>
      <c r="E198" s="3" t="s">
        <v>100</v>
      </c>
      <c r="F198" s="3" t="s">
        <v>120</v>
      </c>
      <c r="G198" s="3" t="s">
        <v>105</v>
      </c>
      <c r="H198" s="3">
        <v>2019</v>
      </c>
      <c r="I198" s="3" t="s">
        <v>103</v>
      </c>
      <c r="J198" s="3" t="s">
        <v>510</v>
      </c>
      <c r="K198" s="14">
        <v>44973</v>
      </c>
      <c r="L198" s="3" t="s">
        <v>509</v>
      </c>
    </row>
    <row r="199" spans="1:12" x14ac:dyDescent="0.3">
      <c r="A199" s="11">
        <v>2151106</v>
      </c>
      <c r="B199" s="11">
        <v>5023049</v>
      </c>
      <c r="C199" s="22" t="str">
        <f t="shared" si="4"/>
        <v>https://support.microsoft.com/kb/5023049</v>
      </c>
      <c r="D199" s="3" t="s">
        <v>429</v>
      </c>
      <c r="E199" s="3" t="s">
        <v>100</v>
      </c>
      <c r="F199" s="3" t="s">
        <v>120</v>
      </c>
      <c r="G199" s="3" t="s">
        <v>105</v>
      </c>
      <c r="H199" s="3">
        <v>2019</v>
      </c>
      <c r="I199" s="3" t="s">
        <v>103</v>
      </c>
      <c r="J199" s="3" t="s">
        <v>510</v>
      </c>
      <c r="K199" s="14">
        <v>44973</v>
      </c>
      <c r="L199" s="3" t="s">
        <v>509</v>
      </c>
    </row>
    <row r="200" spans="1:12" x14ac:dyDescent="0.3">
      <c r="A200" s="11">
        <v>2086544</v>
      </c>
      <c r="B200" s="11">
        <v>5023049</v>
      </c>
      <c r="C200" s="22" t="str">
        <f t="shared" si="4"/>
        <v>https://support.microsoft.com/kb/5023049</v>
      </c>
      <c r="D200" s="3" t="s">
        <v>610</v>
      </c>
      <c r="E200" s="3" t="s">
        <v>100</v>
      </c>
      <c r="F200" s="3" t="s">
        <v>120</v>
      </c>
      <c r="G200" s="3" t="s">
        <v>105</v>
      </c>
      <c r="H200" s="3">
        <v>2019</v>
      </c>
      <c r="I200" s="3" t="s">
        <v>103</v>
      </c>
      <c r="J200" s="3" t="s">
        <v>510</v>
      </c>
      <c r="K200" s="14">
        <v>44973</v>
      </c>
      <c r="L200" s="3" t="s">
        <v>509</v>
      </c>
    </row>
    <row r="201" spans="1:12" x14ac:dyDescent="0.3">
      <c r="A201" s="11">
        <v>2133575</v>
      </c>
      <c r="B201" s="11">
        <v>5023049</v>
      </c>
      <c r="C201" s="22" t="str">
        <f t="shared" si="4"/>
        <v>https://support.microsoft.com/kb/5023049</v>
      </c>
      <c r="D201" s="3" t="s">
        <v>422</v>
      </c>
      <c r="E201" s="3" t="s">
        <v>100</v>
      </c>
      <c r="F201" s="3" t="s">
        <v>120</v>
      </c>
      <c r="G201" s="3" t="s">
        <v>105</v>
      </c>
      <c r="H201" s="3">
        <v>2019</v>
      </c>
      <c r="I201" s="3" t="s">
        <v>103</v>
      </c>
      <c r="J201" s="3" t="s">
        <v>510</v>
      </c>
      <c r="K201" s="14">
        <v>44973</v>
      </c>
      <c r="L201" s="3" t="s">
        <v>509</v>
      </c>
    </row>
    <row r="202" spans="1:12" x14ac:dyDescent="0.3">
      <c r="A202" s="11">
        <v>2123502</v>
      </c>
      <c r="B202" s="11">
        <v>5023049</v>
      </c>
      <c r="C202" s="22" t="str">
        <f t="shared" si="4"/>
        <v>https://support.microsoft.com/kb/5023049</v>
      </c>
      <c r="D202" s="3" t="s">
        <v>611</v>
      </c>
      <c r="E202" s="3" t="s">
        <v>100</v>
      </c>
      <c r="F202" s="3" t="s">
        <v>159</v>
      </c>
      <c r="G202" s="3" t="s">
        <v>102</v>
      </c>
      <c r="H202" s="3">
        <v>2019</v>
      </c>
      <c r="I202" s="3" t="s">
        <v>103</v>
      </c>
      <c r="J202" s="3" t="s">
        <v>510</v>
      </c>
      <c r="K202" s="14">
        <v>44973</v>
      </c>
      <c r="L202" s="3" t="s">
        <v>509</v>
      </c>
    </row>
    <row r="203" spans="1:12" x14ac:dyDescent="0.3">
      <c r="A203" s="11">
        <v>2030140</v>
      </c>
      <c r="B203" s="11">
        <v>5023049</v>
      </c>
      <c r="C203" s="22" t="str">
        <f t="shared" si="4"/>
        <v>https://support.microsoft.com/kb/5023049</v>
      </c>
      <c r="D203" s="3" t="s">
        <v>612</v>
      </c>
      <c r="E203" s="3" t="s">
        <v>107</v>
      </c>
      <c r="F203" s="3" t="s">
        <v>118</v>
      </c>
      <c r="G203" s="3" t="s">
        <v>102</v>
      </c>
      <c r="H203" s="3">
        <v>2019</v>
      </c>
      <c r="I203" s="3" t="s">
        <v>103</v>
      </c>
      <c r="J203" s="3" t="s">
        <v>510</v>
      </c>
      <c r="K203" s="14">
        <v>44973</v>
      </c>
      <c r="L203" s="3" t="s">
        <v>509</v>
      </c>
    </row>
    <row r="204" spans="1:12" x14ac:dyDescent="0.3">
      <c r="A204" s="11">
        <v>2047657</v>
      </c>
      <c r="B204" s="11">
        <v>5023049</v>
      </c>
      <c r="C204" s="22" t="str">
        <f t="shared" si="4"/>
        <v>https://support.microsoft.com/kb/5023049</v>
      </c>
      <c r="D204" s="3" t="s">
        <v>613</v>
      </c>
      <c r="E204" s="3" t="s">
        <v>100</v>
      </c>
      <c r="F204" s="3" t="s">
        <v>120</v>
      </c>
      <c r="G204" s="3" t="s">
        <v>105</v>
      </c>
      <c r="H204" s="3">
        <v>2019</v>
      </c>
      <c r="I204" s="3" t="s">
        <v>103</v>
      </c>
      <c r="J204" s="3" t="s">
        <v>510</v>
      </c>
      <c r="K204" s="14">
        <v>44973</v>
      </c>
      <c r="L204" s="3" t="s">
        <v>509</v>
      </c>
    </row>
    <row r="205" spans="1:12" x14ac:dyDescent="0.3">
      <c r="A205" s="11">
        <v>2104413</v>
      </c>
      <c r="B205" s="11">
        <v>5023049</v>
      </c>
      <c r="C205" s="22" t="str">
        <f t="shared" si="4"/>
        <v>https://support.microsoft.com/kb/5023049</v>
      </c>
      <c r="D205" s="3" t="s">
        <v>434</v>
      </c>
      <c r="E205" s="3" t="s">
        <v>100</v>
      </c>
      <c r="F205" s="3" t="s">
        <v>120</v>
      </c>
      <c r="G205" s="3" t="s">
        <v>102</v>
      </c>
      <c r="H205" s="3">
        <v>2019</v>
      </c>
      <c r="I205" s="3" t="s">
        <v>103</v>
      </c>
      <c r="J205" s="3" t="s">
        <v>510</v>
      </c>
      <c r="K205" s="14">
        <v>44973</v>
      </c>
      <c r="L205" s="3" t="s">
        <v>509</v>
      </c>
    </row>
    <row r="206" spans="1:12" x14ac:dyDescent="0.3">
      <c r="A206" s="11">
        <v>2129325</v>
      </c>
      <c r="B206" s="11">
        <v>5023049</v>
      </c>
      <c r="C206" s="22" t="str">
        <f t="shared" si="4"/>
        <v>https://support.microsoft.com/kb/5023049</v>
      </c>
      <c r="D206" s="3" t="s">
        <v>614</v>
      </c>
      <c r="E206" s="3" t="s">
        <v>100</v>
      </c>
      <c r="F206" s="3" t="s">
        <v>139</v>
      </c>
      <c r="G206" s="3" t="s">
        <v>105</v>
      </c>
      <c r="H206" s="3">
        <v>2019</v>
      </c>
      <c r="I206" s="3" t="s">
        <v>103</v>
      </c>
      <c r="J206" s="3" t="s">
        <v>510</v>
      </c>
      <c r="K206" s="14">
        <v>44973</v>
      </c>
      <c r="L206" s="3" t="s">
        <v>509</v>
      </c>
    </row>
    <row r="207" spans="1:12" x14ac:dyDescent="0.3">
      <c r="A207" s="11">
        <v>308163385</v>
      </c>
      <c r="B207" s="11">
        <v>5023049</v>
      </c>
      <c r="C207" s="22" t="str">
        <f>HYPERLINK("https://support.microsoft.com/kb/"&amp;B207)</f>
        <v>https://support.microsoft.com/kb/5023049</v>
      </c>
      <c r="D207" s="3" t="s">
        <v>615</v>
      </c>
      <c r="E207" s="3" t="s">
        <v>100</v>
      </c>
      <c r="F207" s="3" t="s">
        <v>579</v>
      </c>
      <c r="G207" s="3" t="s">
        <v>105</v>
      </c>
      <c r="H207" s="3">
        <v>2019</v>
      </c>
      <c r="I207" s="3" t="s">
        <v>103</v>
      </c>
      <c r="J207" s="3" t="s">
        <v>510</v>
      </c>
      <c r="K207" s="14">
        <v>44973</v>
      </c>
      <c r="L207" s="3" t="s">
        <v>509</v>
      </c>
    </row>
    <row r="208" spans="1:12" x14ac:dyDescent="0.3">
      <c r="A208" s="11">
        <v>2145226</v>
      </c>
      <c r="B208" s="11">
        <v>5023049</v>
      </c>
      <c r="C208" s="22" t="str">
        <f t="shared" si="4"/>
        <v>https://support.microsoft.com/kb/5023049</v>
      </c>
      <c r="D208" s="3" t="s">
        <v>616</v>
      </c>
      <c r="E208" s="3" t="s">
        <v>100</v>
      </c>
      <c r="F208" s="3" t="s">
        <v>120</v>
      </c>
      <c r="G208" s="3" t="s">
        <v>105</v>
      </c>
      <c r="H208" s="3">
        <v>2019</v>
      </c>
      <c r="I208" s="3" t="s">
        <v>103</v>
      </c>
      <c r="J208" s="3" t="s">
        <v>510</v>
      </c>
      <c r="K208" s="14">
        <v>44973</v>
      </c>
      <c r="L208" s="3" t="s">
        <v>509</v>
      </c>
    </row>
    <row r="209" spans="1:12" x14ac:dyDescent="0.3">
      <c r="A209" s="11">
        <v>2034115</v>
      </c>
      <c r="B209" s="11">
        <v>5023049</v>
      </c>
      <c r="C209" s="22" t="str">
        <f t="shared" si="4"/>
        <v>https://support.microsoft.com/kb/5023049</v>
      </c>
      <c r="D209" s="3" t="s">
        <v>617</v>
      </c>
      <c r="E209" s="3" t="s">
        <v>100</v>
      </c>
      <c r="F209" s="3" t="s">
        <v>127</v>
      </c>
      <c r="G209" s="3" t="s">
        <v>105</v>
      </c>
      <c r="H209" s="3">
        <v>2019</v>
      </c>
      <c r="I209" s="3" t="s">
        <v>103</v>
      </c>
      <c r="J209" s="3" t="s">
        <v>510</v>
      </c>
      <c r="K209" s="14">
        <v>44973</v>
      </c>
      <c r="L209" s="3" t="s">
        <v>509</v>
      </c>
    </row>
    <row r="210" spans="1:12" x14ac:dyDescent="0.3">
      <c r="A210" s="11">
        <v>2139793</v>
      </c>
      <c r="B210" s="11">
        <v>5023049</v>
      </c>
      <c r="C210" s="22" t="str">
        <f t="shared" si="4"/>
        <v>https://support.microsoft.com/kb/5023049</v>
      </c>
      <c r="D210" s="3" t="s">
        <v>417</v>
      </c>
      <c r="E210" s="3" t="s">
        <v>100</v>
      </c>
      <c r="F210" s="3" t="s">
        <v>127</v>
      </c>
      <c r="G210" s="3" t="s">
        <v>105</v>
      </c>
      <c r="H210" s="3">
        <v>2019</v>
      </c>
      <c r="I210" s="3" t="s">
        <v>103</v>
      </c>
      <c r="J210" s="3" t="s">
        <v>510</v>
      </c>
      <c r="K210" s="14">
        <v>44973</v>
      </c>
      <c r="L210" s="3" t="s">
        <v>509</v>
      </c>
    </row>
    <row r="211" spans="1:12" x14ac:dyDescent="0.3">
      <c r="A211" s="11">
        <v>2061830</v>
      </c>
      <c r="B211" s="11">
        <v>5023049</v>
      </c>
      <c r="C211" s="22" t="str">
        <f t="shared" si="4"/>
        <v>https://support.microsoft.com/kb/5023049</v>
      </c>
      <c r="D211" s="3" t="s">
        <v>618</v>
      </c>
      <c r="E211" s="3" t="s">
        <v>100</v>
      </c>
      <c r="F211" s="3" t="s">
        <v>127</v>
      </c>
      <c r="G211" s="3" t="s">
        <v>105</v>
      </c>
      <c r="H211" s="3">
        <v>2019</v>
      </c>
      <c r="I211" s="3" t="s">
        <v>103</v>
      </c>
      <c r="J211" s="3" t="s">
        <v>510</v>
      </c>
      <c r="K211" s="14">
        <v>44973</v>
      </c>
      <c r="L211" s="3" t="s">
        <v>509</v>
      </c>
    </row>
    <row r="212" spans="1:12" x14ac:dyDescent="0.3">
      <c r="A212" s="11">
        <v>2086069</v>
      </c>
      <c r="B212" s="11">
        <v>5023049</v>
      </c>
      <c r="C212" s="22" t="str">
        <f t="shared" si="4"/>
        <v>https://support.microsoft.com/kb/5023049</v>
      </c>
      <c r="D212" s="3" t="s">
        <v>619</v>
      </c>
      <c r="E212" s="3" t="s">
        <v>100</v>
      </c>
      <c r="F212" s="3" t="s">
        <v>113</v>
      </c>
      <c r="G212" s="3" t="s">
        <v>105</v>
      </c>
      <c r="H212" s="3">
        <v>2019</v>
      </c>
      <c r="I212" s="3" t="s">
        <v>103</v>
      </c>
      <c r="J212" s="3" t="s">
        <v>510</v>
      </c>
      <c r="K212" s="14">
        <v>44973</v>
      </c>
      <c r="L212" s="3" t="s">
        <v>509</v>
      </c>
    </row>
    <row r="213" spans="1:12" x14ac:dyDescent="0.3">
      <c r="A213" s="11">
        <v>2013429</v>
      </c>
      <c r="B213" s="11">
        <v>5023049</v>
      </c>
      <c r="C213" s="22" t="str">
        <f t="shared" si="4"/>
        <v>https://support.microsoft.com/kb/5023049</v>
      </c>
      <c r="D213" s="3" t="s">
        <v>409</v>
      </c>
      <c r="E213" s="3" t="s">
        <v>100</v>
      </c>
      <c r="F213" s="3" t="s">
        <v>120</v>
      </c>
      <c r="G213" s="3" t="s">
        <v>105</v>
      </c>
      <c r="H213" s="3">
        <v>2019</v>
      </c>
      <c r="I213" s="3" t="s">
        <v>103</v>
      </c>
      <c r="J213" s="3" t="s">
        <v>510</v>
      </c>
      <c r="K213" s="14">
        <v>44973</v>
      </c>
      <c r="L213" s="3" t="s">
        <v>509</v>
      </c>
    </row>
    <row r="214" spans="1:12" x14ac:dyDescent="0.3">
      <c r="A214" s="11">
        <v>2032954</v>
      </c>
      <c r="B214" s="11">
        <v>5023049</v>
      </c>
      <c r="C214" s="22" t="str">
        <f t="shared" si="4"/>
        <v>https://support.microsoft.com/kb/5023049</v>
      </c>
      <c r="D214" s="3" t="s">
        <v>620</v>
      </c>
      <c r="E214" s="3" t="s">
        <v>100</v>
      </c>
      <c r="F214" s="3" t="s">
        <v>163</v>
      </c>
      <c r="G214" s="3" t="s">
        <v>105</v>
      </c>
      <c r="H214" s="3">
        <v>2019</v>
      </c>
      <c r="I214" s="3" t="s">
        <v>103</v>
      </c>
      <c r="J214" s="3" t="s">
        <v>510</v>
      </c>
      <c r="K214" s="14">
        <v>44973</v>
      </c>
      <c r="L214" s="3" t="s">
        <v>509</v>
      </c>
    </row>
    <row r="215" spans="1:12" x14ac:dyDescent="0.3">
      <c r="A215" s="11">
        <v>2137926</v>
      </c>
      <c r="B215" s="11">
        <v>5023049</v>
      </c>
      <c r="C215" s="22" t="str">
        <f t="shared" si="4"/>
        <v>https://support.microsoft.com/kb/5023049</v>
      </c>
      <c r="D215" s="3" t="s">
        <v>425</v>
      </c>
      <c r="E215" s="3" t="s">
        <v>100</v>
      </c>
      <c r="F215" s="3" t="s">
        <v>159</v>
      </c>
      <c r="G215" s="3" t="s">
        <v>105</v>
      </c>
      <c r="H215" s="3">
        <v>2019</v>
      </c>
      <c r="I215" s="3" t="s">
        <v>103</v>
      </c>
      <c r="J215" s="3" t="s">
        <v>510</v>
      </c>
      <c r="K215" s="14">
        <v>44973</v>
      </c>
      <c r="L215" s="3" t="s">
        <v>509</v>
      </c>
    </row>
    <row r="216" spans="1:12" x14ac:dyDescent="0.3">
      <c r="A216" s="11">
        <v>2192500</v>
      </c>
      <c r="B216" s="11">
        <v>5023049</v>
      </c>
      <c r="C216" s="22" t="str">
        <f t="shared" si="4"/>
        <v>https://support.microsoft.com/kb/5023049</v>
      </c>
      <c r="D216" s="3" t="s">
        <v>621</v>
      </c>
      <c r="E216" s="3" t="s">
        <v>211</v>
      </c>
      <c r="F216" s="3" t="s">
        <v>211</v>
      </c>
      <c r="G216" s="3" t="s">
        <v>102</v>
      </c>
      <c r="H216" s="3">
        <v>2019</v>
      </c>
      <c r="I216" s="3" t="s">
        <v>103</v>
      </c>
      <c r="J216" s="3" t="s">
        <v>510</v>
      </c>
      <c r="K216" s="14">
        <v>44973</v>
      </c>
      <c r="L216" s="3" t="s">
        <v>509</v>
      </c>
    </row>
    <row r="217" spans="1:12" x14ac:dyDescent="0.3">
      <c r="A217" s="11">
        <v>2087572</v>
      </c>
      <c r="B217" s="11">
        <v>5023049</v>
      </c>
      <c r="C217" s="22" t="str">
        <f t="shared" si="4"/>
        <v>https://support.microsoft.com/kb/5023049</v>
      </c>
      <c r="D217" s="3" t="s">
        <v>459</v>
      </c>
      <c r="E217" s="3" t="s">
        <v>100</v>
      </c>
      <c r="F217" s="3" t="s">
        <v>233</v>
      </c>
      <c r="G217" s="3" t="s">
        <v>102</v>
      </c>
      <c r="H217" s="3">
        <v>2019</v>
      </c>
      <c r="I217" s="3" t="s">
        <v>103</v>
      </c>
      <c r="J217" s="3" t="s">
        <v>510</v>
      </c>
      <c r="K217" s="14">
        <v>44973</v>
      </c>
      <c r="L217" s="3" t="s">
        <v>509</v>
      </c>
    </row>
    <row r="218" spans="1:12" x14ac:dyDescent="0.3">
      <c r="A218" s="11">
        <v>2147190</v>
      </c>
      <c r="B218" s="11">
        <v>5023049</v>
      </c>
      <c r="C218" s="22" t="str">
        <f t="shared" si="4"/>
        <v>https://support.microsoft.com/kb/5023049</v>
      </c>
      <c r="D218" s="3" t="s">
        <v>622</v>
      </c>
      <c r="E218" s="3" t="s">
        <v>100</v>
      </c>
      <c r="F218" s="3" t="s">
        <v>233</v>
      </c>
      <c r="G218" s="3" t="s">
        <v>102</v>
      </c>
      <c r="H218" s="3">
        <v>2019</v>
      </c>
      <c r="I218" s="3" t="s">
        <v>103</v>
      </c>
      <c r="J218" s="3" t="s">
        <v>510</v>
      </c>
      <c r="K218" s="14">
        <v>44973</v>
      </c>
      <c r="L218" s="3" t="s">
        <v>509</v>
      </c>
    </row>
    <row r="219" spans="1:12" x14ac:dyDescent="0.3">
      <c r="A219" s="11">
        <v>2120779</v>
      </c>
      <c r="B219" s="11">
        <v>5023049</v>
      </c>
      <c r="C219" s="22" t="str">
        <f t="shared" si="4"/>
        <v>https://support.microsoft.com/kb/5023049</v>
      </c>
      <c r="D219" s="3" t="s">
        <v>418</v>
      </c>
      <c r="E219" s="3" t="s">
        <v>211</v>
      </c>
      <c r="F219" s="3" t="s">
        <v>211</v>
      </c>
      <c r="G219" s="3" t="s">
        <v>102</v>
      </c>
      <c r="H219" s="3">
        <v>2019</v>
      </c>
      <c r="I219" s="3" t="s">
        <v>103</v>
      </c>
      <c r="J219" s="3" t="s">
        <v>510</v>
      </c>
      <c r="K219" s="14">
        <v>44973</v>
      </c>
      <c r="L219" s="3" t="s">
        <v>509</v>
      </c>
    </row>
    <row r="220" spans="1:12" x14ac:dyDescent="0.3">
      <c r="A220" s="11">
        <v>2086067</v>
      </c>
      <c r="B220" s="11">
        <v>5023049</v>
      </c>
      <c r="C220" s="22" t="str">
        <f t="shared" si="4"/>
        <v>https://support.microsoft.com/kb/5023049</v>
      </c>
      <c r="D220" s="3" t="s">
        <v>454</v>
      </c>
      <c r="E220" s="3" t="s">
        <v>455</v>
      </c>
      <c r="F220" s="3" t="s">
        <v>456</v>
      </c>
      <c r="G220" s="3" t="s">
        <v>102</v>
      </c>
      <c r="H220" s="3">
        <v>2019</v>
      </c>
      <c r="I220" s="3" t="s">
        <v>103</v>
      </c>
      <c r="J220" s="3" t="s">
        <v>510</v>
      </c>
      <c r="K220" s="14">
        <v>44973</v>
      </c>
      <c r="L220" s="3" t="s">
        <v>509</v>
      </c>
    </row>
    <row r="221" spans="1:12" x14ac:dyDescent="0.3">
      <c r="A221" s="11">
        <v>2024688</v>
      </c>
      <c r="B221" s="11">
        <v>5017788</v>
      </c>
      <c r="C221" s="22" t="str">
        <f t="shared" si="4"/>
        <v>https://support.microsoft.com/kb/5017788</v>
      </c>
      <c r="D221" s="3" t="s">
        <v>623</v>
      </c>
      <c r="E221" s="3" t="s">
        <v>100</v>
      </c>
      <c r="F221" s="3" t="s">
        <v>127</v>
      </c>
      <c r="G221" s="3" t="s">
        <v>105</v>
      </c>
      <c r="H221" s="3">
        <v>2019</v>
      </c>
      <c r="I221" s="3" t="s">
        <v>103</v>
      </c>
      <c r="J221" s="3" t="s">
        <v>510</v>
      </c>
      <c r="K221" s="14">
        <v>44973</v>
      </c>
      <c r="L221" s="3" t="s">
        <v>509</v>
      </c>
    </row>
    <row r="222" spans="1:12" x14ac:dyDescent="0.3">
      <c r="A222" s="11">
        <v>2046472</v>
      </c>
      <c r="B222" s="11">
        <v>5022920</v>
      </c>
      <c r="C222" s="22" t="str">
        <f t="shared" si="4"/>
        <v>https://support.microsoft.com/kb/5022920</v>
      </c>
      <c r="D222" s="3" t="s">
        <v>624</v>
      </c>
      <c r="E222" s="3" t="s">
        <v>100</v>
      </c>
      <c r="F222" s="3" t="s">
        <v>113</v>
      </c>
      <c r="G222" s="3" t="s">
        <v>105</v>
      </c>
      <c r="H222" s="3">
        <v>2019</v>
      </c>
      <c r="I222" s="3" t="s">
        <v>103</v>
      </c>
      <c r="J222" s="3" t="s">
        <v>510</v>
      </c>
      <c r="K222" s="14">
        <v>44973</v>
      </c>
      <c r="L222" s="3" t="s">
        <v>509</v>
      </c>
    </row>
    <row r="223" spans="1:12" x14ac:dyDescent="0.3">
      <c r="A223" s="11">
        <v>2016962</v>
      </c>
      <c r="B223" s="11">
        <v>5018231</v>
      </c>
      <c r="C223" s="22" t="str">
        <f t="shared" si="4"/>
        <v>https://support.microsoft.com/kb/5018231</v>
      </c>
      <c r="D223" s="3" t="s">
        <v>625</v>
      </c>
      <c r="E223" s="3" t="s">
        <v>100</v>
      </c>
      <c r="F223" s="3" t="s">
        <v>120</v>
      </c>
      <c r="G223" s="3" t="s">
        <v>102</v>
      </c>
      <c r="H223" s="3">
        <v>2019</v>
      </c>
      <c r="I223" s="3" t="s">
        <v>103</v>
      </c>
      <c r="J223" s="3" t="s">
        <v>510</v>
      </c>
      <c r="K223" s="14">
        <v>44973</v>
      </c>
      <c r="L223" s="3" t="s">
        <v>509</v>
      </c>
    </row>
    <row r="224" spans="1:12" x14ac:dyDescent="0.3">
      <c r="A224" s="11">
        <v>2118514</v>
      </c>
      <c r="B224" s="11">
        <v>5023236</v>
      </c>
      <c r="C224" s="22" t="s">
        <v>415</v>
      </c>
      <c r="D224" s="3" t="s">
        <v>416</v>
      </c>
      <c r="E224" s="3" t="s">
        <v>100</v>
      </c>
      <c r="F224" s="3" t="s">
        <v>137</v>
      </c>
      <c r="G224" s="3" t="s">
        <v>102</v>
      </c>
      <c r="H224" s="3">
        <v>2019</v>
      </c>
      <c r="I224" s="3" t="s">
        <v>103</v>
      </c>
      <c r="J224" s="3" t="s">
        <v>510</v>
      </c>
      <c r="K224" s="14">
        <v>44973</v>
      </c>
      <c r="L224" s="3" t="s">
        <v>509</v>
      </c>
    </row>
    <row r="225" spans="1:12" x14ac:dyDescent="0.3">
      <c r="A225" s="11">
        <v>2042998</v>
      </c>
      <c r="B225" s="11">
        <v>4538581</v>
      </c>
      <c r="C225" s="22" t="str">
        <f t="shared" ref="C225:C288" si="5">HYPERLINK("https://support.microsoft.com/kb/"&amp;B225)</f>
        <v>https://support.microsoft.com/kb/4538581</v>
      </c>
      <c r="D225" s="3" t="s">
        <v>204</v>
      </c>
      <c r="E225" s="3" t="s">
        <v>100</v>
      </c>
      <c r="F225" s="3" t="s">
        <v>127</v>
      </c>
      <c r="G225" s="3" t="s">
        <v>105</v>
      </c>
      <c r="H225" s="3">
        <v>2019</v>
      </c>
      <c r="I225" s="3" t="s">
        <v>103</v>
      </c>
      <c r="J225" s="3" t="s">
        <v>510</v>
      </c>
      <c r="K225" s="14">
        <v>44973</v>
      </c>
      <c r="L225" s="3" t="s">
        <v>509</v>
      </c>
    </row>
    <row r="226" spans="1:12" x14ac:dyDescent="0.3">
      <c r="A226" s="11">
        <v>2033040</v>
      </c>
      <c r="B226" s="11">
        <v>5021124</v>
      </c>
      <c r="C226" s="22" t="str">
        <f t="shared" si="5"/>
        <v>https://support.microsoft.com/kb/5021124</v>
      </c>
      <c r="D226" s="3" t="s">
        <v>461</v>
      </c>
      <c r="E226" s="3" t="s">
        <v>100</v>
      </c>
      <c r="F226" s="3" t="s">
        <v>113</v>
      </c>
      <c r="G226" s="3" t="s">
        <v>462</v>
      </c>
      <c r="H226" s="3">
        <v>2019</v>
      </c>
      <c r="I226" s="3" t="s">
        <v>103</v>
      </c>
      <c r="J226" s="3" t="s">
        <v>512</v>
      </c>
      <c r="K226" s="14">
        <v>44971</v>
      </c>
      <c r="L226" s="3" t="s">
        <v>511</v>
      </c>
    </row>
    <row r="227" spans="1:12" x14ac:dyDescent="0.3">
      <c r="A227" s="11">
        <v>2029152</v>
      </c>
      <c r="B227" s="11">
        <v>5021124</v>
      </c>
      <c r="C227" s="22" t="str">
        <f t="shared" si="5"/>
        <v>https://support.microsoft.com/kb/5021124</v>
      </c>
      <c r="D227" s="3" t="s">
        <v>463</v>
      </c>
      <c r="E227" s="3" t="s">
        <v>455</v>
      </c>
      <c r="F227" s="3" t="s">
        <v>455</v>
      </c>
      <c r="G227" s="3" t="s">
        <v>102</v>
      </c>
      <c r="H227" s="3">
        <v>2019</v>
      </c>
      <c r="I227" s="3" t="s">
        <v>103</v>
      </c>
      <c r="J227" s="3" t="s">
        <v>512</v>
      </c>
      <c r="K227" s="14">
        <v>44971</v>
      </c>
      <c r="L227" s="3" t="s">
        <v>511</v>
      </c>
    </row>
    <row r="228" spans="1:12" x14ac:dyDescent="0.3">
      <c r="A228" s="11">
        <v>2120772</v>
      </c>
      <c r="B228" s="11">
        <v>5021124</v>
      </c>
      <c r="C228" s="22" t="str">
        <f t="shared" si="5"/>
        <v>https://support.microsoft.com/kb/5021124</v>
      </c>
      <c r="D228" s="3" t="s">
        <v>465</v>
      </c>
      <c r="E228" s="3" t="s">
        <v>211</v>
      </c>
      <c r="F228" s="3" t="s">
        <v>211</v>
      </c>
      <c r="G228" s="3" t="s">
        <v>102</v>
      </c>
      <c r="H228" s="3">
        <v>2019</v>
      </c>
      <c r="I228" s="3" t="s">
        <v>103</v>
      </c>
      <c r="J228" s="3" t="s">
        <v>512</v>
      </c>
      <c r="K228" s="14">
        <v>44971</v>
      </c>
      <c r="L228" s="3" t="s">
        <v>511</v>
      </c>
    </row>
    <row r="229" spans="1:12" x14ac:dyDescent="0.3">
      <c r="A229" s="11">
        <v>2095153</v>
      </c>
      <c r="B229" s="11">
        <v>5021124</v>
      </c>
      <c r="C229" s="22" t="str">
        <f t="shared" si="5"/>
        <v>https://support.microsoft.com/kb/5021124</v>
      </c>
      <c r="D229" s="3" t="s">
        <v>466</v>
      </c>
      <c r="E229" s="3" t="s">
        <v>455</v>
      </c>
      <c r="F229" s="3" t="s">
        <v>456</v>
      </c>
      <c r="G229" s="3" t="s">
        <v>102</v>
      </c>
      <c r="H229" s="3">
        <v>2019</v>
      </c>
      <c r="I229" s="3" t="s">
        <v>103</v>
      </c>
      <c r="J229" s="3" t="s">
        <v>512</v>
      </c>
      <c r="K229" s="14">
        <v>44971</v>
      </c>
      <c r="L229" s="3" t="s">
        <v>511</v>
      </c>
    </row>
    <row r="230" spans="1:12" x14ac:dyDescent="0.3">
      <c r="A230" s="11">
        <v>2028824</v>
      </c>
      <c r="B230" s="11">
        <v>5021125</v>
      </c>
      <c r="C230" s="22" t="str">
        <f t="shared" si="5"/>
        <v>https://support.microsoft.com/kb/5021125</v>
      </c>
      <c r="D230" s="3" t="s">
        <v>461</v>
      </c>
      <c r="E230" s="3" t="s">
        <v>100</v>
      </c>
      <c r="F230" s="3" t="s">
        <v>113</v>
      </c>
      <c r="G230" s="3" t="s">
        <v>462</v>
      </c>
      <c r="H230" s="3">
        <v>2019</v>
      </c>
      <c r="I230" s="3" t="s">
        <v>89</v>
      </c>
      <c r="J230" s="3" t="s">
        <v>37</v>
      </c>
      <c r="K230" s="14">
        <v>44971</v>
      </c>
      <c r="L230" s="3" t="s">
        <v>513</v>
      </c>
    </row>
    <row r="231" spans="1:12" x14ac:dyDescent="0.3">
      <c r="A231" s="11">
        <v>2026948</v>
      </c>
      <c r="B231" s="11">
        <v>5021125</v>
      </c>
      <c r="C231" s="22" t="str">
        <f t="shared" si="5"/>
        <v>https://support.microsoft.com/kb/5021125</v>
      </c>
      <c r="D231" s="3" t="s">
        <v>626</v>
      </c>
      <c r="E231" s="3" t="s">
        <v>455</v>
      </c>
      <c r="F231" s="3" t="s">
        <v>456</v>
      </c>
      <c r="G231" s="3" t="s">
        <v>102</v>
      </c>
      <c r="H231" s="3">
        <v>2019</v>
      </c>
      <c r="I231" s="3" t="s">
        <v>89</v>
      </c>
      <c r="J231" s="3" t="s">
        <v>37</v>
      </c>
      <c r="K231" s="14">
        <v>44971</v>
      </c>
      <c r="L231" s="3" t="s">
        <v>513</v>
      </c>
    </row>
    <row r="232" spans="1:12" x14ac:dyDescent="0.3">
      <c r="A232" s="11">
        <v>2044588</v>
      </c>
      <c r="B232" s="11">
        <v>5021125</v>
      </c>
      <c r="C232" s="22" t="str">
        <f t="shared" si="5"/>
        <v>https://support.microsoft.com/kb/5021125</v>
      </c>
      <c r="D232" s="3" t="s">
        <v>627</v>
      </c>
      <c r="E232" s="3" t="s">
        <v>380</v>
      </c>
      <c r="F232" s="3" t="s">
        <v>380</v>
      </c>
      <c r="G232" s="3" t="s">
        <v>462</v>
      </c>
      <c r="H232" s="3">
        <v>2019</v>
      </c>
      <c r="I232" s="3" t="s">
        <v>89</v>
      </c>
      <c r="J232" s="3" t="s">
        <v>37</v>
      </c>
      <c r="K232" s="14">
        <v>44971</v>
      </c>
      <c r="L232" s="3" t="s">
        <v>513</v>
      </c>
    </row>
    <row r="233" spans="1:12" x14ac:dyDescent="0.3">
      <c r="A233" s="11">
        <v>2120770</v>
      </c>
      <c r="B233" s="11">
        <v>5021125</v>
      </c>
      <c r="C233" s="22" t="str">
        <f t="shared" si="5"/>
        <v>https://support.microsoft.com/kb/5021125</v>
      </c>
      <c r="D233" s="3" t="s">
        <v>628</v>
      </c>
      <c r="E233" s="3" t="s">
        <v>211</v>
      </c>
      <c r="F233" s="3" t="s">
        <v>211</v>
      </c>
      <c r="G233" s="3" t="s">
        <v>102</v>
      </c>
      <c r="H233" s="3">
        <v>2019</v>
      </c>
      <c r="I233" s="3" t="s">
        <v>89</v>
      </c>
      <c r="J233" s="3" t="s">
        <v>37</v>
      </c>
      <c r="K233" s="14">
        <v>44971</v>
      </c>
      <c r="L233" s="3" t="s">
        <v>513</v>
      </c>
    </row>
    <row r="234" spans="1:12" x14ac:dyDescent="0.3">
      <c r="A234" s="11">
        <v>2089289</v>
      </c>
      <c r="B234" s="11">
        <v>5021125</v>
      </c>
      <c r="C234" s="22" t="str">
        <f t="shared" si="5"/>
        <v>https://support.microsoft.com/kb/5021125</v>
      </c>
      <c r="D234" s="3" t="s">
        <v>466</v>
      </c>
      <c r="E234" s="3" t="s">
        <v>455</v>
      </c>
      <c r="F234" s="3" t="s">
        <v>456</v>
      </c>
      <c r="G234" s="3" t="s">
        <v>102</v>
      </c>
      <c r="H234" s="3">
        <v>2019</v>
      </c>
      <c r="I234" s="3" t="s">
        <v>89</v>
      </c>
      <c r="J234" s="3" t="s">
        <v>37</v>
      </c>
      <c r="K234" s="14">
        <v>44971</v>
      </c>
      <c r="L234" s="3" t="s">
        <v>513</v>
      </c>
    </row>
    <row r="235" spans="1:12" x14ac:dyDescent="0.3">
      <c r="A235" s="11">
        <v>15029590</v>
      </c>
      <c r="B235" s="11">
        <v>5017593</v>
      </c>
      <c r="C235" s="22" t="str">
        <f t="shared" si="5"/>
        <v>https://support.microsoft.com/kb/5017593</v>
      </c>
      <c r="D235" s="3" t="s">
        <v>629</v>
      </c>
      <c r="E235" s="3" t="s">
        <v>100</v>
      </c>
      <c r="F235" s="3" t="s">
        <v>332</v>
      </c>
      <c r="G235" s="3" t="s">
        <v>102</v>
      </c>
      <c r="H235" s="3">
        <v>2019</v>
      </c>
      <c r="I235" s="3" t="s">
        <v>103</v>
      </c>
      <c r="J235" s="3" t="s">
        <v>515</v>
      </c>
      <c r="K235" s="14">
        <v>44832</v>
      </c>
      <c r="L235" s="3" t="s">
        <v>514</v>
      </c>
    </row>
    <row r="236" spans="1:12" x14ac:dyDescent="0.3">
      <c r="A236" s="11">
        <v>14993959</v>
      </c>
      <c r="B236" s="11">
        <v>5017593</v>
      </c>
      <c r="C236" s="22" t="str">
        <f t="shared" si="5"/>
        <v>https://support.microsoft.com/kb/5017593</v>
      </c>
      <c r="D236" s="3" t="s">
        <v>630</v>
      </c>
      <c r="E236" s="3" t="s">
        <v>100</v>
      </c>
      <c r="F236" s="3" t="s">
        <v>161</v>
      </c>
      <c r="G236" s="3" t="s">
        <v>105</v>
      </c>
      <c r="H236" s="3">
        <v>2019</v>
      </c>
      <c r="I236" s="3" t="s">
        <v>103</v>
      </c>
      <c r="J236" s="3" t="s">
        <v>515</v>
      </c>
      <c r="K236" s="14">
        <v>44832</v>
      </c>
      <c r="L236" s="3" t="s">
        <v>514</v>
      </c>
    </row>
    <row r="237" spans="1:12" x14ac:dyDescent="0.3">
      <c r="A237" s="11">
        <v>14989385</v>
      </c>
      <c r="B237" s="11">
        <v>5017593</v>
      </c>
      <c r="C237" s="22" t="str">
        <f t="shared" si="5"/>
        <v>https://support.microsoft.com/kb/5017593</v>
      </c>
      <c r="D237" s="3" t="s">
        <v>631</v>
      </c>
      <c r="E237" s="3" t="s">
        <v>100</v>
      </c>
      <c r="F237" s="3" t="s">
        <v>163</v>
      </c>
      <c r="G237" s="3" t="s">
        <v>102</v>
      </c>
      <c r="H237" s="3">
        <v>2019</v>
      </c>
      <c r="I237" s="3" t="s">
        <v>103</v>
      </c>
      <c r="J237" s="3" t="s">
        <v>515</v>
      </c>
      <c r="K237" s="14">
        <v>44832</v>
      </c>
      <c r="L237" s="3" t="s">
        <v>514</v>
      </c>
    </row>
    <row r="238" spans="1:12" x14ac:dyDescent="0.3">
      <c r="A238" s="11">
        <v>14987604</v>
      </c>
      <c r="B238" s="11">
        <v>5017593</v>
      </c>
      <c r="C238" s="22" t="str">
        <f t="shared" si="5"/>
        <v>https://support.microsoft.com/kb/5017593</v>
      </c>
      <c r="D238" s="3" t="s">
        <v>632</v>
      </c>
      <c r="E238" s="3" t="s">
        <v>100</v>
      </c>
      <c r="F238" s="3" t="s">
        <v>120</v>
      </c>
      <c r="G238" s="3" t="s">
        <v>102</v>
      </c>
      <c r="H238" s="3">
        <v>2019</v>
      </c>
      <c r="I238" s="3" t="s">
        <v>103</v>
      </c>
      <c r="J238" s="3" t="s">
        <v>515</v>
      </c>
      <c r="K238" s="14">
        <v>44832</v>
      </c>
      <c r="L238" s="3" t="s">
        <v>514</v>
      </c>
    </row>
    <row r="239" spans="1:12" x14ac:dyDescent="0.3">
      <c r="A239" s="11">
        <v>14982785</v>
      </c>
      <c r="B239" s="11">
        <v>5017593</v>
      </c>
      <c r="C239" s="22" t="str">
        <f t="shared" si="5"/>
        <v>https://support.microsoft.com/kb/5017593</v>
      </c>
      <c r="D239" s="3" t="s">
        <v>633</v>
      </c>
      <c r="E239" s="3" t="s">
        <v>100</v>
      </c>
      <c r="F239" s="3" t="s">
        <v>233</v>
      </c>
      <c r="G239" s="3" t="s">
        <v>102</v>
      </c>
      <c r="H239" s="3">
        <v>2019</v>
      </c>
      <c r="I239" s="3" t="s">
        <v>103</v>
      </c>
      <c r="J239" s="3" t="s">
        <v>515</v>
      </c>
      <c r="K239" s="14">
        <v>44832</v>
      </c>
      <c r="L239" s="3" t="s">
        <v>514</v>
      </c>
    </row>
    <row r="240" spans="1:12" x14ac:dyDescent="0.3">
      <c r="A240" s="11">
        <v>14979551</v>
      </c>
      <c r="B240" s="11">
        <v>5017551</v>
      </c>
      <c r="C240" s="22" t="str">
        <f t="shared" si="5"/>
        <v>https://support.microsoft.com/kb/5017551</v>
      </c>
      <c r="D240" s="3" t="s">
        <v>634</v>
      </c>
      <c r="E240" s="3" t="s">
        <v>217</v>
      </c>
      <c r="F240" s="3" t="s">
        <v>276</v>
      </c>
      <c r="G240" s="3" t="s">
        <v>102</v>
      </c>
      <c r="H240" s="3">
        <v>2019</v>
      </c>
      <c r="I240" s="3" t="s">
        <v>103</v>
      </c>
      <c r="J240" s="3" t="s">
        <v>515</v>
      </c>
      <c r="K240" s="14">
        <v>44832</v>
      </c>
      <c r="L240" s="3" t="s">
        <v>514</v>
      </c>
    </row>
    <row r="241" spans="1:12" x14ac:dyDescent="0.3">
      <c r="A241" s="11">
        <v>14978498</v>
      </c>
      <c r="B241" s="11">
        <v>5017718</v>
      </c>
      <c r="C241" s="22" t="str">
        <f t="shared" si="5"/>
        <v>https://support.microsoft.com/kb/5017718</v>
      </c>
      <c r="D241" s="3" t="s">
        <v>635</v>
      </c>
      <c r="E241" s="3" t="s">
        <v>100</v>
      </c>
      <c r="F241" s="3" t="s">
        <v>127</v>
      </c>
      <c r="G241" s="3" t="s">
        <v>105</v>
      </c>
      <c r="H241" s="3">
        <v>2019</v>
      </c>
      <c r="I241" s="3" t="s">
        <v>103</v>
      </c>
      <c r="J241" s="3" t="s">
        <v>515</v>
      </c>
      <c r="K241" s="14">
        <v>44832</v>
      </c>
      <c r="L241" s="3" t="s">
        <v>514</v>
      </c>
    </row>
    <row r="242" spans="1:12" x14ac:dyDescent="0.3">
      <c r="A242" s="11">
        <v>14964738</v>
      </c>
      <c r="B242" s="11">
        <v>5017593</v>
      </c>
      <c r="C242" s="22" t="str">
        <f t="shared" si="5"/>
        <v>https://support.microsoft.com/kb/5017593</v>
      </c>
      <c r="D242" s="3" t="s">
        <v>636</v>
      </c>
      <c r="E242" s="3" t="s">
        <v>100</v>
      </c>
      <c r="F242" s="3" t="s">
        <v>332</v>
      </c>
      <c r="G242" s="3" t="s">
        <v>102</v>
      </c>
      <c r="H242" s="3">
        <v>2019</v>
      </c>
      <c r="I242" s="3" t="s">
        <v>103</v>
      </c>
      <c r="J242" s="3" t="s">
        <v>515</v>
      </c>
      <c r="K242" s="14">
        <v>44832</v>
      </c>
      <c r="L242" s="3" t="s">
        <v>514</v>
      </c>
    </row>
    <row r="243" spans="1:12" x14ac:dyDescent="0.3">
      <c r="A243" s="11">
        <v>14942316</v>
      </c>
      <c r="B243" s="11">
        <v>5017593</v>
      </c>
      <c r="C243" s="22" t="str">
        <f t="shared" si="5"/>
        <v>https://support.microsoft.com/kb/5017593</v>
      </c>
      <c r="D243" s="3" t="s">
        <v>637</v>
      </c>
      <c r="E243" s="3" t="s">
        <v>100</v>
      </c>
      <c r="F243" s="3" t="s">
        <v>120</v>
      </c>
      <c r="G243" s="3" t="s">
        <v>102</v>
      </c>
      <c r="H243" s="3">
        <v>2019</v>
      </c>
      <c r="I243" s="3" t="s">
        <v>103</v>
      </c>
      <c r="J243" s="3" t="s">
        <v>515</v>
      </c>
      <c r="K243" s="14">
        <v>44832</v>
      </c>
      <c r="L243" s="3" t="s">
        <v>514</v>
      </c>
    </row>
    <row r="244" spans="1:12" x14ac:dyDescent="0.3">
      <c r="A244" s="11">
        <v>14939335</v>
      </c>
      <c r="B244" s="11">
        <v>5017593</v>
      </c>
      <c r="C244" s="22" t="str">
        <f t="shared" si="5"/>
        <v>https://support.microsoft.com/kb/5017593</v>
      </c>
      <c r="D244" s="3" t="s">
        <v>638</v>
      </c>
      <c r="E244" s="3" t="s">
        <v>639</v>
      </c>
      <c r="F244" s="3" t="s">
        <v>640</v>
      </c>
      <c r="G244" s="3" t="s">
        <v>102</v>
      </c>
      <c r="H244" s="3">
        <v>2019</v>
      </c>
      <c r="I244" s="3" t="s">
        <v>103</v>
      </c>
      <c r="J244" s="3" t="s">
        <v>515</v>
      </c>
      <c r="K244" s="14">
        <v>44832</v>
      </c>
      <c r="L244" s="3" t="s">
        <v>514</v>
      </c>
    </row>
    <row r="245" spans="1:12" x14ac:dyDescent="0.3">
      <c r="A245" s="11">
        <v>14931025</v>
      </c>
      <c r="B245" s="11">
        <v>5017593</v>
      </c>
      <c r="C245" s="22" t="str">
        <f t="shared" si="5"/>
        <v>https://support.microsoft.com/kb/5017593</v>
      </c>
      <c r="D245" s="3" t="s">
        <v>641</v>
      </c>
      <c r="E245" s="3" t="s">
        <v>100</v>
      </c>
      <c r="F245" s="3" t="s">
        <v>110</v>
      </c>
      <c r="G245" s="3" t="s">
        <v>102</v>
      </c>
      <c r="H245" s="3">
        <v>2019</v>
      </c>
      <c r="I245" s="3" t="s">
        <v>103</v>
      </c>
      <c r="J245" s="3" t="s">
        <v>515</v>
      </c>
      <c r="K245" s="14">
        <v>44832</v>
      </c>
      <c r="L245" s="3" t="s">
        <v>514</v>
      </c>
    </row>
    <row r="246" spans="1:12" x14ac:dyDescent="0.3">
      <c r="A246" s="11">
        <v>14930792</v>
      </c>
      <c r="B246" s="11">
        <v>5017593</v>
      </c>
      <c r="C246" s="22" t="str">
        <f t="shared" si="5"/>
        <v>https://support.microsoft.com/kb/5017593</v>
      </c>
      <c r="D246" s="3" t="s">
        <v>642</v>
      </c>
      <c r="E246" s="3" t="s">
        <v>100</v>
      </c>
      <c r="F246" s="3" t="s">
        <v>113</v>
      </c>
      <c r="G246" s="3" t="s">
        <v>102</v>
      </c>
      <c r="H246" s="3">
        <v>2019</v>
      </c>
      <c r="I246" s="3" t="s">
        <v>103</v>
      </c>
      <c r="J246" s="3" t="s">
        <v>515</v>
      </c>
      <c r="K246" s="14">
        <v>44832</v>
      </c>
      <c r="L246" s="3" t="s">
        <v>514</v>
      </c>
    </row>
    <row r="247" spans="1:12" x14ac:dyDescent="0.3">
      <c r="A247" s="11">
        <v>14916804</v>
      </c>
      <c r="B247" s="11">
        <v>5017593</v>
      </c>
      <c r="C247" s="22" t="str">
        <f t="shared" si="5"/>
        <v>https://support.microsoft.com/kb/5017593</v>
      </c>
      <c r="D247" s="3" t="s">
        <v>643</v>
      </c>
      <c r="E247" s="3" t="s">
        <v>100</v>
      </c>
      <c r="F247" s="3" t="s">
        <v>108</v>
      </c>
      <c r="G247" s="3" t="s">
        <v>102</v>
      </c>
      <c r="H247" s="3">
        <v>2019</v>
      </c>
      <c r="I247" s="3" t="s">
        <v>103</v>
      </c>
      <c r="J247" s="3" t="s">
        <v>515</v>
      </c>
      <c r="K247" s="14">
        <v>44832</v>
      </c>
      <c r="L247" s="3" t="s">
        <v>514</v>
      </c>
    </row>
    <row r="248" spans="1:12" x14ac:dyDescent="0.3">
      <c r="A248" s="11">
        <v>14914170</v>
      </c>
      <c r="B248" s="11">
        <v>5017593</v>
      </c>
      <c r="C248" s="22" t="str">
        <f t="shared" si="5"/>
        <v>https://support.microsoft.com/kb/5017593</v>
      </c>
      <c r="D248" s="3" t="s">
        <v>644</v>
      </c>
      <c r="E248" s="3" t="s">
        <v>100</v>
      </c>
      <c r="F248" s="3" t="s">
        <v>120</v>
      </c>
      <c r="G248" s="3" t="s">
        <v>102</v>
      </c>
      <c r="H248" s="3">
        <v>2019</v>
      </c>
      <c r="I248" s="3" t="s">
        <v>103</v>
      </c>
      <c r="J248" s="3" t="s">
        <v>515</v>
      </c>
      <c r="K248" s="14">
        <v>44832</v>
      </c>
      <c r="L248" s="3" t="s">
        <v>514</v>
      </c>
    </row>
    <row r="249" spans="1:12" x14ac:dyDescent="0.3">
      <c r="A249" s="11">
        <v>1890457</v>
      </c>
      <c r="B249" s="11">
        <v>5017593</v>
      </c>
      <c r="C249" s="22" t="str">
        <f>HYPERLINK("https://support.microsoft.com/kb/"&amp;B249)</f>
        <v>https://support.microsoft.com/kb/5017593</v>
      </c>
      <c r="D249" s="3" t="s">
        <v>439</v>
      </c>
      <c r="E249" s="3" t="s">
        <v>100</v>
      </c>
      <c r="F249" s="3" t="s">
        <v>120</v>
      </c>
      <c r="G249" s="3" t="s">
        <v>102</v>
      </c>
      <c r="H249" s="3">
        <v>2019</v>
      </c>
      <c r="I249" s="3" t="s">
        <v>103</v>
      </c>
      <c r="J249" s="3" t="s">
        <v>515</v>
      </c>
      <c r="K249" s="14">
        <v>44832</v>
      </c>
      <c r="L249" s="3" t="s">
        <v>514</v>
      </c>
    </row>
    <row r="250" spans="1:12" x14ac:dyDescent="0.3">
      <c r="A250" s="11">
        <v>14913295</v>
      </c>
      <c r="B250" s="11">
        <v>5017593</v>
      </c>
      <c r="C250" s="22" t="str">
        <f t="shared" si="5"/>
        <v>https://support.microsoft.com/kb/5017593</v>
      </c>
      <c r="D250" s="3" t="s">
        <v>645</v>
      </c>
      <c r="E250" s="3" t="s">
        <v>100</v>
      </c>
      <c r="F250" s="3" t="s">
        <v>123</v>
      </c>
      <c r="G250" s="3" t="s">
        <v>102</v>
      </c>
      <c r="H250" s="3">
        <v>2019</v>
      </c>
      <c r="I250" s="3" t="s">
        <v>103</v>
      </c>
      <c r="J250" s="3" t="s">
        <v>515</v>
      </c>
      <c r="K250" s="14">
        <v>44832</v>
      </c>
      <c r="L250" s="3" t="s">
        <v>514</v>
      </c>
    </row>
    <row r="251" spans="1:12" x14ac:dyDescent="0.3">
      <c r="A251" s="11">
        <v>14654914</v>
      </c>
      <c r="B251" s="11">
        <v>5017593</v>
      </c>
      <c r="C251" s="22" t="str">
        <f t="shared" si="5"/>
        <v>https://support.microsoft.com/kb/5017593</v>
      </c>
      <c r="D251" s="3" t="s">
        <v>646</v>
      </c>
      <c r="E251" s="3" t="s">
        <v>100</v>
      </c>
      <c r="F251" s="3" t="s">
        <v>214</v>
      </c>
      <c r="G251" s="3" t="s">
        <v>102</v>
      </c>
      <c r="H251" s="3">
        <v>2019</v>
      </c>
      <c r="I251" s="3" t="s">
        <v>103</v>
      </c>
      <c r="J251" s="3" t="s">
        <v>515</v>
      </c>
      <c r="K251" s="14">
        <v>44832</v>
      </c>
      <c r="L251" s="3" t="s">
        <v>514</v>
      </c>
    </row>
    <row r="252" spans="1:12" x14ac:dyDescent="0.3">
      <c r="A252" s="11">
        <v>14654911</v>
      </c>
      <c r="B252" s="11">
        <v>5017593</v>
      </c>
      <c r="C252" s="22" t="str">
        <f t="shared" si="5"/>
        <v>https://support.microsoft.com/kb/5017593</v>
      </c>
      <c r="D252" s="3" t="s">
        <v>647</v>
      </c>
      <c r="E252" s="3" t="s">
        <v>100</v>
      </c>
      <c r="F252" s="3" t="s">
        <v>214</v>
      </c>
      <c r="G252" s="3" t="s">
        <v>102</v>
      </c>
      <c r="H252" s="3">
        <v>2019</v>
      </c>
      <c r="I252" s="3" t="s">
        <v>103</v>
      </c>
      <c r="J252" s="3" t="s">
        <v>515</v>
      </c>
      <c r="K252" s="14">
        <v>44832</v>
      </c>
      <c r="L252" s="3" t="s">
        <v>514</v>
      </c>
    </row>
    <row r="253" spans="1:12" x14ac:dyDescent="0.3">
      <c r="A253" s="11">
        <v>1945560</v>
      </c>
      <c r="B253" s="11">
        <v>5019307</v>
      </c>
      <c r="C253" s="22" t="str">
        <f t="shared" si="5"/>
        <v>https://support.microsoft.com/kb/5019307</v>
      </c>
      <c r="D253" s="3" t="s">
        <v>648</v>
      </c>
      <c r="E253" s="3" t="s">
        <v>100</v>
      </c>
      <c r="F253" s="3" t="s">
        <v>120</v>
      </c>
      <c r="G253" s="3" t="s">
        <v>102</v>
      </c>
      <c r="H253" s="3">
        <v>2019</v>
      </c>
      <c r="I253" s="3" t="s">
        <v>103</v>
      </c>
      <c r="J253" s="3" t="s">
        <v>515</v>
      </c>
      <c r="K253" s="14">
        <v>44832</v>
      </c>
      <c r="L253" s="3" t="s">
        <v>514</v>
      </c>
    </row>
    <row r="254" spans="1:12" x14ac:dyDescent="0.3">
      <c r="A254" s="11">
        <v>1926384</v>
      </c>
      <c r="B254" s="11">
        <v>5017593</v>
      </c>
      <c r="C254" s="22" t="str">
        <f t="shared" si="5"/>
        <v>https://support.microsoft.com/kb/5017593</v>
      </c>
      <c r="D254" s="3" t="s">
        <v>649</v>
      </c>
      <c r="E254" s="3" t="s">
        <v>100</v>
      </c>
      <c r="F254" s="3" t="s">
        <v>120</v>
      </c>
      <c r="G254" s="3" t="s">
        <v>102</v>
      </c>
      <c r="H254" s="3">
        <v>2019</v>
      </c>
      <c r="I254" s="3" t="s">
        <v>103</v>
      </c>
      <c r="J254" s="3" t="s">
        <v>515</v>
      </c>
      <c r="K254" s="14">
        <v>44832</v>
      </c>
      <c r="L254" s="3" t="s">
        <v>514</v>
      </c>
    </row>
    <row r="255" spans="1:12" x14ac:dyDescent="0.3">
      <c r="A255" s="11">
        <v>14927877</v>
      </c>
      <c r="B255" s="11">
        <v>5016394</v>
      </c>
      <c r="C255" s="22" t="str">
        <f t="shared" si="5"/>
        <v>https://support.microsoft.com/kb/5016394</v>
      </c>
      <c r="D255" s="3" t="s">
        <v>650</v>
      </c>
      <c r="E255" s="3" t="s">
        <v>100</v>
      </c>
      <c r="F255" s="3" t="s">
        <v>127</v>
      </c>
      <c r="G255" s="3" t="s">
        <v>102</v>
      </c>
      <c r="H255" s="3">
        <v>2019</v>
      </c>
      <c r="I255" s="3" t="s">
        <v>103</v>
      </c>
      <c r="J255" s="3" t="s">
        <v>517</v>
      </c>
      <c r="K255" s="14">
        <v>44784</v>
      </c>
      <c r="L255" s="3" t="s">
        <v>516</v>
      </c>
    </row>
    <row r="256" spans="1:12" x14ac:dyDescent="0.3">
      <c r="A256" s="11">
        <v>14924053</v>
      </c>
      <c r="B256" s="11">
        <v>5016394</v>
      </c>
      <c r="C256" s="22" t="str">
        <f t="shared" si="5"/>
        <v>https://support.microsoft.com/kb/5016394</v>
      </c>
      <c r="D256" s="3" t="s">
        <v>651</v>
      </c>
      <c r="E256" s="3" t="s">
        <v>100</v>
      </c>
      <c r="F256" s="3" t="s">
        <v>113</v>
      </c>
      <c r="G256" s="3" t="s">
        <v>105</v>
      </c>
      <c r="H256" s="3">
        <v>2019</v>
      </c>
      <c r="I256" s="3" t="s">
        <v>103</v>
      </c>
      <c r="J256" s="3" t="s">
        <v>517</v>
      </c>
      <c r="K256" s="14">
        <v>44784</v>
      </c>
      <c r="L256" s="3" t="s">
        <v>516</v>
      </c>
    </row>
    <row r="257" spans="1:12" x14ac:dyDescent="0.3">
      <c r="A257" s="11">
        <v>14923176</v>
      </c>
      <c r="B257" s="11">
        <v>5016394</v>
      </c>
      <c r="C257" s="22" t="str">
        <f t="shared" si="5"/>
        <v>https://support.microsoft.com/kb/5016394</v>
      </c>
      <c r="D257" s="3" t="s">
        <v>652</v>
      </c>
      <c r="E257" s="3" t="s">
        <v>100</v>
      </c>
      <c r="F257" s="3" t="s">
        <v>233</v>
      </c>
      <c r="G257" s="3" t="s">
        <v>105</v>
      </c>
      <c r="H257" s="3">
        <v>2019</v>
      </c>
      <c r="I257" s="3" t="s">
        <v>103</v>
      </c>
      <c r="J257" s="3" t="s">
        <v>517</v>
      </c>
      <c r="K257" s="14">
        <v>44784</v>
      </c>
      <c r="L257" s="3" t="s">
        <v>516</v>
      </c>
    </row>
    <row r="258" spans="1:12" x14ac:dyDescent="0.3">
      <c r="A258" s="11">
        <v>14915360</v>
      </c>
      <c r="B258" s="11">
        <v>5016394</v>
      </c>
      <c r="C258" s="22" t="str">
        <f t="shared" si="5"/>
        <v>https://support.microsoft.com/kb/5016394</v>
      </c>
      <c r="D258" s="3" t="s">
        <v>653</v>
      </c>
      <c r="E258" s="3" t="s">
        <v>100</v>
      </c>
      <c r="F258" s="3" t="s">
        <v>148</v>
      </c>
      <c r="G258" s="3" t="s">
        <v>105</v>
      </c>
      <c r="H258" s="3">
        <v>2019</v>
      </c>
      <c r="I258" s="3" t="s">
        <v>103</v>
      </c>
      <c r="J258" s="3" t="s">
        <v>517</v>
      </c>
      <c r="K258" s="14">
        <v>44784</v>
      </c>
      <c r="L258" s="3" t="s">
        <v>516</v>
      </c>
    </row>
    <row r="259" spans="1:12" x14ac:dyDescent="0.3">
      <c r="A259" s="11">
        <v>14915048</v>
      </c>
      <c r="B259" s="11">
        <v>5016394</v>
      </c>
      <c r="C259" s="22" t="str">
        <f t="shared" si="5"/>
        <v>https://support.microsoft.com/kb/5016394</v>
      </c>
      <c r="D259" s="3" t="s">
        <v>654</v>
      </c>
      <c r="E259" s="3" t="s">
        <v>180</v>
      </c>
      <c r="F259" s="3" t="s">
        <v>180</v>
      </c>
      <c r="G259" s="3" t="s">
        <v>102</v>
      </c>
      <c r="H259" s="3">
        <v>2019</v>
      </c>
      <c r="I259" s="3" t="s">
        <v>103</v>
      </c>
      <c r="J259" s="3" t="s">
        <v>517</v>
      </c>
      <c r="K259" s="14">
        <v>44784</v>
      </c>
      <c r="L259" s="3" t="s">
        <v>516</v>
      </c>
    </row>
    <row r="260" spans="1:12" x14ac:dyDescent="0.3">
      <c r="A260" s="11">
        <v>14910661</v>
      </c>
      <c r="B260" s="11">
        <v>5016394</v>
      </c>
      <c r="C260" s="22" t="str">
        <f t="shared" si="5"/>
        <v>https://support.microsoft.com/kb/5016394</v>
      </c>
      <c r="D260" s="3" t="s">
        <v>655</v>
      </c>
      <c r="E260" s="3" t="s">
        <v>100</v>
      </c>
      <c r="F260" s="3" t="s">
        <v>233</v>
      </c>
      <c r="G260" s="3" t="s">
        <v>105</v>
      </c>
      <c r="H260" s="3">
        <v>2019</v>
      </c>
      <c r="I260" s="3" t="s">
        <v>103</v>
      </c>
      <c r="J260" s="3" t="s">
        <v>517</v>
      </c>
      <c r="K260" s="14">
        <v>44784</v>
      </c>
      <c r="L260" s="3" t="s">
        <v>516</v>
      </c>
    </row>
    <row r="261" spans="1:12" x14ac:dyDescent="0.3">
      <c r="A261" s="11">
        <v>14899781</v>
      </c>
      <c r="B261" s="11">
        <v>5016729</v>
      </c>
      <c r="C261" s="22" t="str">
        <f t="shared" si="5"/>
        <v>https://support.microsoft.com/kb/5016729</v>
      </c>
      <c r="D261" s="3" t="s">
        <v>656</v>
      </c>
      <c r="E261" s="3" t="s">
        <v>100</v>
      </c>
      <c r="F261" s="3" t="s">
        <v>101</v>
      </c>
      <c r="G261" s="3" t="s">
        <v>105</v>
      </c>
      <c r="H261" s="3">
        <v>2019</v>
      </c>
      <c r="I261" s="3" t="s">
        <v>103</v>
      </c>
      <c r="J261" s="3" t="s">
        <v>517</v>
      </c>
      <c r="K261" s="14">
        <v>44784</v>
      </c>
      <c r="L261" s="3" t="s">
        <v>516</v>
      </c>
    </row>
    <row r="262" spans="1:12" x14ac:dyDescent="0.3">
      <c r="A262" s="11">
        <v>14889419</v>
      </c>
      <c r="B262" s="11">
        <v>5016394</v>
      </c>
      <c r="C262" s="24" t="str">
        <f t="shared" si="5"/>
        <v>https://support.microsoft.com/kb/5016394</v>
      </c>
      <c r="D262" s="13" t="s">
        <v>657</v>
      </c>
      <c r="E262" s="13" t="s">
        <v>100</v>
      </c>
      <c r="F262" s="13" t="s">
        <v>127</v>
      </c>
      <c r="G262" s="13" t="s">
        <v>105</v>
      </c>
      <c r="H262" s="3">
        <v>2019</v>
      </c>
      <c r="I262" s="13" t="s">
        <v>103</v>
      </c>
      <c r="J262" s="13" t="s">
        <v>517</v>
      </c>
      <c r="K262" s="15">
        <v>44784</v>
      </c>
      <c r="L262" s="13" t="s">
        <v>516</v>
      </c>
    </row>
    <row r="263" spans="1:12" x14ac:dyDescent="0.3">
      <c r="A263" s="11">
        <v>14884007</v>
      </c>
      <c r="B263" s="11">
        <v>5016394</v>
      </c>
      <c r="C263" s="22" t="str">
        <f t="shared" si="5"/>
        <v>https://support.microsoft.com/kb/5016394</v>
      </c>
      <c r="D263" s="13" t="s">
        <v>658</v>
      </c>
      <c r="E263" s="13" t="s">
        <v>100</v>
      </c>
      <c r="F263" s="13" t="s">
        <v>120</v>
      </c>
      <c r="G263" s="13" t="s">
        <v>102</v>
      </c>
      <c r="H263" s="3">
        <v>2019</v>
      </c>
      <c r="I263" s="13" t="s">
        <v>103</v>
      </c>
      <c r="J263" s="13" t="s">
        <v>517</v>
      </c>
      <c r="K263" s="15">
        <v>44784</v>
      </c>
      <c r="L263" s="13" t="s">
        <v>516</v>
      </c>
    </row>
    <row r="264" spans="1:12" x14ac:dyDescent="0.3">
      <c r="A264" s="11">
        <v>14874191</v>
      </c>
      <c r="B264" s="11">
        <v>5016780</v>
      </c>
      <c r="C264" s="22" t="str">
        <f t="shared" si="5"/>
        <v>https://support.microsoft.com/kb/5016780</v>
      </c>
      <c r="D264" s="3" t="s">
        <v>659</v>
      </c>
      <c r="E264" s="3" t="s">
        <v>100</v>
      </c>
      <c r="F264" s="3" t="s">
        <v>100</v>
      </c>
      <c r="G264" s="3" t="s">
        <v>105</v>
      </c>
      <c r="H264" s="3">
        <v>2019</v>
      </c>
      <c r="I264" s="3" t="s">
        <v>103</v>
      </c>
      <c r="J264" s="3" t="s">
        <v>517</v>
      </c>
      <c r="K264" s="14">
        <v>44784</v>
      </c>
      <c r="L264" s="3" t="s">
        <v>516</v>
      </c>
    </row>
    <row r="265" spans="1:12" x14ac:dyDescent="0.3">
      <c r="A265" s="11">
        <v>14871059</v>
      </c>
      <c r="B265" s="11">
        <v>5016394</v>
      </c>
      <c r="C265" s="22" t="str">
        <f t="shared" si="5"/>
        <v>https://support.microsoft.com/kb/5016394</v>
      </c>
      <c r="D265" s="3" t="s">
        <v>660</v>
      </c>
      <c r="E265" s="3" t="s">
        <v>100</v>
      </c>
      <c r="F265" s="3" t="s">
        <v>110</v>
      </c>
      <c r="G265" s="3" t="s">
        <v>102</v>
      </c>
      <c r="H265" s="3">
        <v>2019</v>
      </c>
      <c r="I265" s="3" t="s">
        <v>103</v>
      </c>
      <c r="J265" s="3" t="s">
        <v>517</v>
      </c>
      <c r="K265" s="14">
        <v>44784</v>
      </c>
      <c r="L265" s="3" t="s">
        <v>516</v>
      </c>
    </row>
    <row r="266" spans="1:12" x14ac:dyDescent="0.3">
      <c r="A266" s="11">
        <v>14862654</v>
      </c>
      <c r="B266" s="11">
        <v>5016394</v>
      </c>
      <c r="C266" s="22" t="str">
        <f t="shared" si="5"/>
        <v>https://support.microsoft.com/kb/5016394</v>
      </c>
      <c r="D266" s="3" t="s">
        <v>661</v>
      </c>
      <c r="E266" s="3" t="s">
        <v>100</v>
      </c>
      <c r="F266" s="3" t="s">
        <v>161</v>
      </c>
      <c r="G266" s="3" t="s">
        <v>105</v>
      </c>
      <c r="H266" s="3">
        <v>2019</v>
      </c>
      <c r="I266" s="3" t="s">
        <v>103</v>
      </c>
      <c r="J266" s="3" t="s">
        <v>517</v>
      </c>
      <c r="K266" s="14">
        <v>44784</v>
      </c>
      <c r="L266" s="3" t="s">
        <v>516</v>
      </c>
    </row>
    <row r="267" spans="1:12" x14ac:dyDescent="0.3">
      <c r="A267" s="11">
        <v>14861989</v>
      </c>
      <c r="B267" s="11">
        <v>5016394</v>
      </c>
      <c r="C267" s="22" t="str">
        <f t="shared" si="5"/>
        <v>https://support.microsoft.com/kb/5016394</v>
      </c>
      <c r="D267" s="3" t="s">
        <v>662</v>
      </c>
      <c r="E267" s="3" t="s">
        <v>100</v>
      </c>
      <c r="F267" s="3" t="s">
        <v>113</v>
      </c>
      <c r="G267" s="3" t="s">
        <v>102</v>
      </c>
      <c r="H267" s="3">
        <v>2019</v>
      </c>
      <c r="I267" s="3" t="s">
        <v>103</v>
      </c>
      <c r="J267" s="3" t="s">
        <v>517</v>
      </c>
      <c r="K267" s="14">
        <v>44784</v>
      </c>
      <c r="L267" s="3" t="s">
        <v>516</v>
      </c>
    </row>
    <row r="268" spans="1:12" x14ac:dyDescent="0.3">
      <c r="A268" s="11">
        <v>14860468</v>
      </c>
      <c r="B268" s="11">
        <v>5016394</v>
      </c>
      <c r="C268" s="22" t="str">
        <f t="shared" si="5"/>
        <v>https://support.microsoft.com/kb/5016394</v>
      </c>
      <c r="D268" s="3" t="s">
        <v>663</v>
      </c>
      <c r="E268" s="3" t="s">
        <v>100</v>
      </c>
      <c r="F268" s="3" t="s">
        <v>101</v>
      </c>
      <c r="G268" s="3" t="s">
        <v>105</v>
      </c>
      <c r="H268" s="3">
        <v>2019</v>
      </c>
      <c r="I268" s="3" t="s">
        <v>103</v>
      </c>
      <c r="J268" s="3" t="s">
        <v>517</v>
      </c>
      <c r="K268" s="14">
        <v>44784</v>
      </c>
      <c r="L268" s="3" t="s">
        <v>516</v>
      </c>
    </row>
    <row r="269" spans="1:12" x14ac:dyDescent="0.3">
      <c r="A269" s="11">
        <v>14856153</v>
      </c>
      <c r="B269" s="11">
        <v>5016394</v>
      </c>
      <c r="C269" s="22" t="str">
        <f t="shared" si="5"/>
        <v>https://support.microsoft.com/kb/5016394</v>
      </c>
      <c r="D269" s="3" t="s">
        <v>664</v>
      </c>
      <c r="E269" s="3" t="s">
        <v>100</v>
      </c>
      <c r="F269" s="3" t="s">
        <v>214</v>
      </c>
      <c r="G269" s="3" t="s">
        <v>105</v>
      </c>
      <c r="H269" s="3">
        <v>2019</v>
      </c>
      <c r="I269" s="3" t="s">
        <v>103</v>
      </c>
      <c r="J269" s="3" t="s">
        <v>517</v>
      </c>
      <c r="K269" s="14">
        <v>44784</v>
      </c>
      <c r="L269" s="3" t="s">
        <v>516</v>
      </c>
    </row>
    <row r="270" spans="1:12" x14ac:dyDescent="0.3">
      <c r="A270" s="11">
        <v>14826907</v>
      </c>
      <c r="B270" s="11">
        <v>5016394</v>
      </c>
      <c r="C270" s="22" t="str">
        <f t="shared" si="5"/>
        <v>https://support.microsoft.com/kb/5016394</v>
      </c>
      <c r="D270" s="3" t="s">
        <v>665</v>
      </c>
      <c r="E270" s="3" t="s">
        <v>100</v>
      </c>
      <c r="F270" s="3" t="s">
        <v>116</v>
      </c>
      <c r="G270" s="3" t="s">
        <v>116</v>
      </c>
      <c r="H270" s="3">
        <v>2019</v>
      </c>
      <c r="I270" s="3" t="s">
        <v>103</v>
      </c>
      <c r="J270" s="3" t="s">
        <v>517</v>
      </c>
      <c r="K270" s="14">
        <v>44784</v>
      </c>
      <c r="L270" s="3" t="s">
        <v>516</v>
      </c>
    </row>
    <row r="271" spans="1:12" x14ac:dyDescent="0.3">
      <c r="A271" s="11">
        <v>14822463</v>
      </c>
      <c r="B271" s="11">
        <v>5016394</v>
      </c>
      <c r="C271" s="22" t="str">
        <f t="shared" si="5"/>
        <v>https://support.microsoft.com/kb/5016394</v>
      </c>
      <c r="D271" s="3" t="s">
        <v>666</v>
      </c>
      <c r="E271" s="3" t="s">
        <v>100</v>
      </c>
      <c r="F271" s="3" t="s">
        <v>110</v>
      </c>
      <c r="G271" s="3" t="s">
        <v>102</v>
      </c>
      <c r="H271" s="3">
        <v>2019</v>
      </c>
      <c r="I271" s="3" t="s">
        <v>103</v>
      </c>
      <c r="J271" s="3" t="s">
        <v>517</v>
      </c>
      <c r="K271" s="14">
        <v>44784</v>
      </c>
      <c r="L271" s="3" t="s">
        <v>516</v>
      </c>
    </row>
    <row r="272" spans="1:12" x14ac:dyDescent="0.3">
      <c r="A272" s="11">
        <v>14812570</v>
      </c>
      <c r="B272" s="11">
        <v>5016394</v>
      </c>
      <c r="C272" s="22" t="str">
        <f t="shared" si="5"/>
        <v>https://support.microsoft.com/kb/5016394</v>
      </c>
      <c r="D272" s="3" t="s">
        <v>667</v>
      </c>
      <c r="E272" s="3" t="s">
        <v>100</v>
      </c>
      <c r="F272" s="3" t="s">
        <v>101</v>
      </c>
      <c r="G272" s="3" t="s">
        <v>102</v>
      </c>
      <c r="H272" s="3">
        <v>2019</v>
      </c>
      <c r="I272" s="3" t="s">
        <v>103</v>
      </c>
      <c r="J272" s="3" t="s">
        <v>517</v>
      </c>
      <c r="K272" s="14">
        <v>44784</v>
      </c>
      <c r="L272" s="3" t="s">
        <v>516</v>
      </c>
    </row>
    <row r="273" spans="1:12" x14ac:dyDescent="0.3">
      <c r="A273" s="11">
        <v>14788992</v>
      </c>
      <c r="B273" s="11">
        <v>5016394</v>
      </c>
      <c r="C273" s="22" t="str">
        <f t="shared" si="5"/>
        <v>https://support.microsoft.com/kb/5016394</v>
      </c>
      <c r="D273" s="3" t="s">
        <v>668</v>
      </c>
      <c r="E273" s="3" t="s">
        <v>100</v>
      </c>
      <c r="F273" s="3" t="s">
        <v>127</v>
      </c>
      <c r="G273" s="3" t="s">
        <v>102</v>
      </c>
      <c r="H273" s="3">
        <v>2019</v>
      </c>
      <c r="I273" s="3" t="s">
        <v>103</v>
      </c>
      <c r="J273" s="3" t="s">
        <v>517</v>
      </c>
      <c r="K273" s="14">
        <v>44784</v>
      </c>
      <c r="L273" s="3" t="s">
        <v>516</v>
      </c>
    </row>
    <row r="274" spans="1:12" x14ac:dyDescent="0.3">
      <c r="A274" s="11">
        <v>14780760</v>
      </c>
      <c r="B274" s="11">
        <v>5016394</v>
      </c>
      <c r="C274" s="22" t="str">
        <f t="shared" si="5"/>
        <v>https://support.microsoft.com/kb/5016394</v>
      </c>
      <c r="D274" s="3" t="s">
        <v>669</v>
      </c>
      <c r="E274" s="3" t="s">
        <v>100</v>
      </c>
      <c r="F274" s="3" t="s">
        <v>101</v>
      </c>
      <c r="G274" s="3" t="s">
        <v>105</v>
      </c>
      <c r="H274" s="3">
        <v>2019</v>
      </c>
      <c r="I274" s="3" t="s">
        <v>103</v>
      </c>
      <c r="J274" s="3" t="s">
        <v>517</v>
      </c>
      <c r="K274" s="14">
        <v>44784</v>
      </c>
      <c r="L274" s="3" t="s">
        <v>516</v>
      </c>
    </row>
    <row r="275" spans="1:12" x14ac:dyDescent="0.3">
      <c r="A275" s="11">
        <v>14764719</v>
      </c>
      <c r="B275" s="11">
        <v>5016394</v>
      </c>
      <c r="C275" s="22" t="str">
        <f t="shared" si="5"/>
        <v>https://support.microsoft.com/kb/5016394</v>
      </c>
      <c r="D275" s="3" t="s">
        <v>670</v>
      </c>
      <c r="E275" s="3" t="s">
        <v>100</v>
      </c>
      <c r="F275" s="3" t="s">
        <v>165</v>
      </c>
      <c r="G275" s="3" t="s">
        <v>102</v>
      </c>
      <c r="H275" s="3">
        <v>2019</v>
      </c>
      <c r="I275" s="3" t="s">
        <v>103</v>
      </c>
      <c r="J275" s="3" t="s">
        <v>517</v>
      </c>
      <c r="K275" s="14">
        <v>44784</v>
      </c>
      <c r="L275" s="3" t="s">
        <v>516</v>
      </c>
    </row>
    <row r="276" spans="1:12" x14ac:dyDescent="0.3">
      <c r="A276" s="11">
        <v>14764631</v>
      </c>
      <c r="B276" s="11">
        <v>5016394</v>
      </c>
      <c r="C276" s="22" t="str">
        <f t="shared" si="5"/>
        <v>https://support.microsoft.com/kb/5016394</v>
      </c>
      <c r="D276" s="3" t="s">
        <v>671</v>
      </c>
      <c r="E276" s="3" t="s">
        <v>100</v>
      </c>
      <c r="F276" s="3" t="s">
        <v>127</v>
      </c>
      <c r="G276" s="3" t="s">
        <v>105</v>
      </c>
      <c r="H276" s="3">
        <v>2019</v>
      </c>
      <c r="I276" s="3" t="s">
        <v>103</v>
      </c>
      <c r="J276" s="3" t="s">
        <v>517</v>
      </c>
      <c r="K276" s="14">
        <v>44784</v>
      </c>
      <c r="L276" s="3" t="s">
        <v>516</v>
      </c>
    </row>
    <row r="277" spans="1:12" x14ac:dyDescent="0.3">
      <c r="A277" s="11">
        <v>14764339</v>
      </c>
      <c r="B277" s="11">
        <v>5016394</v>
      </c>
      <c r="C277" s="22" t="str">
        <f t="shared" si="5"/>
        <v>https://support.microsoft.com/kb/5016394</v>
      </c>
      <c r="D277" s="3" t="s">
        <v>672</v>
      </c>
      <c r="E277" s="3" t="s">
        <v>100</v>
      </c>
      <c r="F277" s="3" t="s">
        <v>127</v>
      </c>
      <c r="G277" s="3" t="s">
        <v>105</v>
      </c>
      <c r="H277" s="3">
        <v>2019</v>
      </c>
      <c r="I277" s="3" t="s">
        <v>103</v>
      </c>
      <c r="J277" s="3" t="s">
        <v>517</v>
      </c>
      <c r="K277" s="14">
        <v>44784</v>
      </c>
      <c r="L277" s="3" t="s">
        <v>516</v>
      </c>
    </row>
    <row r="278" spans="1:12" x14ac:dyDescent="0.3">
      <c r="A278" s="11">
        <v>14758810</v>
      </c>
      <c r="B278" s="11">
        <v>5016394</v>
      </c>
      <c r="C278" s="22" t="str">
        <f t="shared" si="5"/>
        <v>https://support.microsoft.com/kb/5016394</v>
      </c>
      <c r="D278" s="3" t="s">
        <v>673</v>
      </c>
      <c r="E278" s="3" t="s">
        <v>100</v>
      </c>
      <c r="F278" s="3" t="s">
        <v>101</v>
      </c>
      <c r="G278" s="3" t="s">
        <v>105</v>
      </c>
      <c r="H278" s="3">
        <v>2019</v>
      </c>
      <c r="I278" s="3" t="s">
        <v>103</v>
      </c>
      <c r="J278" s="3" t="s">
        <v>517</v>
      </c>
      <c r="K278" s="14">
        <v>44784</v>
      </c>
      <c r="L278" s="3" t="s">
        <v>516</v>
      </c>
    </row>
    <row r="279" spans="1:12" x14ac:dyDescent="0.3">
      <c r="A279" s="11">
        <v>14737844</v>
      </c>
      <c r="B279" s="11">
        <v>5017009</v>
      </c>
      <c r="C279" s="22" t="str">
        <f t="shared" si="5"/>
        <v>https://support.microsoft.com/kb/5017009</v>
      </c>
      <c r="D279" s="3" t="s">
        <v>674</v>
      </c>
      <c r="E279" s="3" t="s">
        <v>100</v>
      </c>
      <c r="F279" s="3" t="s">
        <v>120</v>
      </c>
      <c r="G279" s="3" t="s">
        <v>102</v>
      </c>
      <c r="H279" s="3">
        <v>2019</v>
      </c>
      <c r="I279" s="3" t="s">
        <v>103</v>
      </c>
      <c r="J279" s="3" t="s">
        <v>517</v>
      </c>
      <c r="K279" s="14">
        <v>44784</v>
      </c>
      <c r="L279" s="3" t="s">
        <v>516</v>
      </c>
    </row>
    <row r="280" spans="1:12" x14ac:dyDescent="0.3">
      <c r="A280" s="11">
        <v>14729398</v>
      </c>
      <c r="B280" s="11">
        <v>5016394</v>
      </c>
      <c r="C280" s="22" t="str">
        <f t="shared" si="5"/>
        <v>https://support.microsoft.com/kb/5016394</v>
      </c>
      <c r="D280" s="3" t="s">
        <v>675</v>
      </c>
      <c r="E280" s="3" t="s">
        <v>100</v>
      </c>
      <c r="F280" s="3" t="s">
        <v>113</v>
      </c>
      <c r="G280" s="3" t="s">
        <v>105</v>
      </c>
      <c r="H280" s="3">
        <v>2019</v>
      </c>
      <c r="I280" s="3" t="s">
        <v>103</v>
      </c>
      <c r="J280" s="3" t="s">
        <v>517</v>
      </c>
      <c r="K280" s="14">
        <v>44784</v>
      </c>
      <c r="L280" s="3" t="s">
        <v>516</v>
      </c>
    </row>
    <row r="281" spans="1:12" x14ac:dyDescent="0.3">
      <c r="A281" s="11">
        <v>14729381</v>
      </c>
      <c r="B281" s="11">
        <v>5016394</v>
      </c>
      <c r="C281" s="22" t="str">
        <f t="shared" si="5"/>
        <v>https://support.microsoft.com/kb/5016394</v>
      </c>
      <c r="D281" s="3" t="s">
        <v>676</v>
      </c>
      <c r="E281" s="3" t="s">
        <v>180</v>
      </c>
      <c r="F281" s="3" t="s">
        <v>180</v>
      </c>
      <c r="G281" s="3" t="s">
        <v>102</v>
      </c>
      <c r="H281" s="3">
        <v>2019</v>
      </c>
      <c r="I281" s="3" t="s">
        <v>103</v>
      </c>
      <c r="J281" s="3" t="s">
        <v>517</v>
      </c>
      <c r="K281" s="14">
        <v>44784</v>
      </c>
      <c r="L281" s="3" t="s">
        <v>516</v>
      </c>
    </row>
    <row r="282" spans="1:12" x14ac:dyDescent="0.3">
      <c r="A282" s="11">
        <v>14726037</v>
      </c>
      <c r="B282" s="11">
        <v>5016394</v>
      </c>
      <c r="C282" s="22" t="str">
        <f t="shared" si="5"/>
        <v>https://support.microsoft.com/kb/5016394</v>
      </c>
      <c r="D282" s="3" t="s">
        <v>677</v>
      </c>
      <c r="E282" s="3" t="s">
        <v>100</v>
      </c>
      <c r="F282" s="3" t="s">
        <v>269</v>
      </c>
      <c r="G282" s="3" t="s">
        <v>102</v>
      </c>
      <c r="H282" s="3">
        <v>2019</v>
      </c>
      <c r="I282" s="3" t="s">
        <v>103</v>
      </c>
      <c r="J282" s="3" t="s">
        <v>517</v>
      </c>
      <c r="K282" s="14">
        <v>44784</v>
      </c>
      <c r="L282" s="3" t="s">
        <v>516</v>
      </c>
    </row>
    <row r="283" spans="1:12" x14ac:dyDescent="0.3">
      <c r="A283" s="11">
        <v>14708235</v>
      </c>
      <c r="B283" s="11">
        <v>5016394</v>
      </c>
      <c r="C283" s="22" t="str">
        <f t="shared" si="5"/>
        <v>https://support.microsoft.com/kb/5016394</v>
      </c>
      <c r="D283" s="3" t="s">
        <v>678</v>
      </c>
      <c r="E283" s="3" t="s">
        <v>100</v>
      </c>
      <c r="F283" s="3" t="s">
        <v>161</v>
      </c>
      <c r="G283" s="3" t="s">
        <v>105</v>
      </c>
      <c r="H283" s="3">
        <v>2019</v>
      </c>
      <c r="I283" s="3" t="s">
        <v>103</v>
      </c>
      <c r="J283" s="3" t="s">
        <v>517</v>
      </c>
      <c r="K283" s="14">
        <v>44784</v>
      </c>
      <c r="L283" s="3" t="s">
        <v>516</v>
      </c>
    </row>
    <row r="284" spans="1:12" x14ac:dyDescent="0.3">
      <c r="A284" s="11">
        <v>14708231</v>
      </c>
      <c r="B284" s="11">
        <v>5013181</v>
      </c>
      <c r="C284" s="22" t="str">
        <f t="shared" si="5"/>
        <v>https://support.microsoft.com/kb/5013181</v>
      </c>
      <c r="D284" s="3" t="s">
        <v>679</v>
      </c>
      <c r="E284" s="3" t="s">
        <v>100</v>
      </c>
      <c r="F284" s="3" t="s">
        <v>120</v>
      </c>
      <c r="G284" s="3" t="s">
        <v>102</v>
      </c>
      <c r="H284" s="3">
        <v>2019</v>
      </c>
      <c r="I284" s="3" t="s">
        <v>103</v>
      </c>
      <c r="J284" s="3" t="s">
        <v>517</v>
      </c>
      <c r="K284" s="14">
        <v>44784</v>
      </c>
      <c r="L284" s="3" t="s">
        <v>516</v>
      </c>
    </row>
    <row r="285" spans="1:12" x14ac:dyDescent="0.3">
      <c r="A285" s="11">
        <v>14692739</v>
      </c>
      <c r="B285" s="11">
        <v>5017100</v>
      </c>
      <c r="C285" s="22" t="str">
        <f t="shared" si="5"/>
        <v>https://support.microsoft.com/kb/5017100</v>
      </c>
      <c r="D285" s="3" t="s">
        <v>680</v>
      </c>
      <c r="E285" s="3" t="s">
        <v>100</v>
      </c>
      <c r="F285" s="3" t="s">
        <v>214</v>
      </c>
      <c r="G285" s="3" t="s">
        <v>105</v>
      </c>
      <c r="H285" s="3">
        <v>2019</v>
      </c>
      <c r="I285" s="3" t="s">
        <v>103</v>
      </c>
      <c r="J285" s="3" t="s">
        <v>517</v>
      </c>
      <c r="K285" s="14">
        <v>44784</v>
      </c>
      <c r="L285" s="3" t="s">
        <v>516</v>
      </c>
    </row>
    <row r="286" spans="1:12" x14ac:dyDescent="0.3">
      <c r="A286" s="11">
        <v>14679511</v>
      </c>
      <c r="B286" s="11">
        <v>5016394</v>
      </c>
      <c r="C286" s="22" t="str">
        <f t="shared" si="5"/>
        <v>https://support.microsoft.com/kb/5016394</v>
      </c>
      <c r="D286" s="3" t="s">
        <v>681</v>
      </c>
      <c r="E286" s="3" t="s">
        <v>100</v>
      </c>
      <c r="F286" s="3" t="s">
        <v>161</v>
      </c>
      <c r="G286" s="3" t="s">
        <v>105</v>
      </c>
      <c r="H286" s="3">
        <v>2019</v>
      </c>
      <c r="I286" s="3" t="s">
        <v>103</v>
      </c>
      <c r="J286" s="3" t="s">
        <v>517</v>
      </c>
      <c r="K286" s="14">
        <v>44784</v>
      </c>
      <c r="L286" s="3" t="s">
        <v>516</v>
      </c>
    </row>
    <row r="287" spans="1:12" x14ac:dyDescent="0.3">
      <c r="A287" s="11">
        <v>14676485</v>
      </c>
      <c r="B287" s="11">
        <v>5016394</v>
      </c>
      <c r="C287" s="22" t="str">
        <f t="shared" si="5"/>
        <v>https://support.microsoft.com/kb/5016394</v>
      </c>
      <c r="D287" s="3" t="s">
        <v>682</v>
      </c>
      <c r="E287" s="3" t="s">
        <v>100</v>
      </c>
      <c r="F287" s="3" t="s">
        <v>123</v>
      </c>
      <c r="G287" s="3" t="s">
        <v>102</v>
      </c>
      <c r="H287" s="3">
        <v>2019</v>
      </c>
      <c r="I287" s="3" t="s">
        <v>103</v>
      </c>
      <c r="J287" s="3" t="s">
        <v>517</v>
      </c>
      <c r="K287" s="14">
        <v>44784</v>
      </c>
      <c r="L287" s="3" t="s">
        <v>516</v>
      </c>
    </row>
    <row r="288" spans="1:12" x14ac:dyDescent="0.3">
      <c r="A288" s="11">
        <v>14673410</v>
      </c>
      <c r="B288" s="11">
        <v>5016394</v>
      </c>
      <c r="C288" s="22" t="str">
        <f t="shared" si="5"/>
        <v>https://support.microsoft.com/kb/5016394</v>
      </c>
      <c r="D288" s="3" t="s">
        <v>683</v>
      </c>
      <c r="E288" s="3" t="s">
        <v>100</v>
      </c>
      <c r="F288" s="3" t="s">
        <v>127</v>
      </c>
      <c r="G288" s="3" t="s">
        <v>102</v>
      </c>
      <c r="H288" s="3">
        <v>2019</v>
      </c>
      <c r="I288" s="3" t="s">
        <v>103</v>
      </c>
      <c r="J288" s="3" t="s">
        <v>517</v>
      </c>
      <c r="K288" s="14">
        <v>44784</v>
      </c>
      <c r="L288" s="3" t="s">
        <v>516</v>
      </c>
    </row>
    <row r="289" spans="1:12" x14ac:dyDescent="0.3">
      <c r="A289" s="11">
        <v>14638786</v>
      </c>
      <c r="B289" s="11">
        <v>5016394</v>
      </c>
      <c r="C289" s="22" t="str">
        <f t="shared" ref="C289:C353" si="6">HYPERLINK("https://support.microsoft.com/kb/"&amp;B289)</f>
        <v>https://support.microsoft.com/kb/5016394</v>
      </c>
      <c r="D289" s="3" t="s">
        <v>684</v>
      </c>
      <c r="E289" s="3" t="s">
        <v>100</v>
      </c>
      <c r="F289" s="3" t="s">
        <v>101</v>
      </c>
      <c r="G289" s="3" t="s">
        <v>102</v>
      </c>
      <c r="H289" s="3">
        <v>2019</v>
      </c>
      <c r="I289" s="3" t="s">
        <v>103</v>
      </c>
      <c r="J289" s="3" t="s">
        <v>517</v>
      </c>
      <c r="K289" s="14">
        <v>44784</v>
      </c>
      <c r="L289" s="3" t="s">
        <v>516</v>
      </c>
    </row>
    <row r="290" spans="1:12" x14ac:dyDescent="0.3">
      <c r="A290" s="11">
        <v>14537603</v>
      </c>
      <c r="B290" s="11">
        <v>5016394</v>
      </c>
      <c r="C290" s="22" t="str">
        <f t="shared" si="6"/>
        <v>https://support.microsoft.com/kb/5016394</v>
      </c>
      <c r="D290" s="3" t="s">
        <v>685</v>
      </c>
      <c r="E290" s="3" t="s">
        <v>100</v>
      </c>
      <c r="F290" s="3" t="s">
        <v>110</v>
      </c>
      <c r="G290" s="3" t="s">
        <v>102</v>
      </c>
      <c r="H290" s="3">
        <v>2019</v>
      </c>
      <c r="I290" s="3" t="s">
        <v>103</v>
      </c>
      <c r="J290" s="3" t="s">
        <v>517</v>
      </c>
      <c r="K290" s="14">
        <v>44784</v>
      </c>
      <c r="L290" s="3" t="s">
        <v>516</v>
      </c>
    </row>
    <row r="291" spans="1:12" x14ac:dyDescent="0.3">
      <c r="A291" s="11">
        <v>312902877</v>
      </c>
      <c r="B291" s="11">
        <v>5016394</v>
      </c>
      <c r="C291" s="22" t="str">
        <f>HYPERLINK("https://support.microsoft.com/kb/"&amp;B291)</f>
        <v>https://support.microsoft.com/kb/5016394</v>
      </c>
      <c r="D291" s="3" t="s">
        <v>686</v>
      </c>
      <c r="E291" s="3" t="s">
        <v>100</v>
      </c>
      <c r="F291" s="3" t="s">
        <v>687</v>
      </c>
      <c r="G291" s="3" t="s">
        <v>116</v>
      </c>
      <c r="H291" s="3">
        <v>2019</v>
      </c>
      <c r="I291" s="3" t="s">
        <v>103</v>
      </c>
      <c r="J291" s="3" t="s">
        <v>517</v>
      </c>
      <c r="K291" s="14">
        <v>44784</v>
      </c>
      <c r="L291" s="3" t="s">
        <v>516</v>
      </c>
    </row>
    <row r="292" spans="1:12" x14ac:dyDescent="0.3">
      <c r="A292" s="11">
        <v>14507664</v>
      </c>
      <c r="B292" s="11">
        <v>5016394</v>
      </c>
      <c r="C292" s="22" t="str">
        <f t="shared" si="6"/>
        <v>https://support.microsoft.com/kb/5016394</v>
      </c>
      <c r="D292" s="3" t="s">
        <v>688</v>
      </c>
      <c r="E292" s="3" t="s">
        <v>380</v>
      </c>
      <c r="F292" s="3" t="s">
        <v>689</v>
      </c>
      <c r="G292" s="3" t="s">
        <v>102</v>
      </c>
      <c r="H292" s="3">
        <v>2019</v>
      </c>
      <c r="I292" s="3" t="s">
        <v>103</v>
      </c>
      <c r="J292" s="3" t="s">
        <v>517</v>
      </c>
      <c r="K292" s="14">
        <v>44784</v>
      </c>
      <c r="L292" s="3" t="s">
        <v>516</v>
      </c>
    </row>
    <row r="293" spans="1:12" x14ac:dyDescent="0.3">
      <c r="A293" s="11">
        <v>14350896</v>
      </c>
      <c r="B293" s="11">
        <v>5016394</v>
      </c>
      <c r="C293" s="22" t="str">
        <f t="shared" si="6"/>
        <v>https://support.microsoft.com/kb/5016394</v>
      </c>
      <c r="D293" s="3" t="s">
        <v>690</v>
      </c>
      <c r="E293" s="3" t="s">
        <v>100</v>
      </c>
      <c r="F293" s="3" t="s">
        <v>116</v>
      </c>
      <c r="G293" s="3" t="s">
        <v>116</v>
      </c>
      <c r="H293" s="3">
        <v>2019</v>
      </c>
      <c r="I293" s="3" t="s">
        <v>103</v>
      </c>
      <c r="J293" s="3" t="s">
        <v>517</v>
      </c>
      <c r="K293" s="14">
        <v>44784</v>
      </c>
      <c r="L293" s="3" t="s">
        <v>516</v>
      </c>
    </row>
    <row r="294" spans="1:12" x14ac:dyDescent="0.3">
      <c r="A294" s="11">
        <v>14729552</v>
      </c>
      <c r="B294" s="11">
        <v>5014356</v>
      </c>
      <c r="C294" s="22" t="str">
        <f t="shared" si="6"/>
        <v>https://support.microsoft.com/kb/5014356</v>
      </c>
      <c r="D294" s="3" t="s">
        <v>691</v>
      </c>
      <c r="E294" s="3" t="s">
        <v>100</v>
      </c>
      <c r="F294" s="3" t="s">
        <v>127</v>
      </c>
      <c r="G294" s="3" t="s">
        <v>102</v>
      </c>
      <c r="H294" s="3">
        <v>2019</v>
      </c>
      <c r="I294" s="3" t="s">
        <v>89</v>
      </c>
      <c r="J294" s="3" t="s">
        <v>37</v>
      </c>
      <c r="K294" s="14">
        <v>44726</v>
      </c>
      <c r="L294" s="3" t="s">
        <v>520</v>
      </c>
    </row>
    <row r="295" spans="1:12" x14ac:dyDescent="0.3">
      <c r="A295" s="11">
        <v>14729555</v>
      </c>
      <c r="B295" s="11">
        <v>5014353</v>
      </c>
      <c r="C295" s="22" t="str">
        <f t="shared" si="6"/>
        <v>https://support.microsoft.com/kb/5014353</v>
      </c>
      <c r="D295" s="3" t="s">
        <v>691</v>
      </c>
      <c r="E295" s="3" t="s">
        <v>100</v>
      </c>
      <c r="F295" s="3" t="s">
        <v>127</v>
      </c>
      <c r="G295" s="3" t="s">
        <v>102</v>
      </c>
      <c r="H295" s="3">
        <v>2019</v>
      </c>
      <c r="I295" s="3" t="s">
        <v>103</v>
      </c>
      <c r="J295" s="3" t="s">
        <v>519</v>
      </c>
      <c r="K295" s="14">
        <v>44726</v>
      </c>
      <c r="L295" s="3" t="s">
        <v>518</v>
      </c>
    </row>
    <row r="296" spans="1:12" x14ac:dyDescent="0.3">
      <c r="A296" s="11">
        <v>14711983</v>
      </c>
      <c r="B296" s="11">
        <v>5014137</v>
      </c>
      <c r="C296" s="22" t="str">
        <f t="shared" si="6"/>
        <v>https://support.microsoft.com/kb/5014137</v>
      </c>
      <c r="D296" s="3" t="s">
        <v>692</v>
      </c>
      <c r="E296" s="3" t="s">
        <v>100</v>
      </c>
      <c r="F296" s="3" t="s">
        <v>125</v>
      </c>
      <c r="G296" s="3" t="s">
        <v>105</v>
      </c>
      <c r="H296" s="3">
        <v>2019</v>
      </c>
      <c r="I296" s="3" t="s">
        <v>103</v>
      </c>
      <c r="J296" s="3" t="s">
        <v>522</v>
      </c>
      <c r="K296" s="14">
        <v>44669</v>
      </c>
      <c r="L296" s="3" t="s">
        <v>521</v>
      </c>
    </row>
    <row r="297" spans="1:12" x14ac:dyDescent="0.3">
      <c r="A297" s="11">
        <v>14694104</v>
      </c>
      <c r="B297" s="11">
        <v>5011644</v>
      </c>
      <c r="C297" s="22" t="str">
        <f t="shared" si="6"/>
        <v>https://support.microsoft.com/kb/5011644</v>
      </c>
      <c r="D297" s="3" t="s">
        <v>693</v>
      </c>
      <c r="E297" s="3" t="s">
        <v>100</v>
      </c>
      <c r="F297" s="3" t="s">
        <v>233</v>
      </c>
      <c r="G297" s="3" t="s">
        <v>102</v>
      </c>
      <c r="H297" s="3">
        <v>2019</v>
      </c>
      <c r="I297" s="3" t="s">
        <v>103</v>
      </c>
      <c r="J297" s="3" t="s">
        <v>522</v>
      </c>
      <c r="K297" s="14">
        <v>44669</v>
      </c>
      <c r="L297" s="3" t="s">
        <v>521</v>
      </c>
    </row>
    <row r="298" spans="1:12" ht="15.75" customHeight="1" x14ac:dyDescent="0.3">
      <c r="A298" s="11">
        <v>14689800</v>
      </c>
      <c r="B298" s="11">
        <v>5014136</v>
      </c>
      <c r="C298" s="22" t="str">
        <f t="shared" si="6"/>
        <v>https://support.microsoft.com/kb/5014136</v>
      </c>
      <c r="D298" s="3" t="s">
        <v>694</v>
      </c>
      <c r="E298" s="3" t="s">
        <v>100</v>
      </c>
      <c r="F298" s="3" t="s">
        <v>125</v>
      </c>
      <c r="G298" s="3" t="s">
        <v>105</v>
      </c>
      <c r="H298" s="3">
        <v>2019</v>
      </c>
      <c r="I298" s="3" t="s">
        <v>103</v>
      </c>
      <c r="J298" s="3" t="s">
        <v>522</v>
      </c>
      <c r="K298" s="14">
        <v>44669</v>
      </c>
      <c r="L298" s="3" t="s">
        <v>521</v>
      </c>
    </row>
    <row r="299" spans="1:12" x14ac:dyDescent="0.3">
      <c r="A299" s="11">
        <v>14670801</v>
      </c>
      <c r="B299" s="11">
        <v>5011644</v>
      </c>
      <c r="C299" s="22" t="str">
        <f t="shared" si="6"/>
        <v>https://support.microsoft.com/kb/5011644</v>
      </c>
      <c r="D299" s="3" t="s">
        <v>695</v>
      </c>
      <c r="E299" s="3" t="s">
        <v>100</v>
      </c>
      <c r="F299" s="3" t="s">
        <v>113</v>
      </c>
      <c r="G299" s="3" t="s">
        <v>102</v>
      </c>
      <c r="H299" s="3">
        <v>2019</v>
      </c>
      <c r="I299" s="3" t="s">
        <v>103</v>
      </c>
      <c r="J299" s="3" t="s">
        <v>522</v>
      </c>
      <c r="K299" s="14">
        <v>44669</v>
      </c>
      <c r="L299" s="3" t="s">
        <v>521</v>
      </c>
    </row>
    <row r="300" spans="1:12" x14ac:dyDescent="0.3">
      <c r="A300" s="11">
        <v>14669436</v>
      </c>
      <c r="B300" s="11">
        <v>5011644</v>
      </c>
      <c r="C300" s="22" t="str">
        <f t="shared" si="6"/>
        <v>https://support.microsoft.com/kb/5011644</v>
      </c>
      <c r="D300" s="3" t="s">
        <v>696</v>
      </c>
      <c r="E300" s="3" t="s">
        <v>697</v>
      </c>
      <c r="F300" s="3" t="s">
        <v>211</v>
      </c>
      <c r="G300" s="3" t="s">
        <v>102</v>
      </c>
      <c r="H300" s="3">
        <v>2019</v>
      </c>
      <c r="I300" s="3" t="s">
        <v>103</v>
      </c>
      <c r="J300" s="3" t="s">
        <v>522</v>
      </c>
      <c r="K300" s="14">
        <v>44669</v>
      </c>
      <c r="L300" s="3" t="s">
        <v>521</v>
      </c>
    </row>
    <row r="301" spans="1:12" x14ac:dyDescent="0.3">
      <c r="A301" s="11">
        <v>14669019</v>
      </c>
      <c r="B301" s="11">
        <v>5011644</v>
      </c>
      <c r="C301" s="22" t="str">
        <f t="shared" si="6"/>
        <v>https://support.microsoft.com/kb/5011644</v>
      </c>
      <c r="D301" s="3" t="s">
        <v>698</v>
      </c>
      <c r="E301" s="3" t="s">
        <v>380</v>
      </c>
      <c r="F301" s="3" t="s">
        <v>699</v>
      </c>
      <c r="G301" s="3" t="s">
        <v>105</v>
      </c>
      <c r="H301" s="3">
        <v>2019</v>
      </c>
      <c r="I301" s="3" t="s">
        <v>103</v>
      </c>
      <c r="J301" s="3" t="s">
        <v>522</v>
      </c>
      <c r="K301" s="14">
        <v>44669</v>
      </c>
      <c r="L301" s="3" t="s">
        <v>521</v>
      </c>
    </row>
    <row r="302" spans="1:12" ht="15.75" customHeight="1" x14ac:dyDescent="0.3">
      <c r="A302" s="11">
        <v>14662889</v>
      </c>
      <c r="B302" s="11">
        <v>5011644</v>
      </c>
      <c r="C302" s="22" t="str">
        <f t="shared" si="6"/>
        <v>https://support.microsoft.com/kb/5011644</v>
      </c>
      <c r="D302" s="3" t="s">
        <v>700</v>
      </c>
      <c r="E302" s="3" t="s">
        <v>100</v>
      </c>
      <c r="F302" s="3" t="s">
        <v>233</v>
      </c>
      <c r="G302" s="3" t="s">
        <v>102</v>
      </c>
      <c r="H302" s="3">
        <v>2019</v>
      </c>
      <c r="I302" s="3" t="s">
        <v>103</v>
      </c>
      <c r="J302" s="3" t="s">
        <v>522</v>
      </c>
      <c r="K302" s="14">
        <v>44669</v>
      </c>
      <c r="L302" s="3" t="s">
        <v>521</v>
      </c>
    </row>
    <row r="303" spans="1:12" x14ac:dyDescent="0.3">
      <c r="A303" s="11">
        <v>14662671</v>
      </c>
      <c r="B303" s="11">
        <v>5013391</v>
      </c>
      <c r="C303" s="22" t="str">
        <f t="shared" si="6"/>
        <v>https://support.microsoft.com/kb/5013391</v>
      </c>
      <c r="D303" s="3" t="s">
        <v>701</v>
      </c>
      <c r="E303" s="3" t="s">
        <v>100</v>
      </c>
      <c r="F303" s="3" t="s">
        <v>116</v>
      </c>
      <c r="G303" s="3" t="s">
        <v>116</v>
      </c>
      <c r="H303" s="3">
        <v>2019</v>
      </c>
      <c r="I303" s="3" t="s">
        <v>103</v>
      </c>
      <c r="J303" s="3" t="s">
        <v>522</v>
      </c>
      <c r="K303" s="14">
        <v>44669</v>
      </c>
      <c r="L303" s="3" t="s">
        <v>521</v>
      </c>
    </row>
    <row r="304" spans="1:12" x14ac:dyDescent="0.3">
      <c r="A304" s="11">
        <v>14660934</v>
      </c>
      <c r="B304" s="11">
        <v>5011644</v>
      </c>
      <c r="C304" s="22" t="str">
        <f t="shared" si="6"/>
        <v>https://support.microsoft.com/kb/5011644</v>
      </c>
      <c r="D304" s="3" t="s">
        <v>702</v>
      </c>
      <c r="E304" s="3" t="s">
        <v>100</v>
      </c>
      <c r="F304" s="3" t="s">
        <v>101</v>
      </c>
      <c r="G304" s="3" t="s">
        <v>102</v>
      </c>
      <c r="H304" s="3">
        <v>2019</v>
      </c>
      <c r="I304" s="3" t="s">
        <v>103</v>
      </c>
      <c r="J304" s="3" t="s">
        <v>522</v>
      </c>
      <c r="K304" s="14">
        <v>44669</v>
      </c>
      <c r="L304" s="3" t="s">
        <v>521</v>
      </c>
    </row>
    <row r="305" spans="1:12" x14ac:dyDescent="0.3">
      <c r="A305" s="11">
        <v>14654659</v>
      </c>
      <c r="B305" s="11">
        <v>4538581</v>
      </c>
      <c r="C305" s="22" t="str">
        <f t="shared" si="6"/>
        <v>https://support.microsoft.com/kb/4538581</v>
      </c>
      <c r="D305" s="3" t="s">
        <v>703</v>
      </c>
      <c r="E305" s="3" t="s">
        <v>100</v>
      </c>
      <c r="F305" s="3" t="s">
        <v>127</v>
      </c>
      <c r="G305" s="3" t="s">
        <v>105</v>
      </c>
      <c r="H305" s="3">
        <v>2019</v>
      </c>
      <c r="I305" s="3" t="s">
        <v>103</v>
      </c>
      <c r="J305" s="3" t="s">
        <v>522</v>
      </c>
      <c r="K305" s="14">
        <v>44669</v>
      </c>
      <c r="L305" s="3" t="s">
        <v>521</v>
      </c>
    </row>
    <row r="306" spans="1:12" x14ac:dyDescent="0.3">
      <c r="A306" s="11">
        <v>14623946</v>
      </c>
      <c r="B306" s="11">
        <v>5011644</v>
      </c>
      <c r="C306" s="22" t="str">
        <f t="shared" si="6"/>
        <v>https://support.microsoft.com/kb/5011644</v>
      </c>
      <c r="D306" s="3" t="s">
        <v>704</v>
      </c>
      <c r="E306" s="3" t="s">
        <v>100</v>
      </c>
      <c r="F306" s="3" t="s">
        <v>153</v>
      </c>
      <c r="G306" s="3" t="s">
        <v>105</v>
      </c>
      <c r="H306" s="3">
        <v>2019</v>
      </c>
      <c r="I306" s="3" t="s">
        <v>103</v>
      </c>
      <c r="J306" s="3" t="s">
        <v>522</v>
      </c>
      <c r="K306" s="14">
        <v>44669</v>
      </c>
      <c r="L306" s="3" t="s">
        <v>521</v>
      </c>
    </row>
    <row r="307" spans="1:12" x14ac:dyDescent="0.3">
      <c r="A307" s="11">
        <v>14621802</v>
      </c>
      <c r="B307" s="11">
        <v>5011644</v>
      </c>
      <c r="C307" s="22" t="str">
        <f t="shared" si="6"/>
        <v>https://support.microsoft.com/kb/5011644</v>
      </c>
      <c r="D307" s="3" t="s">
        <v>705</v>
      </c>
      <c r="E307" s="3" t="s">
        <v>107</v>
      </c>
      <c r="F307" s="3" t="s">
        <v>118</v>
      </c>
      <c r="G307" s="3" t="s">
        <v>102</v>
      </c>
      <c r="H307" s="3">
        <v>2019</v>
      </c>
      <c r="I307" s="3" t="s">
        <v>103</v>
      </c>
      <c r="J307" s="3" t="s">
        <v>522</v>
      </c>
      <c r="K307" s="14">
        <v>44669</v>
      </c>
      <c r="L307" s="3" t="s">
        <v>521</v>
      </c>
    </row>
    <row r="308" spans="1:12" x14ac:dyDescent="0.3">
      <c r="A308" s="11">
        <v>14618099</v>
      </c>
      <c r="B308" s="11">
        <v>5011644</v>
      </c>
      <c r="C308" s="22" t="str">
        <f t="shared" si="6"/>
        <v>https://support.microsoft.com/kb/5011644</v>
      </c>
      <c r="D308" s="3" t="s">
        <v>706</v>
      </c>
      <c r="E308" s="3" t="s">
        <v>100</v>
      </c>
      <c r="F308" s="3" t="s">
        <v>161</v>
      </c>
      <c r="G308" s="3" t="s">
        <v>105</v>
      </c>
      <c r="H308" s="3">
        <v>2019</v>
      </c>
      <c r="I308" s="3" t="s">
        <v>103</v>
      </c>
      <c r="J308" s="3" t="s">
        <v>522</v>
      </c>
      <c r="K308" s="14">
        <v>44669</v>
      </c>
      <c r="L308" s="3" t="s">
        <v>521</v>
      </c>
    </row>
    <row r="309" spans="1:12" x14ac:dyDescent="0.3">
      <c r="A309" s="11">
        <v>14617331</v>
      </c>
      <c r="B309" s="11">
        <v>5011644</v>
      </c>
      <c r="C309" s="22" t="str">
        <f t="shared" si="6"/>
        <v>https://support.microsoft.com/kb/5011644</v>
      </c>
      <c r="D309" s="3" t="s">
        <v>707</v>
      </c>
      <c r="E309" s="3" t="s">
        <v>100</v>
      </c>
      <c r="F309" s="3" t="s">
        <v>233</v>
      </c>
      <c r="G309" s="3" t="s">
        <v>105</v>
      </c>
      <c r="H309" s="3">
        <v>2019</v>
      </c>
      <c r="I309" s="3" t="s">
        <v>103</v>
      </c>
      <c r="J309" s="3" t="s">
        <v>522</v>
      </c>
      <c r="K309" s="14">
        <v>44669</v>
      </c>
      <c r="L309" s="3" t="s">
        <v>521</v>
      </c>
    </row>
    <row r="310" spans="1:12" x14ac:dyDescent="0.3">
      <c r="A310" s="11">
        <v>14617266</v>
      </c>
      <c r="B310" s="11">
        <v>5011644</v>
      </c>
      <c r="C310" s="22" t="str">
        <f t="shared" si="6"/>
        <v>https://support.microsoft.com/kb/5011644</v>
      </c>
      <c r="D310" s="3" t="s">
        <v>708</v>
      </c>
      <c r="E310" s="3" t="s">
        <v>100</v>
      </c>
      <c r="F310" s="3" t="s">
        <v>233</v>
      </c>
      <c r="G310" s="3" t="s">
        <v>102</v>
      </c>
      <c r="H310" s="3">
        <v>2019</v>
      </c>
      <c r="I310" s="3" t="s">
        <v>103</v>
      </c>
      <c r="J310" s="3" t="s">
        <v>522</v>
      </c>
      <c r="K310" s="14">
        <v>44669</v>
      </c>
      <c r="L310" s="3" t="s">
        <v>521</v>
      </c>
    </row>
    <row r="311" spans="1:12" x14ac:dyDescent="0.3">
      <c r="A311" s="11">
        <v>14608912</v>
      </c>
      <c r="B311" s="11">
        <v>5011644</v>
      </c>
      <c r="C311" s="22" t="str">
        <f t="shared" si="6"/>
        <v>https://support.microsoft.com/kb/5011644</v>
      </c>
      <c r="D311" s="3" t="s">
        <v>709</v>
      </c>
      <c r="E311" s="3" t="s">
        <v>100</v>
      </c>
      <c r="F311" s="3" t="s">
        <v>116</v>
      </c>
      <c r="G311" s="3" t="s">
        <v>116</v>
      </c>
      <c r="H311" s="3">
        <v>2019</v>
      </c>
      <c r="I311" s="3" t="s">
        <v>103</v>
      </c>
      <c r="J311" s="3" t="s">
        <v>522</v>
      </c>
      <c r="K311" s="14">
        <v>44669</v>
      </c>
      <c r="L311" s="3" t="s">
        <v>521</v>
      </c>
    </row>
    <row r="312" spans="1:12" x14ac:dyDescent="0.3">
      <c r="A312" s="11">
        <v>14579161</v>
      </c>
      <c r="B312" s="11">
        <v>5011644</v>
      </c>
      <c r="C312" s="22" t="str">
        <f t="shared" si="6"/>
        <v>https://support.microsoft.com/kb/5011644</v>
      </c>
      <c r="D312" s="3" t="s">
        <v>710</v>
      </c>
      <c r="E312" s="3" t="s">
        <v>100</v>
      </c>
      <c r="F312" s="3" t="s">
        <v>120</v>
      </c>
      <c r="G312" s="3" t="s">
        <v>102</v>
      </c>
      <c r="H312" s="3">
        <v>2019</v>
      </c>
      <c r="I312" s="3" t="s">
        <v>103</v>
      </c>
      <c r="J312" s="3" t="s">
        <v>522</v>
      </c>
      <c r="K312" s="14">
        <v>44669</v>
      </c>
      <c r="L312" s="3" t="s">
        <v>521</v>
      </c>
    </row>
    <row r="313" spans="1:12" x14ac:dyDescent="0.3">
      <c r="A313" s="11">
        <v>14577537</v>
      </c>
      <c r="B313" s="11">
        <v>5011644</v>
      </c>
      <c r="C313" s="22" t="str">
        <f t="shared" si="6"/>
        <v>https://support.microsoft.com/kb/5011644</v>
      </c>
      <c r="D313" s="3" t="s">
        <v>711</v>
      </c>
      <c r="E313" s="3" t="s">
        <v>178</v>
      </c>
      <c r="F313" s="3" t="s">
        <v>178</v>
      </c>
      <c r="G313" s="3" t="s">
        <v>102</v>
      </c>
      <c r="H313" s="3">
        <v>2019</v>
      </c>
      <c r="I313" s="3" t="s">
        <v>103</v>
      </c>
      <c r="J313" s="3" t="s">
        <v>522</v>
      </c>
      <c r="K313" s="14">
        <v>44669</v>
      </c>
      <c r="L313" s="3" t="s">
        <v>521</v>
      </c>
    </row>
    <row r="314" spans="1:12" x14ac:dyDescent="0.3">
      <c r="A314" s="11">
        <v>14576382</v>
      </c>
      <c r="B314" s="11">
        <v>5014047</v>
      </c>
      <c r="C314" s="22" t="str">
        <f t="shared" si="6"/>
        <v>https://support.microsoft.com/kb/5014047</v>
      </c>
      <c r="D314" s="3" t="s">
        <v>712</v>
      </c>
      <c r="E314" s="3" t="s">
        <v>100</v>
      </c>
      <c r="F314" s="3" t="s">
        <v>120</v>
      </c>
      <c r="G314" s="3" t="s">
        <v>102</v>
      </c>
      <c r="H314" s="3">
        <v>2019</v>
      </c>
      <c r="I314" s="3" t="s">
        <v>103</v>
      </c>
      <c r="J314" s="3" t="s">
        <v>522</v>
      </c>
      <c r="K314" s="14">
        <v>44669</v>
      </c>
      <c r="L314" s="3" t="s">
        <v>521</v>
      </c>
    </row>
    <row r="315" spans="1:12" x14ac:dyDescent="0.3">
      <c r="A315" s="11">
        <v>14576308</v>
      </c>
      <c r="B315" s="11">
        <v>5011644</v>
      </c>
      <c r="C315" s="22" t="str">
        <f t="shared" si="6"/>
        <v>https://support.microsoft.com/kb/5011644</v>
      </c>
      <c r="D315" s="3" t="s">
        <v>713</v>
      </c>
      <c r="E315" s="3" t="s">
        <v>100</v>
      </c>
      <c r="F315" s="3" t="s">
        <v>139</v>
      </c>
      <c r="G315" s="3" t="s">
        <v>102</v>
      </c>
      <c r="H315" s="3">
        <v>2019</v>
      </c>
      <c r="I315" s="3" t="s">
        <v>103</v>
      </c>
      <c r="J315" s="3" t="s">
        <v>522</v>
      </c>
      <c r="K315" s="14">
        <v>44669</v>
      </c>
      <c r="L315" s="3" t="s">
        <v>521</v>
      </c>
    </row>
    <row r="316" spans="1:12" x14ac:dyDescent="0.3">
      <c r="A316" s="11">
        <v>14573042</v>
      </c>
      <c r="B316" s="11">
        <v>5011644</v>
      </c>
      <c r="C316" s="22" t="str">
        <f t="shared" si="6"/>
        <v>https://support.microsoft.com/kb/5011644</v>
      </c>
      <c r="D316" s="3" t="s">
        <v>714</v>
      </c>
      <c r="E316" s="3" t="s">
        <v>100</v>
      </c>
      <c r="F316" s="3" t="s">
        <v>123</v>
      </c>
      <c r="G316" s="3" t="s">
        <v>102</v>
      </c>
      <c r="H316" s="3">
        <v>2019</v>
      </c>
      <c r="I316" s="3" t="s">
        <v>103</v>
      </c>
      <c r="J316" s="3" t="s">
        <v>522</v>
      </c>
      <c r="K316" s="14">
        <v>44669</v>
      </c>
      <c r="L316" s="3" t="s">
        <v>521</v>
      </c>
    </row>
    <row r="317" spans="1:12" x14ac:dyDescent="0.3">
      <c r="A317" s="11">
        <v>14569908</v>
      </c>
      <c r="B317" s="11">
        <v>5011644</v>
      </c>
      <c r="C317" s="22" t="str">
        <f t="shared" si="6"/>
        <v>https://support.microsoft.com/kb/5011644</v>
      </c>
      <c r="D317" s="3" t="s">
        <v>715</v>
      </c>
      <c r="E317" s="3" t="s">
        <v>100</v>
      </c>
      <c r="F317" s="3" t="s">
        <v>165</v>
      </c>
      <c r="G317" s="3" t="s">
        <v>105</v>
      </c>
      <c r="H317" s="3">
        <v>2019</v>
      </c>
      <c r="I317" s="3" t="s">
        <v>103</v>
      </c>
      <c r="J317" s="3" t="s">
        <v>522</v>
      </c>
      <c r="K317" s="14">
        <v>44669</v>
      </c>
      <c r="L317" s="3" t="s">
        <v>521</v>
      </c>
    </row>
    <row r="318" spans="1:12" x14ac:dyDescent="0.3">
      <c r="A318" s="11">
        <v>14566765</v>
      </c>
      <c r="B318" s="11">
        <v>5011644</v>
      </c>
      <c r="C318" s="22" t="str">
        <f t="shared" si="6"/>
        <v>https://support.microsoft.com/kb/5011644</v>
      </c>
      <c r="D318" s="3" t="s">
        <v>716</v>
      </c>
      <c r="E318" s="3" t="s">
        <v>100</v>
      </c>
      <c r="F318" s="3" t="s">
        <v>101</v>
      </c>
      <c r="G318" s="3" t="s">
        <v>102</v>
      </c>
      <c r="H318" s="3">
        <v>2019</v>
      </c>
      <c r="I318" s="3" t="s">
        <v>103</v>
      </c>
      <c r="J318" s="3" t="s">
        <v>522</v>
      </c>
      <c r="K318" s="14">
        <v>44669</v>
      </c>
      <c r="L318" s="3" t="s">
        <v>521</v>
      </c>
    </row>
    <row r="319" spans="1:12" x14ac:dyDescent="0.3">
      <c r="A319" s="11">
        <v>14558430</v>
      </c>
      <c r="B319" s="11">
        <v>5011644</v>
      </c>
      <c r="C319" s="22" t="str">
        <f t="shared" si="6"/>
        <v>https://support.microsoft.com/kb/5011644</v>
      </c>
      <c r="D319" s="3" t="s">
        <v>717</v>
      </c>
      <c r="E319" s="3" t="s">
        <v>100</v>
      </c>
      <c r="F319" s="3" t="s">
        <v>100</v>
      </c>
      <c r="G319" s="3" t="s">
        <v>105</v>
      </c>
      <c r="H319" s="3">
        <v>2019</v>
      </c>
      <c r="I319" s="3" t="s">
        <v>103</v>
      </c>
      <c r="J319" s="3" t="s">
        <v>522</v>
      </c>
      <c r="K319" s="14">
        <v>44669</v>
      </c>
      <c r="L319" s="3" t="s">
        <v>521</v>
      </c>
    </row>
    <row r="320" spans="1:12" x14ac:dyDescent="0.3">
      <c r="A320" s="11">
        <v>14555263</v>
      </c>
      <c r="B320" s="11">
        <v>5011644</v>
      </c>
      <c r="C320" s="22" t="str">
        <f t="shared" si="6"/>
        <v>https://support.microsoft.com/kb/5011644</v>
      </c>
      <c r="D320" s="3" t="s">
        <v>718</v>
      </c>
      <c r="E320" s="3" t="s">
        <v>100</v>
      </c>
      <c r="F320" s="3" t="s">
        <v>139</v>
      </c>
      <c r="G320" s="3" t="s">
        <v>102</v>
      </c>
      <c r="H320" s="3">
        <v>2019</v>
      </c>
      <c r="I320" s="3" t="s">
        <v>103</v>
      </c>
      <c r="J320" s="3" t="s">
        <v>522</v>
      </c>
      <c r="K320" s="14">
        <v>44669</v>
      </c>
      <c r="L320" s="3" t="s">
        <v>521</v>
      </c>
    </row>
    <row r="321" spans="1:12" x14ac:dyDescent="0.3">
      <c r="A321" s="11">
        <v>14549500</v>
      </c>
      <c r="B321" s="11">
        <v>5011644</v>
      </c>
      <c r="C321" s="22" t="str">
        <f t="shared" si="6"/>
        <v>https://support.microsoft.com/kb/5011644</v>
      </c>
      <c r="D321" s="3" t="s">
        <v>719</v>
      </c>
      <c r="E321" s="3" t="s">
        <v>100</v>
      </c>
      <c r="F321" s="3" t="s">
        <v>101</v>
      </c>
      <c r="G321" s="3" t="s">
        <v>102</v>
      </c>
      <c r="H321" s="3">
        <v>2019</v>
      </c>
      <c r="I321" s="3" t="s">
        <v>103</v>
      </c>
      <c r="J321" s="3" t="s">
        <v>522</v>
      </c>
      <c r="K321" s="14">
        <v>44669</v>
      </c>
      <c r="L321" s="3" t="s">
        <v>521</v>
      </c>
    </row>
    <row r="322" spans="1:12" x14ac:dyDescent="0.3">
      <c r="A322" s="11">
        <v>14541295</v>
      </c>
      <c r="B322" s="11">
        <v>5012964</v>
      </c>
      <c r="C322" s="22" t="str">
        <f t="shared" si="6"/>
        <v>https://support.microsoft.com/kb/5012964</v>
      </c>
      <c r="D322" s="3" t="s">
        <v>720</v>
      </c>
      <c r="E322" s="3" t="s">
        <v>100</v>
      </c>
      <c r="F322" s="3" t="s">
        <v>269</v>
      </c>
      <c r="G322" s="3" t="s">
        <v>105</v>
      </c>
      <c r="H322" s="3">
        <v>2019</v>
      </c>
      <c r="I322" s="3" t="s">
        <v>103</v>
      </c>
      <c r="J322" s="3" t="s">
        <v>522</v>
      </c>
      <c r="K322" s="14">
        <v>44669</v>
      </c>
      <c r="L322" s="3" t="s">
        <v>521</v>
      </c>
    </row>
    <row r="323" spans="1:12" x14ac:dyDescent="0.3">
      <c r="A323" s="11">
        <v>14535149</v>
      </c>
      <c r="B323" s="11">
        <v>5011644</v>
      </c>
      <c r="C323" s="22" t="str">
        <f t="shared" si="6"/>
        <v>https://support.microsoft.com/kb/5011644</v>
      </c>
      <c r="D323" s="3" t="s">
        <v>721</v>
      </c>
      <c r="E323" s="3" t="s">
        <v>100</v>
      </c>
      <c r="F323" s="3" t="s">
        <v>233</v>
      </c>
      <c r="G323" s="3" t="s">
        <v>102</v>
      </c>
      <c r="H323" s="3">
        <v>2019</v>
      </c>
      <c r="I323" s="3" t="s">
        <v>103</v>
      </c>
      <c r="J323" s="3" t="s">
        <v>522</v>
      </c>
      <c r="K323" s="14">
        <v>44669</v>
      </c>
      <c r="L323" s="3" t="s">
        <v>521</v>
      </c>
    </row>
    <row r="324" spans="1:12" x14ac:dyDescent="0.3">
      <c r="A324" s="11">
        <v>14522124</v>
      </c>
      <c r="B324" s="11">
        <v>5011644</v>
      </c>
      <c r="C324" s="22" t="str">
        <f t="shared" si="6"/>
        <v>https://support.microsoft.com/kb/5011644</v>
      </c>
      <c r="D324" s="3" t="s">
        <v>722</v>
      </c>
      <c r="E324" s="3" t="s">
        <v>100</v>
      </c>
      <c r="F324" s="3" t="s">
        <v>110</v>
      </c>
      <c r="G324" s="3" t="s">
        <v>102</v>
      </c>
      <c r="H324" s="3">
        <v>2019</v>
      </c>
      <c r="I324" s="3" t="s">
        <v>103</v>
      </c>
      <c r="J324" s="3" t="s">
        <v>522</v>
      </c>
      <c r="K324" s="14">
        <v>44669</v>
      </c>
      <c r="L324" s="3" t="s">
        <v>521</v>
      </c>
    </row>
    <row r="325" spans="1:12" x14ac:dyDescent="0.3">
      <c r="A325" s="11">
        <v>14520366</v>
      </c>
      <c r="B325" s="11">
        <v>5011644</v>
      </c>
      <c r="C325" s="22" t="str">
        <f t="shared" si="6"/>
        <v>https://support.microsoft.com/kb/5011644</v>
      </c>
      <c r="D325" s="3" t="s">
        <v>723</v>
      </c>
      <c r="E325" s="3" t="s">
        <v>100</v>
      </c>
      <c r="F325" s="3" t="s">
        <v>110</v>
      </c>
      <c r="G325" s="3" t="s">
        <v>102</v>
      </c>
      <c r="H325" s="3">
        <v>2019</v>
      </c>
      <c r="I325" s="3" t="s">
        <v>103</v>
      </c>
      <c r="J325" s="3" t="s">
        <v>522</v>
      </c>
      <c r="K325" s="14">
        <v>44669</v>
      </c>
      <c r="L325" s="3" t="s">
        <v>521</v>
      </c>
    </row>
    <row r="326" spans="1:12" x14ac:dyDescent="0.3">
      <c r="A326" s="11">
        <v>14516287</v>
      </c>
      <c r="B326" s="11">
        <v>5011644</v>
      </c>
      <c r="C326" s="22" t="str">
        <f t="shared" si="6"/>
        <v>https://support.microsoft.com/kb/5011644</v>
      </c>
      <c r="D326" s="3" t="s">
        <v>724</v>
      </c>
      <c r="E326" s="3" t="s">
        <v>100</v>
      </c>
      <c r="F326" s="3" t="s">
        <v>725</v>
      </c>
      <c r="G326" s="3" t="s">
        <v>105</v>
      </c>
      <c r="H326" s="3">
        <v>2019</v>
      </c>
      <c r="I326" s="3" t="s">
        <v>103</v>
      </c>
      <c r="J326" s="3" t="s">
        <v>522</v>
      </c>
      <c r="K326" s="14">
        <v>44669</v>
      </c>
      <c r="L326" s="3" t="s">
        <v>521</v>
      </c>
    </row>
    <row r="327" spans="1:12" x14ac:dyDescent="0.3">
      <c r="A327" s="11">
        <v>14508625</v>
      </c>
      <c r="B327" s="11">
        <v>5011644</v>
      </c>
      <c r="C327" s="22" t="str">
        <f t="shared" si="6"/>
        <v>https://support.microsoft.com/kb/5011644</v>
      </c>
      <c r="D327" s="3" t="s">
        <v>726</v>
      </c>
      <c r="E327" s="3" t="s">
        <v>100</v>
      </c>
      <c r="F327" s="3" t="s">
        <v>233</v>
      </c>
      <c r="G327" s="3" t="s">
        <v>102</v>
      </c>
      <c r="H327" s="3">
        <v>2019</v>
      </c>
      <c r="I327" s="3" t="s">
        <v>103</v>
      </c>
      <c r="J327" s="3" t="s">
        <v>522</v>
      </c>
      <c r="K327" s="14">
        <v>44669</v>
      </c>
      <c r="L327" s="3" t="s">
        <v>521</v>
      </c>
    </row>
    <row r="328" spans="1:12" x14ac:dyDescent="0.3">
      <c r="A328" s="11">
        <v>14507662</v>
      </c>
      <c r="B328" s="11">
        <v>5011644</v>
      </c>
      <c r="C328" s="22" t="str">
        <f t="shared" si="6"/>
        <v>https://support.microsoft.com/kb/5011644</v>
      </c>
      <c r="D328" s="3" t="s">
        <v>727</v>
      </c>
      <c r="E328" s="3" t="s">
        <v>100</v>
      </c>
      <c r="F328" s="3" t="s">
        <v>113</v>
      </c>
      <c r="G328" s="3" t="s">
        <v>102</v>
      </c>
      <c r="H328" s="3">
        <v>2019</v>
      </c>
      <c r="I328" s="3" t="s">
        <v>103</v>
      </c>
      <c r="J328" s="3" t="s">
        <v>522</v>
      </c>
      <c r="K328" s="14">
        <v>44669</v>
      </c>
      <c r="L328" s="3" t="s">
        <v>521</v>
      </c>
    </row>
    <row r="329" spans="1:12" x14ac:dyDescent="0.3">
      <c r="A329" s="11">
        <v>14507658</v>
      </c>
      <c r="B329" s="11">
        <v>5011644</v>
      </c>
      <c r="C329" s="22" t="str">
        <f t="shared" si="6"/>
        <v>https://support.microsoft.com/kb/5011644</v>
      </c>
      <c r="D329" s="3" t="s">
        <v>728</v>
      </c>
      <c r="E329" s="3" t="s">
        <v>100</v>
      </c>
      <c r="F329" s="3" t="s">
        <v>113</v>
      </c>
      <c r="G329" s="3" t="s">
        <v>102</v>
      </c>
      <c r="H329" s="3">
        <v>2019</v>
      </c>
      <c r="I329" s="3" t="s">
        <v>103</v>
      </c>
      <c r="J329" s="3" t="s">
        <v>522</v>
      </c>
      <c r="K329" s="14">
        <v>44669</v>
      </c>
      <c r="L329" s="3" t="s">
        <v>521</v>
      </c>
    </row>
    <row r="330" spans="1:12" x14ac:dyDescent="0.3">
      <c r="A330" s="11">
        <v>14507656</v>
      </c>
      <c r="B330" s="11">
        <v>5011644</v>
      </c>
      <c r="C330" s="22" t="str">
        <f t="shared" si="6"/>
        <v>https://support.microsoft.com/kb/5011644</v>
      </c>
      <c r="D330" s="3" t="s">
        <v>729</v>
      </c>
      <c r="E330" s="3" t="s">
        <v>100</v>
      </c>
      <c r="F330" s="3" t="s">
        <v>101</v>
      </c>
      <c r="G330" s="3" t="s">
        <v>102</v>
      </c>
      <c r="H330" s="3">
        <v>2019</v>
      </c>
      <c r="I330" s="3" t="s">
        <v>103</v>
      </c>
      <c r="J330" s="3" t="s">
        <v>522</v>
      </c>
      <c r="K330" s="14">
        <v>44669</v>
      </c>
      <c r="L330" s="3" t="s">
        <v>521</v>
      </c>
    </row>
    <row r="331" spans="1:12" x14ac:dyDescent="0.3">
      <c r="A331" s="11">
        <v>14506574</v>
      </c>
      <c r="B331" s="11">
        <v>5011644</v>
      </c>
      <c r="C331" s="22" t="str">
        <f t="shared" si="6"/>
        <v>https://support.microsoft.com/kb/5011644</v>
      </c>
      <c r="D331" s="3" t="s">
        <v>730</v>
      </c>
      <c r="E331" s="3" t="s">
        <v>100</v>
      </c>
      <c r="F331" s="3" t="s">
        <v>214</v>
      </c>
      <c r="G331" s="3" t="s">
        <v>105</v>
      </c>
      <c r="H331" s="3">
        <v>2019</v>
      </c>
      <c r="I331" s="3" t="s">
        <v>103</v>
      </c>
      <c r="J331" s="3" t="s">
        <v>522</v>
      </c>
      <c r="K331" s="14">
        <v>44669</v>
      </c>
      <c r="L331" s="3" t="s">
        <v>521</v>
      </c>
    </row>
    <row r="332" spans="1:12" x14ac:dyDescent="0.3">
      <c r="A332" s="11">
        <v>14487676</v>
      </c>
      <c r="B332" s="11">
        <v>4538688</v>
      </c>
      <c r="C332" s="22" t="str">
        <f t="shared" si="6"/>
        <v>https://support.microsoft.com/kb/4538688</v>
      </c>
      <c r="D332" s="3" t="s">
        <v>731</v>
      </c>
      <c r="E332" s="3" t="s">
        <v>100</v>
      </c>
      <c r="F332" s="3" t="s">
        <v>145</v>
      </c>
      <c r="G332" s="3" t="s">
        <v>105</v>
      </c>
      <c r="H332" s="3">
        <v>2019</v>
      </c>
      <c r="I332" s="3" t="s">
        <v>103</v>
      </c>
      <c r="J332" s="3" t="s">
        <v>522</v>
      </c>
      <c r="K332" s="14">
        <v>44669</v>
      </c>
      <c r="L332" s="3" t="s">
        <v>521</v>
      </c>
    </row>
    <row r="333" spans="1:12" x14ac:dyDescent="0.3">
      <c r="A333" s="11">
        <v>14396500</v>
      </c>
      <c r="B333" s="11">
        <v>5011644</v>
      </c>
      <c r="C333" s="22" t="str">
        <f t="shared" si="6"/>
        <v>https://support.microsoft.com/kb/5011644</v>
      </c>
      <c r="D333" s="3" t="s">
        <v>732</v>
      </c>
      <c r="E333" s="3" t="s">
        <v>100</v>
      </c>
      <c r="F333" s="3" t="s">
        <v>101</v>
      </c>
      <c r="G333" s="3" t="s">
        <v>102</v>
      </c>
      <c r="H333" s="3">
        <v>2019</v>
      </c>
      <c r="I333" s="3" t="s">
        <v>103</v>
      </c>
      <c r="J333" s="3" t="s">
        <v>522</v>
      </c>
      <c r="K333" s="14">
        <v>44669</v>
      </c>
      <c r="L333" s="3" t="s">
        <v>521</v>
      </c>
    </row>
    <row r="334" spans="1:12" x14ac:dyDescent="0.3">
      <c r="A334" s="11">
        <v>14333094</v>
      </c>
      <c r="B334" s="11">
        <v>5014298</v>
      </c>
      <c r="C334" s="22" t="str">
        <f t="shared" si="6"/>
        <v>https://support.microsoft.com/kb/5014298</v>
      </c>
      <c r="D334" s="3" t="s">
        <v>733</v>
      </c>
      <c r="E334" s="3" t="s">
        <v>100</v>
      </c>
      <c r="F334" s="3" t="s">
        <v>123</v>
      </c>
      <c r="G334" s="3" t="s">
        <v>102</v>
      </c>
      <c r="H334" s="3">
        <v>2019</v>
      </c>
      <c r="I334" s="3" t="s">
        <v>103</v>
      </c>
      <c r="J334" s="3" t="s">
        <v>522</v>
      </c>
      <c r="K334" s="14">
        <v>44669</v>
      </c>
      <c r="L334" s="3" t="s">
        <v>521</v>
      </c>
    </row>
    <row r="335" spans="1:12" x14ac:dyDescent="0.3">
      <c r="A335" s="11">
        <v>14332258</v>
      </c>
      <c r="B335" s="11">
        <v>5011644</v>
      </c>
      <c r="C335" s="22" t="str">
        <f t="shared" si="6"/>
        <v>https://support.microsoft.com/kb/5011644</v>
      </c>
      <c r="D335" s="3" t="s">
        <v>734</v>
      </c>
      <c r="E335" s="3" t="s">
        <v>100</v>
      </c>
      <c r="F335" s="3" t="s">
        <v>123</v>
      </c>
      <c r="G335" s="3" t="s">
        <v>102</v>
      </c>
      <c r="H335" s="3">
        <v>2019</v>
      </c>
      <c r="I335" s="3" t="s">
        <v>103</v>
      </c>
      <c r="J335" s="3" t="s">
        <v>522</v>
      </c>
      <c r="K335" s="14">
        <v>44669</v>
      </c>
      <c r="L335" s="3" t="s">
        <v>521</v>
      </c>
    </row>
    <row r="336" spans="1:12" x14ac:dyDescent="0.3">
      <c r="A336" s="11">
        <v>14332252</v>
      </c>
      <c r="B336" s="11">
        <v>5011644</v>
      </c>
      <c r="C336" s="22" t="str">
        <f t="shared" si="6"/>
        <v>https://support.microsoft.com/kb/5011644</v>
      </c>
      <c r="D336" s="3" t="s">
        <v>735</v>
      </c>
      <c r="E336" s="3" t="s">
        <v>100</v>
      </c>
      <c r="F336" s="3" t="s">
        <v>233</v>
      </c>
      <c r="G336" s="3" t="s">
        <v>102</v>
      </c>
      <c r="H336" s="3">
        <v>2019</v>
      </c>
      <c r="I336" s="3" t="s">
        <v>103</v>
      </c>
      <c r="J336" s="3" t="s">
        <v>522</v>
      </c>
      <c r="K336" s="14">
        <v>44669</v>
      </c>
      <c r="L336" s="3" t="s">
        <v>521</v>
      </c>
    </row>
    <row r="337" spans="1:12" x14ac:dyDescent="0.3">
      <c r="A337" s="11">
        <v>14235719</v>
      </c>
      <c r="B337" s="11">
        <v>5011644</v>
      </c>
      <c r="C337" s="22" t="str">
        <f t="shared" si="6"/>
        <v>https://support.microsoft.com/kb/5011644</v>
      </c>
      <c r="D337" s="3" t="s">
        <v>736</v>
      </c>
      <c r="E337" s="3" t="s">
        <v>100</v>
      </c>
      <c r="F337" s="3" t="s">
        <v>123</v>
      </c>
      <c r="G337" s="3" t="s">
        <v>102</v>
      </c>
      <c r="H337" s="3">
        <v>2019</v>
      </c>
      <c r="I337" s="3" t="s">
        <v>103</v>
      </c>
      <c r="J337" s="3" t="s">
        <v>522</v>
      </c>
      <c r="K337" s="14">
        <v>44669</v>
      </c>
      <c r="L337" s="3" t="s">
        <v>521</v>
      </c>
    </row>
    <row r="338" spans="1:12" x14ac:dyDescent="0.3">
      <c r="A338" s="11">
        <v>13324042</v>
      </c>
      <c r="B338" s="11">
        <v>4530955</v>
      </c>
      <c r="C338" s="22" t="str">
        <f t="shared" si="6"/>
        <v>https://support.microsoft.com/kb/4530955</v>
      </c>
      <c r="D338" s="3" t="s">
        <v>737</v>
      </c>
      <c r="E338" s="3" t="s">
        <v>639</v>
      </c>
      <c r="F338" s="3" t="s">
        <v>640</v>
      </c>
      <c r="G338" s="3" t="s">
        <v>105</v>
      </c>
      <c r="H338" s="3">
        <v>2019</v>
      </c>
      <c r="I338" s="3" t="s">
        <v>103</v>
      </c>
      <c r="J338" s="3" t="s">
        <v>522</v>
      </c>
      <c r="K338" s="14">
        <v>44669</v>
      </c>
      <c r="L338" s="3" t="s">
        <v>521</v>
      </c>
    </row>
    <row r="339" spans="1:12" x14ac:dyDescent="0.3">
      <c r="A339" s="11">
        <v>14500584</v>
      </c>
      <c r="B339" s="11">
        <v>5010653</v>
      </c>
      <c r="C339" s="22" t="str">
        <f t="shared" si="6"/>
        <v>https://support.microsoft.com/kb/5010653</v>
      </c>
      <c r="D339" s="3" t="s">
        <v>738</v>
      </c>
      <c r="E339" s="3" t="s">
        <v>100</v>
      </c>
      <c r="F339" s="3" t="s">
        <v>125</v>
      </c>
      <c r="G339" s="3" t="s">
        <v>105</v>
      </c>
      <c r="H339" s="3">
        <v>2019</v>
      </c>
      <c r="I339" s="3" t="s">
        <v>103</v>
      </c>
      <c r="J339" s="3" t="s">
        <v>524</v>
      </c>
      <c r="K339" s="14">
        <v>44588</v>
      </c>
      <c r="L339" s="3" t="s">
        <v>523</v>
      </c>
    </row>
    <row r="340" spans="1:12" x14ac:dyDescent="0.3">
      <c r="A340" s="11">
        <v>14497737</v>
      </c>
      <c r="B340" s="11">
        <v>5008996</v>
      </c>
      <c r="C340" s="22" t="str">
        <f t="shared" si="6"/>
        <v>https://support.microsoft.com/kb/5008996</v>
      </c>
      <c r="D340" s="3" t="s">
        <v>739</v>
      </c>
      <c r="E340" s="3" t="s">
        <v>100</v>
      </c>
      <c r="F340" s="3" t="s">
        <v>145</v>
      </c>
      <c r="G340" s="3" t="s">
        <v>116</v>
      </c>
      <c r="H340" s="3">
        <v>2019</v>
      </c>
      <c r="I340" s="3" t="s">
        <v>103</v>
      </c>
      <c r="J340" s="3" t="s">
        <v>524</v>
      </c>
      <c r="K340" s="14">
        <v>44588</v>
      </c>
      <c r="L340" s="3" t="s">
        <v>523</v>
      </c>
    </row>
    <row r="341" spans="1:12" x14ac:dyDescent="0.3">
      <c r="A341" s="11">
        <v>14491100</v>
      </c>
      <c r="B341" s="11">
        <v>5008996</v>
      </c>
      <c r="C341" s="22" t="str">
        <f t="shared" si="6"/>
        <v>https://support.microsoft.com/kb/5008996</v>
      </c>
      <c r="D341" s="3" t="s">
        <v>740</v>
      </c>
      <c r="E341" s="3" t="s">
        <v>100</v>
      </c>
      <c r="F341" s="3" t="s">
        <v>127</v>
      </c>
      <c r="G341" s="3" t="s">
        <v>102</v>
      </c>
      <c r="H341" s="3">
        <v>2019</v>
      </c>
      <c r="I341" s="3" t="s">
        <v>103</v>
      </c>
      <c r="J341" s="3" t="s">
        <v>524</v>
      </c>
      <c r="K341" s="14">
        <v>44588</v>
      </c>
      <c r="L341" s="3" t="s">
        <v>523</v>
      </c>
    </row>
    <row r="342" spans="1:12" x14ac:dyDescent="0.3">
      <c r="A342" s="11">
        <v>14488550</v>
      </c>
      <c r="B342" s="11">
        <v>5008996</v>
      </c>
      <c r="C342" s="22" t="str">
        <f t="shared" si="6"/>
        <v>https://support.microsoft.com/kb/5008996</v>
      </c>
      <c r="D342" s="3" t="s">
        <v>741</v>
      </c>
      <c r="E342" s="3" t="s">
        <v>100</v>
      </c>
      <c r="F342" s="3" t="s">
        <v>127</v>
      </c>
      <c r="G342" s="3" t="s">
        <v>102</v>
      </c>
      <c r="H342" s="3">
        <v>2019</v>
      </c>
      <c r="I342" s="3" t="s">
        <v>103</v>
      </c>
      <c r="J342" s="3" t="s">
        <v>524</v>
      </c>
      <c r="K342" s="14">
        <v>44588</v>
      </c>
      <c r="L342" s="3" t="s">
        <v>523</v>
      </c>
    </row>
    <row r="343" spans="1:12" x14ac:dyDescent="0.3">
      <c r="A343" s="11">
        <v>14465885</v>
      </c>
      <c r="B343" s="11">
        <v>5008996</v>
      </c>
      <c r="C343" s="22" t="str">
        <f t="shared" si="6"/>
        <v>https://support.microsoft.com/kb/5008996</v>
      </c>
      <c r="D343" s="3" t="s">
        <v>742</v>
      </c>
      <c r="E343" s="3" t="s">
        <v>100</v>
      </c>
      <c r="F343" s="3" t="s">
        <v>116</v>
      </c>
      <c r="G343" s="3" t="s">
        <v>116</v>
      </c>
      <c r="H343" s="3">
        <v>2019</v>
      </c>
      <c r="I343" s="3" t="s">
        <v>103</v>
      </c>
      <c r="J343" s="3" t="s">
        <v>524</v>
      </c>
      <c r="K343" s="14">
        <v>44588</v>
      </c>
      <c r="L343" s="3" t="s">
        <v>523</v>
      </c>
    </row>
    <row r="344" spans="1:12" x14ac:dyDescent="0.3">
      <c r="A344" s="11">
        <v>14459544</v>
      </c>
      <c r="B344" s="11">
        <v>5010555</v>
      </c>
      <c r="C344" s="22" t="str">
        <f t="shared" si="6"/>
        <v>https://support.microsoft.com/kb/5010555</v>
      </c>
      <c r="D344" s="3" t="s">
        <v>743</v>
      </c>
      <c r="E344" s="3" t="s">
        <v>100</v>
      </c>
      <c r="F344" s="3" t="s">
        <v>744</v>
      </c>
      <c r="G344" s="3" t="s">
        <v>105</v>
      </c>
      <c r="H344" s="3">
        <v>2019</v>
      </c>
      <c r="I344" s="3" t="s">
        <v>103</v>
      </c>
      <c r="J344" s="3" t="s">
        <v>524</v>
      </c>
      <c r="K344" s="14">
        <v>44588</v>
      </c>
      <c r="L344" s="3" t="s">
        <v>523</v>
      </c>
    </row>
    <row r="345" spans="1:12" x14ac:dyDescent="0.3">
      <c r="A345" s="11">
        <v>14448989</v>
      </c>
      <c r="B345" s="11">
        <v>5008996</v>
      </c>
      <c r="C345" s="22" t="str">
        <f t="shared" si="6"/>
        <v>https://support.microsoft.com/kb/5008996</v>
      </c>
      <c r="D345" s="3" t="s">
        <v>745</v>
      </c>
      <c r="E345" s="3" t="s">
        <v>180</v>
      </c>
      <c r="F345" s="3" t="s">
        <v>180</v>
      </c>
      <c r="G345" s="3" t="s">
        <v>102</v>
      </c>
      <c r="H345" s="3">
        <v>2019</v>
      </c>
      <c r="I345" s="3" t="s">
        <v>103</v>
      </c>
      <c r="J345" s="3" t="s">
        <v>524</v>
      </c>
      <c r="K345" s="14">
        <v>44588</v>
      </c>
      <c r="L345" s="3" t="s">
        <v>523</v>
      </c>
    </row>
    <row r="346" spans="1:12" x14ac:dyDescent="0.3">
      <c r="A346" s="11">
        <v>14434937</v>
      </c>
      <c r="B346" s="11">
        <v>5008996</v>
      </c>
      <c r="C346" s="22" t="str">
        <f t="shared" si="6"/>
        <v>https://support.microsoft.com/kb/5008996</v>
      </c>
      <c r="D346" s="3" t="s">
        <v>746</v>
      </c>
      <c r="E346" s="3" t="s">
        <v>100</v>
      </c>
      <c r="F346" s="3" t="s">
        <v>113</v>
      </c>
      <c r="G346" s="3" t="s">
        <v>102</v>
      </c>
      <c r="H346" s="3">
        <v>2019</v>
      </c>
      <c r="I346" s="3" t="s">
        <v>103</v>
      </c>
      <c r="J346" s="3" t="s">
        <v>524</v>
      </c>
      <c r="K346" s="14">
        <v>44588</v>
      </c>
      <c r="L346" s="3" t="s">
        <v>523</v>
      </c>
    </row>
    <row r="347" spans="1:12" x14ac:dyDescent="0.3">
      <c r="A347" s="11">
        <v>14428866</v>
      </c>
      <c r="B347" s="11">
        <v>5008996</v>
      </c>
      <c r="C347" s="22" t="str">
        <f t="shared" si="6"/>
        <v>https://support.microsoft.com/kb/5008996</v>
      </c>
      <c r="D347" s="3" t="s">
        <v>747</v>
      </c>
      <c r="E347" s="3" t="s">
        <v>107</v>
      </c>
      <c r="F347" s="3" t="s">
        <v>748</v>
      </c>
      <c r="G347" s="3" t="s">
        <v>102</v>
      </c>
      <c r="H347" s="3">
        <v>2019</v>
      </c>
      <c r="I347" s="3" t="s">
        <v>103</v>
      </c>
      <c r="J347" s="3" t="s">
        <v>524</v>
      </c>
      <c r="K347" s="14">
        <v>44588</v>
      </c>
      <c r="L347" s="3" t="s">
        <v>523</v>
      </c>
    </row>
    <row r="348" spans="1:12" x14ac:dyDescent="0.3">
      <c r="A348" s="11">
        <v>14421838</v>
      </c>
      <c r="B348" s="11">
        <v>5008996</v>
      </c>
      <c r="C348" s="22" t="str">
        <f t="shared" si="6"/>
        <v>https://support.microsoft.com/kb/5008996</v>
      </c>
      <c r="D348" s="3" t="s">
        <v>749</v>
      </c>
      <c r="E348" s="3" t="s">
        <v>100</v>
      </c>
      <c r="F348" s="3" t="s">
        <v>145</v>
      </c>
      <c r="G348" s="3" t="s">
        <v>102</v>
      </c>
      <c r="H348" s="3">
        <v>2019</v>
      </c>
      <c r="I348" s="3" t="s">
        <v>103</v>
      </c>
      <c r="J348" s="3" t="s">
        <v>524</v>
      </c>
      <c r="K348" s="14">
        <v>44588</v>
      </c>
      <c r="L348" s="3" t="s">
        <v>523</v>
      </c>
    </row>
    <row r="349" spans="1:12" x14ac:dyDescent="0.3">
      <c r="A349" s="11">
        <v>14419546</v>
      </c>
      <c r="B349" s="11">
        <v>5009753</v>
      </c>
      <c r="C349" s="22" t="str">
        <f t="shared" si="6"/>
        <v>https://support.microsoft.com/kb/5009753</v>
      </c>
      <c r="D349" s="3" t="s">
        <v>750</v>
      </c>
      <c r="E349" s="3" t="s">
        <v>100</v>
      </c>
      <c r="F349" s="3" t="s">
        <v>127</v>
      </c>
      <c r="G349" s="3" t="s">
        <v>105</v>
      </c>
      <c r="H349" s="3">
        <v>2019</v>
      </c>
      <c r="I349" s="3" t="s">
        <v>103</v>
      </c>
      <c r="J349" s="3" t="s">
        <v>524</v>
      </c>
      <c r="K349" s="14">
        <v>44588</v>
      </c>
      <c r="L349" s="3" t="s">
        <v>523</v>
      </c>
    </row>
    <row r="350" spans="1:12" x14ac:dyDescent="0.3">
      <c r="A350" s="11">
        <v>14416748</v>
      </c>
      <c r="B350" s="11">
        <v>5008996</v>
      </c>
      <c r="C350" s="22" t="str">
        <f t="shared" si="6"/>
        <v>https://support.microsoft.com/kb/5008996</v>
      </c>
      <c r="D350" s="3" t="s">
        <v>751</v>
      </c>
      <c r="E350" s="3" t="s">
        <v>100</v>
      </c>
      <c r="F350" s="3" t="s">
        <v>113</v>
      </c>
      <c r="G350" s="3" t="s">
        <v>102</v>
      </c>
      <c r="H350" s="3">
        <v>2019</v>
      </c>
      <c r="I350" s="3" t="s">
        <v>103</v>
      </c>
      <c r="J350" s="3" t="s">
        <v>524</v>
      </c>
      <c r="K350" s="14">
        <v>44588</v>
      </c>
      <c r="L350" s="3" t="s">
        <v>523</v>
      </c>
    </row>
    <row r="351" spans="1:12" x14ac:dyDescent="0.3">
      <c r="A351" s="11">
        <v>14412969</v>
      </c>
      <c r="B351" s="11">
        <v>5008996</v>
      </c>
      <c r="C351" s="22" t="str">
        <f t="shared" si="6"/>
        <v>https://support.microsoft.com/kb/5008996</v>
      </c>
      <c r="D351" s="3" t="s">
        <v>752</v>
      </c>
      <c r="E351" s="3" t="s">
        <v>100</v>
      </c>
      <c r="F351" s="3" t="s">
        <v>145</v>
      </c>
      <c r="G351" s="3" t="s">
        <v>102</v>
      </c>
      <c r="H351" s="3">
        <v>2019</v>
      </c>
      <c r="I351" s="3" t="s">
        <v>103</v>
      </c>
      <c r="J351" s="3" t="s">
        <v>524</v>
      </c>
      <c r="K351" s="14">
        <v>44588</v>
      </c>
      <c r="L351" s="3" t="s">
        <v>523</v>
      </c>
    </row>
    <row r="352" spans="1:12" x14ac:dyDescent="0.3">
      <c r="A352" s="11">
        <v>14401590</v>
      </c>
      <c r="B352" s="11">
        <v>5008996</v>
      </c>
      <c r="C352" s="22" t="str">
        <f t="shared" si="6"/>
        <v>https://support.microsoft.com/kb/5008996</v>
      </c>
      <c r="D352" s="3" t="s">
        <v>753</v>
      </c>
      <c r="E352" s="3" t="s">
        <v>100</v>
      </c>
      <c r="F352" s="3" t="s">
        <v>101</v>
      </c>
      <c r="G352" s="3" t="s">
        <v>102</v>
      </c>
      <c r="H352" s="3">
        <v>2019</v>
      </c>
      <c r="I352" s="3" t="s">
        <v>103</v>
      </c>
      <c r="J352" s="3" t="s">
        <v>524</v>
      </c>
      <c r="K352" s="14">
        <v>44588</v>
      </c>
      <c r="L352" s="3" t="s">
        <v>523</v>
      </c>
    </row>
    <row r="353" spans="1:12" x14ac:dyDescent="0.3">
      <c r="A353" s="11">
        <v>14401565</v>
      </c>
      <c r="B353" s="11">
        <v>5008996</v>
      </c>
      <c r="C353" s="22" t="str">
        <f t="shared" si="6"/>
        <v>https://support.microsoft.com/kb/5008996</v>
      </c>
      <c r="D353" s="3" t="s">
        <v>754</v>
      </c>
      <c r="E353" s="3" t="s">
        <v>100</v>
      </c>
      <c r="F353" s="3" t="s">
        <v>332</v>
      </c>
      <c r="G353" s="3" t="s">
        <v>102</v>
      </c>
      <c r="H353" s="3">
        <v>2019</v>
      </c>
      <c r="I353" s="3" t="s">
        <v>103</v>
      </c>
      <c r="J353" s="3" t="s">
        <v>524</v>
      </c>
      <c r="K353" s="14">
        <v>44588</v>
      </c>
      <c r="L353" s="3" t="s">
        <v>523</v>
      </c>
    </row>
    <row r="354" spans="1:12" x14ac:dyDescent="0.3">
      <c r="A354" s="11">
        <v>14401082</v>
      </c>
      <c r="B354" s="11">
        <v>5008996</v>
      </c>
      <c r="C354" s="22" t="str">
        <f t="shared" ref="C354:C417" si="7">HYPERLINK("https://support.microsoft.com/kb/"&amp;B354)</f>
        <v>https://support.microsoft.com/kb/5008996</v>
      </c>
      <c r="D354" s="3" t="s">
        <v>755</v>
      </c>
      <c r="E354" s="3" t="s">
        <v>100</v>
      </c>
      <c r="F354" s="3" t="s">
        <v>116</v>
      </c>
      <c r="G354" s="3" t="s">
        <v>116</v>
      </c>
      <c r="H354" s="3">
        <v>2019</v>
      </c>
      <c r="I354" s="3" t="s">
        <v>103</v>
      </c>
      <c r="J354" s="3" t="s">
        <v>524</v>
      </c>
      <c r="K354" s="14">
        <v>44588</v>
      </c>
      <c r="L354" s="3" t="s">
        <v>523</v>
      </c>
    </row>
    <row r="355" spans="1:12" x14ac:dyDescent="0.3">
      <c r="A355" s="11">
        <v>14396775</v>
      </c>
      <c r="B355" s="11">
        <v>5008996</v>
      </c>
      <c r="C355" s="22" t="str">
        <f t="shared" si="7"/>
        <v>https://support.microsoft.com/kb/5008996</v>
      </c>
      <c r="D355" s="3" t="s">
        <v>756</v>
      </c>
      <c r="E355" s="3" t="s">
        <v>100</v>
      </c>
      <c r="F355" s="3" t="s">
        <v>101</v>
      </c>
      <c r="G355" s="3" t="s">
        <v>102</v>
      </c>
      <c r="H355" s="3">
        <v>2019</v>
      </c>
      <c r="I355" s="3" t="s">
        <v>103</v>
      </c>
      <c r="J355" s="3" t="s">
        <v>524</v>
      </c>
      <c r="K355" s="14">
        <v>44588</v>
      </c>
      <c r="L355" s="3" t="s">
        <v>523</v>
      </c>
    </row>
    <row r="356" spans="1:12" x14ac:dyDescent="0.3">
      <c r="A356" s="11">
        <v>14396483</v>
      </c>
      <c r="B356" s="11">
        <v>5008996</v>
      </c>
      <c r="C356" s="22" t="str">
        <f t="shared" si="7"/>
        <v>https://support.microsoft.com/kb/5008996</v>
      </c>
      <c r="D356" s="3" t="s">
        <v>757</v>
      </c>
      <c r="E356" s="3" t="s">
        <v>100</v>
      </c>
      <c r="F356" s="3" t="s">
        <v>101</v>
      </c>
      <c r="G356" s="3" t="s">
        <v>102</v>
      </c>
      <c r="H356" s="3">
        <v>2019</v>
      </c>
      <c r="I356" s="3" t="s">
        <v>103</v>
      </c>
      <c r="J356" s="3" t="s">
        <v>524</v>
      </c>
      <c r="K356" s="14">
        <v>44588</v>
      </c>
      <c r="L356" s="3" t="s">
        <v>523</v>
      </c>
    </row>
    <row r="357" spans="1:12" x14ac:dyDescent="0.3">
      <c r="A357" s="11">
        <v>14394202</v>
      </c>
      <c r="B357" s="11">
        <v>5008996</v>
      </c>
      <c r="C357" s="22" t="str">
        <f t="shared" si="7"/>
        <v>https://support.microsoft.com/kb/5008996</v>
      </c>
      <c r="D357" s="3" t="s">
        <v>758</v>
      </c>
      <c r="E357" s="3" t="s">
        <v>100</v>
      </c>
      <c r="F357" s="3" t="s">
        <v>113</v>
      </c>
      <c r="G357" s="3" t="s">
        <v>105</v>
      </c>
      <c r="H357" s="3">
        <v>2019</v>
      </c>
      <c r="I357" s="3" t="s">
        <v>103</v>
      </c>
      <c r="J357" s="3" t="s">
        <v>524</v>
      </c>
      <c r="K357" s="14">
        <v>44588</v>
      </c>
      <c r="L357" s="3" t="s">
        <v>523</v>
      </c>
    </row>
    <row r="358" spans="1:12" x14ac:dyDescent="0.3">
      <c r="A358" s="11">
        <v>14393059</v>
      </c>
      <c r="B358" s="11">
        <v>5008996</v>
      </c>
      <c r="C358" s="22" t="str">
        <f t="shared" si="7"/>
        <v>https://support.microsoft.com/kb/5008996</v>
      </c>
      <c r="D358" s="3" t="s">
        <v>759</v>
      </c>
      <c r="E358" s="3" t="s">
        <v>178</v>
      </c>
      <c r="F358" s="3" t="s">
        <v>178</v>
      </c>
      <c r="G358" s="3" t="s">
        <v>102</v>
      </c>
      <c r="H358" s="3">
        <v>2019</v>
      </c>
      <c r="I358" s="3" t="s">
        <v>103</v>
      </c>
      <c r="J358" s="3" t="s">
        <v>524</v>
      </c>
      <c r="K358" s="14">
        <v>44588</v>
      </c>
      <c r="L358" s="3" t="s">
        <v>523</v>
      </c>
    </row>
    <row r="359" spans="1:12" x14ac:dyDescent="0.3">
      <c r="A359" s="11">
        <v>14382474</v>
      </c>
      <c r="B359" s="11">
        <v>5008996</v>
      </c>
      <c r="C359" s="22" t="str">
        <f t="shared" si="7"/>
        <v>https://support.microsoft.com/kb/5008996</v>
      </c>
      <c r="D359" s="3" t="s">
        <v>760</v>
      </c>
      <c r="E359" s="3" t="s">
        <v>100</v>
      </c>
      <c r="F359" s="3" t="s">
        <v>139</v>
      </c>
      <c r="G359" s="3" t="s">
        <v>102</v>
      </c>
      <c r="H359" s="3">
        <v>2019</v>
      </c>
      <c r="I359" s="3" t="s">
        <v>103</v>
      </c>
      <c r="J359" s="3" t="s">
        <v>524</v>
      </c>
      <c r="K359" s="14">
        <v>44588</v>
      </c>
      <c r="L359" s="3" t="s">
        <v>523</v>
      </c>
    </row>
    <row r="360" spans="1:12" x14ac:dyDescent="0.3">
      <c r="A360" s="11">
        <v>14382100</v>
      </c>
      <c r="B360" s="11">
        <v>5008996</v>
      </c>
      <c r="C360" s="22" t="str">
        <f t="shared" si="7"/>
        <v>https://support.microsoft.com/kb/5008996</v>
      </c>
      <c r="D360" s="3" t="s">
        <v>761</v>
      </c>
      <c r="E360" s="3" t="s">
        <v>100</v>
      </c>
      <c r="F360" s="3" t="s">
        <v>161</v>
      </c>
      <c r="G360" s="3" t="s">
        <v>102</v>
      </c>
      <c r="H360" s="3">
        <v>2019</v>
      </c>
      <c r="I360" s="3" t="s">
        <v>103</v>
      </c>
      <c r="J360" s="3" t="s">
        <v>524</v>
      </c>
      <c r="K360" s="14">
        <v>44588</v>
      </c>
      <c r="L360" s="3" t="s">
        <v>523</v>
      </c>
    </row>
    <row r="361" spans="1:12" x14ac:dyDescent="0.3">
      <c r="A361" s="11">
        <v>14364622</v>
      </c>
      <c r="B361" s="11">
        <v>5008996</v>
      </c>
      <c r="C361" s="22" t="str">
        <f t="shared" si="7"/>
        <v>https://support.microsoft.com/kb/5008996</v>
      </c>
      <c r="D361" s="3" t="s">
        <v>762</v>
      </c>
      <c r="E361" s="3" t="s">
        <v>100</v>
      </c>
      <c r="F361" s="3" t="s">
        <v>101</v>
      </c>
      <c r="G361" s="3" t="s">
        <v>102</v>
      </c>
      <c r="H361" s="3">
        <v>2019</v>
      </c>
      <c r="I361" s="3" t="s">
        <v>103</v>
      </c>
      <c r="J361" s="3" t="s">
        <v>524</v>
      </c>
      <c r="K361" s="14">
        <v>44588</v>
      </c>
      <c r="L361" s="3" t="s">
        <v>523</v>
      </c>
    </row>
    <row r="362" spans="1:12" x14ac:dyDescent="0.3">
      <c r="A362" s="11">
        <v>14332270</v>
      </c>
      <c r="B362" s="11">
        <v>5008996</v>
      </c>
      <c r="C362" s="22" t="str">
        <f t="shared" si="7"/>
        <v>https://support.microsoft.com/kb/5008996</v>
      </c>
      <c r="D362" s="3" t="s">
        <v>763</v>
      </c>
      <c r="E362" s="3" t="s">
        <v>217</v>
      </c>
      <c r="F362" s="3" t="s">
        <v>276</v>
      </c>
      <c r="G362" s="3" t="s">
        <v>102</v>
      </c>
      <c r="H362" s="3">
        <v>2019</v>
      </c>
      <c r="I362" s="3" t="s">
        <v>103</v>
      </c>
      <c r="J362" s="3" t="s">
        <v>524</v>
      </c>
      <c r="K362" s="14">
        <v>44588</v>
      </c>
      <c r="L362" s="3" t="s">
        <v>523</v>
      </c>
    </row>
    <row r="363" spans="1:12" x14ac:dyDescent="0.3">
      <c r="A363" s="11">
        <v>14320308</v>
      </c>
      <c r="B363" s="11">
        <v>5008996</v>
      </c>
      <c r="C363" s="22" t="str">
        <f t="shared" si="7"/>
        <v>https://support.microsoft.com/kb/5008996</v>
      </c>
      <c r="D363" s="3" t="s">
        <v>764</v>
      </c>
      <c r="E363" s="3" t="s">
        <v>100</v>
      </c>
      <c r="F363" s="3" t="s">
        <v>139</v>
      </c>
      <c r="G363" s="3" t="s">
        <v>102</v>
      </c>
      <c r="H363" s="3">
        <v>2019</v>
      </c>
      <c r="I363" s="3" t="s">
        <v>103</v>
      </c>
      <c r="J363" s="3" t="s">
        <v>524</v>
      </c>
      <c r="K363" s="14">
        <v>44588</v>
      </c>
      <c r="L363" s="3" t="s">
        <v>523</v>
      </c>
    </row>
    <row r="364" spans="1:12" x14ac:dyDescent="0.3">
      <c r="A364" s="11">
        <v>14312688</v>
      </c>
      <c r="B364" s="11">
        <v>5008996</v>
      </c>
      <c r="C364" s="22" t="str">
        <f t="shared" si="7"/>
        <v>https://support.microsoft.com/kb/5008996</v>
      </c>
      <c r="D364" s="3" t="s">
        <v>765</v>
      </c>
      <c r="E364" s="3" t="s">
        <v>100</v>
      </c>
      <c r="F364" s="3" t="s">
        <v>579</v>
      </c>
      <c r="G364" s="3" t="s">
        <v>105</v>
      </c>
      <c r="H364" s="3">
        <v>2019</v>
      </c>
      <c r="I364" s="3" t="s">
        <v>103</v>
      </c>
      <c r="J364" s="3" t="s">
        <v>524</v>
      </c>
      <c r="K364" s="14">
        <v>44588</v>
      </c>
      <c r="L364" s="3" t="s">
        <v>523</v>
      </c>
    </row>
    <row r="365" spans="1:12" x14ac:dyDescent="0.3">
      <c r="A365" s="11">
        <v>14300646</v>
      </c>
      <c r="B365" s="11">
        <v>5008996</v>
      </c>
      <c r="C365" s="22" t="str">
        <f t="shared" si="7"/>
        <v>https://support.microsoft.com/kb/5008996</v>
      </c>
      <c r="D365" s="3" t="s">
        <v>766</v>
      </c>
      <c r="E365" s="3" t="s">
        <v>100</v>
      </c>
      <c r="F365" s="3" t="s">
        <v>233</v>
      </c>
      <c r="G365" s="3" t="s">
        <v>105</v>
      </c>
      <c r="H365" s="3">
        <v>2019</v>
      </c>
      <c r="I365" s="3" t="s">
        <v>103</v>
      </c>
      <c r="J365" s="3" t="s">
        <v>524</v>
      </c>
      <c r="K365" s="14">
        <v>44588</v>
      </c>
      <c r="L365" s="3" t="s">
        <v>523</v>
      </c>
    </row>
    <row r="366" spans="1:12" x14ac:dyDescent="0.3">
      <c r="A366" s="11">
        <v>14289674</v>
      </c>
      <c r="B366" s="11">
        <v>5008996</v>
      </c>
      <c r="C366" s="22" t="str">
        <f t="shared" si="7"/>
        <v>https://support.microsoft.com/kb/5008996</v>
      </c>
      <c r="D366" s="3" t="s">
        <v>767</v>
      </c>
      <c r="E366" s="3" t="s">
        <v>100</v>
      </c>
      <c r="F366" s="3" t="s">
        <v>139</v>
      </c>
      <c r="G366" s="3" t="s">
        <v>102</v>
      </c>
      <c r="H366" s="3">
        <v>2019</v>
      </c>
      <c r="I366" s="3" t="s">
        <v>103</v>
      </c>
      <c r="J366" s="3" t="s">
        <v>524</v>
      </c>
      <c r="K366" s="14">
        <v>44588</v>
      </c>
      <c r="L366" s="3" t="s">
        <v>523</v>
      </c>
    </row>
    <row r="367" spans="1:12" x14ac:dyDescent="0.3">
      <c r="A367" s="11">
        <v>14288034</v>
      </c>
      <c r="B367" s="11">
        <v>5008648</v>
      </c>
      <c r="C367" s="22" t="str">
        <f t="shared" si="7"/>
        <v>https://support.microsoft.com/kb/5008648</v>
      </c>
      <c r="D367" s="3" t="s">
        <v>768</v>
      </c>
      <c r="E367" s="3" t="s">
        <v>100</v>
      </c>
      <c r="F367" s="3" t="s">
        <v>116</v>
      </c>
      <c r="G367" s="3" t="s">
        <v>116</v>
      </c>
      <c r="H367" s="3">
        <v>2019</v>
      </c>
      <c r="I367" s="3" t="s">
        <v>103</v>
      </c>
      <c r="J367" s="3" t="s">
        <v>524</v>
      </c>
      <c r="K367" s="14">
        <v>44588</v>
      </c>
      <c r="L367" s="3" t="s">
        <v>523</v>
      </c>
    </row>
    <row r="368" spans="1:12" x14ac:dyDescent="0.3">
      <c r="A368" s="11">
        <v>14253634</v>
      </c>
      <c r="B368" s="11">
        <v>5008996</v>
      </c>
      <c r="C368" s="22" t="str">
        <f t="shared" si="7"/>
        <v>https://support.microsoft.com/kb/5008996</v>
      </c>
      <c r="D368" s="3" t="s">
        <v>769</v>
      </c>
      <c r="E368" s="3" t="s">
        <v>107</v>
      </c>
      <c r="F368" s="3" t="s">
        <v>770</v>
      </c>
      <c r="G368" s="3" t="s">
        <v>102</v>
      </c>
      <c r="H368" s="3">
        <v>2019</v>
      </c>
      <c r="I368" s="3" t="s">
        <v>103</v>
      </c>
      <c r="J368" s="3" t="s">
        <v>524</v>
      </c>
      <c r="K368" s="14">
        <v>44588</v>
      </c>
      <c r="L368" s="3" t="s">
        <v>523</v>
      </c>
    </row>
    <row r="369" spans="1:12" x14ac:dyDescent="0.3">
      <c r="A369" s="11">
        <v>14227331</v>
      </c>
      <c r="B369" s="11">
        <v>5008996</v>
      </c>
      <c r="C369" s="22" t="str">
        <f t="shared" si="7"/>
        <v>https://support.microsoft.com/kb/5008996</v>
      </c>
      <c r="D369" s="3" t="s">
        <v>771</v>
      </c>
      <c r="E369" s="3" t="s">
        <v>100</v>
      </c>
      <c r="F369" s="3" t="s">
        <v>145</v>
      </c>
      <c r="G369" s="3" t="s">
        <v>116</v>
      </c>
      <c r="H369" s="3">
        <v>2019</v>
      </c>
      <c r="I369" s="3" t="s">
        <v>103</v>
      </c>
      <c r="J369" s="3" t="s">
        <v>524</v>
      </c>
      <c r="K369" s="14">
        <v>44588</v>
      </c>
      <c r="L369" s="3" t="s">
        <v>523</v>
      </c>
    </row>
    <row r="370" spans="1:12" x14ac:dyDescent="0.3">
      <c r="A370" s="11">
        <v>14196082</v>
      </c>
      <c r="B370" s="11">
        <v>5008647</v>
      </c>
      <c r="C370" s="22" t="str">
        <f t="shared" si="7"/>
        <v>https://support.microsoft.com/kb/5008647</v>
      </c>
      <c r="D370" s="3" t="s">
        <v>772</v>
      </c>
      <c r="E370" s="3" t="s">
        <v>100</v>
      </c>
      <c r="F370" s="3" t="s">
        <v>116</v>
      </c>
      <c r="G370" s="3" t="s">
        <v>116</v>
      </c>
      <c r="H370" s="3">
        <v>2019</v>
      </c>
      <c r="I370" s="3" t="s">
        <v>103</v>
      </c>
      <c r="J370" s="3" t="s">
        <v>524</v>
      </c>
      <c r="K370" s="14">
        <v>44588</v>
      </c>
      <c r="L370" s="3" t="s">
        <v>523</v>
      </c>
    </row>
    <row r="371" spans="1:12" x14ac:dyDescent="0.3">
      <c r="A371" s="11">
        <v>14165626</v>
      </c>
      <c r="B371" s="11">
        <v>5008996</v>
      </c>
      <c r="C371" s="22" t="str">
        <f t="shared" si="7"/>
        <v>https://support.microsoft.com/kb/5008996</v>
      </c>
      <c r="D371" s="3" t="s">
        <v>773</v>
      </c>
      <c r="E371" s="3" t="s">
        <v>100</v>
      </c>
      <c r="F371" s="3" t="s">
        <v>120</v>
      </c>
      <c r="G371" s="3" t="s">
        <v>102</v>
      </c>
      <c r="H371" s="3">
        <v>2019</v>
      </c>
      <c r="I371" s="3" t="s">
        <v>103</v>
      </c>
      <c r="J371" s="3" t="s">
        <v>524</v>
      </c>
      <c r="K371" s="14">
        <v>44588</v>
      </c>
      <c r="L371" s="3" t="s">
        <v>523</v>
      </c>
    </row>
    <row r="372" spans="1:12" x14ac:dyDescent="0.3">
      <c r="A372" s="11">
        <v>14126931</v>
      </c>
      <c r="B372" s="11">
        <v>5008996</v>
      </c>
      <c r="C372" s="22" t="str">
        <f t="shared" si="7"/>
        <v>https://support.microsoft.com/kb/5008996</v>
      </c>
      <c r="D372" s="3" t="s">
        <v>774</v>
      </c>
      <c r="E372" s="3" t="s">
        <v>178</v>
      </c>
      <c r="F372" s="3" t="s">
        <v>775</v>
      </c>
      <c r="G372" s="3" t="s">
        <v>102</v>
      </c>
      <c r="H372" s="3">
        <v>2019</v>
      </c>
      <c r="I372" s="3" t="s">
        <v>103</v>
      </c>
      <c r="J372" s="3" t="s">
        <v>524</v>
      </c>
      <c r="K372" s="14">
        <v>44588</v>
      </c>
      <c r="L372" s="3" t="s">
        <v>523</v>
      </c>
    </row>
    <row r="373" spans="1:12" x14ac:dyDescent="0.3">
      <c r="A373" s="11">
        <v>14043526</v>
      </c>
      <c r="B373" s="11">
        <v>5010234</v>
      </c>
      <c r="C373" s="22" t="str">
        <f t="shared" si="7"/>
        <v>https://support.microsoft.com/kb/5010234</v>
      </c>
      <c r="D373" s="3" t="s">
        <v>776</v>
      </c>
      <c r="E373" s="3" t="s">
        <v>697</v>
      </c>
      <c r="F373" s="3" t="s">
        <v>777</v>
      </c>
      <c r="G373" s="3" t="s">
        <v>102</v>
      </c>
      <c r="H373" s="3">
        <v>2019</v>
      </c>
      <c r="I373" s="3" t="s">
        <v>103</v>
      </c>
      <c r="J373" s="3" t="s">
        <v>524</v>
      </c>
      <c r="K373" s="14">
        <v>44588</v>
      </c>
      <c r="L373" s="3" t="s">
        <v>523</v>
      </c>
    </row>
    <row r="374" spans="1:12" x14ac:dyDescent="0.3">
      <c r="A374" s="11">
        <v>13313683</v>
      </c>
      <c r="B374" s="11">
        <v>5010246</v>
      </c>
      <c r="C374" s="22" t="str">
        <f t="shared" si="7"/>
        <v>https://support.microsoft.com/kb/5010246</v>
      </c>
      <c r="D374" s="3" t="s">
        <v>778</v>
      </c>
      <c r="E374" s="3" t="s">
        <v>100</v>
      </c>
      <c r="F374" s="3" t="s">
        <v>116</v>
      </c>
      <c r="G374" s="3" t="s">
        <v>116</v>
      </c>
      <c r="H374" s="3">
        <v>2019</v>
      </c>
      <c r="I374" s="3" t="s">
        <v>103</v>
      </c>
      <c r="J374" s="3" t="s">
        <v>524</v>
      </c>
      <c r="K374" s="14">
        <v>44588</v>
      </c>
      <c r="L374" s="3" t="s">
        <v>523</v>
      </c>
    </row>
    <row r="375" spans="1:12" x14ac:dyDescent="0.3">
      <c r="A375" s="11">
        <v>14328046</v>
      </c>
      <c r="B375" s="11">
        <v>5007182</v>
      </c>
      <c r="C375" s="22" t="str">
        <f t="shared" si="7"/>
        <v>https://support.microsoft.com/kb/5007182</v>
      </c>
      <c r="D375" s="3" t="s">
        <v>779</v>
      </c>
      <c r="E375" s="3" t="s">
        <v>100</v>
      </c>
      <c r="F375" s="3" t="s">
        <v>101</v>
      </c>
      <c r="G375" s="3" t="s">
        <v>102</v>
      </c>
      <c r="H375" s="3">
        <v>2019</v>
      </c>
      <c r="I375" s="3" t="s">
        <v>103</v>
      </c>
      <c r="J375" s="3" t="s">
        <v>31</v>
      </c>
      <c r="K375" s="14">
        <v>44522</v>
      </c>
      <c r="L375" s="3" t="s">
        <v>525</v>
      </c>
    </row>
    <row r="376" spans="1:12" x14ac:dyDescent="0.3">
      <c r="A376" s="11">
        <v>14311616</v>
      </c>
      <c r="B376" s="11">
        <v>5007182</v>
      </c>
      <c r="C376" s="22" t="str">
        <f t="shared" si="7"/>
        <v>https://support.microsoft.com/kb/5007182</v>
      </c>
      <c r="D376" s="3" t="s">
        <v>780</v>
      </c>
      <c r="E376" s="3" t="s">
        <v>100</v>
      </c>
      <c r="F376" s="3" t="s">
        <v>101</v>
      </c>
      <c r="G376" s="3" t="s">
        <v>116</v>
      </c>
      <c r="H376" s="3">
        <v>2019</v>
      </c>
      <c r="I376" s="3" t="s">
        <v>103</v>
      </c>
      <c r="J376" s="3" t="s">
        <v>31</v>
      </c>
      <c r="K376" s="14">
        <v>44522</v>
      </c>
      <c r="L376" s="3" t="s">
        <v>525</v>
      </c>
    </row>
    <row r="377" spans="1:12" x14ac:dyDescent="0.3">
      <c r="A377" s="11">
        <v>14309095</v>
      </c>
      <c r="B377" s="11">
        <v>5008107</v>
      </c>
      <c r="C377" s="22" t="str">
        <f t="shared" si="7"/>
        <v>https://support.microsoft.com/kb/5008107</v>
      </c>
      <c r="D377" s="3" t="s">
        <v>781</v>
      </c>
      <c r="E377" s="3" t="s">
        <v>100</v>
      </c>
      <c r="F377" s="3" t="s">
        <v>782</v>
      </c>
      <c r="G377" s="3" t="s">
        <v>105</v>
      </c>
      <c r="H377" s="3">
        <v>2019</v>
      </c>
      <c r="I377" s="3" t="s">
        <v>103</v>
      </c>
      <c r="J377" s="3" t="s">
        <v>31</v>
      </c>
      <c r="K377" s="14">
        <v>44522</v>
      </c>
      <c r="L377" s="3" t="s">
        <v>525</v>
      </c>
    </row>
    <row r="378" spans="1:12" x14ac:dyDescent="0.3">
      <c r="A378" s="11">
        <v>14307250</v>
      </c>
      <c r="B378" s="11">
        <v>5007744</v>
      </c>
      <c r="C378" s="22" t="str">
        <f t="shared" si="7"/>
        <v>https://support.microsoft.com/kb/5007744</v>
      </c>
      <c r="D378" s="3" t="s">
        <v>783</v>
      </c>
      <c r="E378" s="3" t="s">
        <v>100</v>
      </c>
      <c r="F378" s="3" t="s">
        <v>159</v>
      </c>
      <c r="G378" s="3" t="s">
        <v>105</v>
      </c>
      <c r="H378" s="3">
        <v>2019</v>
      </c>
      <c r="I378" s="3" t="s">
        <v>103</v>
      </c>
      <c r="J378" s="3" t="s">
        <v>31</v>
      </c>
      <c r="K378" s="14">
        <v>44522</v>
      </c>
      <c r="L378" s="3" t="s">
        <v>525</v>
      </c>
    </row>
    <row r="379" spans="1:12" x14ac:dyDescent="0.3">
      <c r="A379" s="11">
        <v>14307249</v>
      </c>
      <c r="B379" s="11">
        <v>5007719</v>
      </c>
      <c r="C379" s="22" t="str">
        <f t="shared" si="7"/>
        <v>https://support.microsoft.com/kb/5007719</v>
      </c>
      <c r="D379" s="3" t="s">
        <v>784</v>
      </c>
      <c r="E379" s="3" t="s">
        <v>100</v>
      </c>
      <c r="F379" s="3" t="s">
        <v>159</v>
      </c>
      <c r="G379" s="3" t="s">
        <v>105</v>
      </c>
      <c r="H379" s="3">
        <v>2019</v>
      </c>
      <c r="I379" s="3" t="s">
        <v>103</v>
      </c>
      <c r="J379" s="3" t="s">
        <v>31</v>
      </c>
      <c r="K379" s="14">
        <v>44522</v>
      </c>
      <c r="L379" s="3" t="s">
        <v>525</v>
      </c>
    </row>
    <row r="380" spans="1:12" x14ac:dyDescent="0.3">
      <c r="A380" s="11">
        <v>14307204</v>
      </c>
      <c r="B380" s="11">
        <v>5008114</v>
      </c>
      <c r="C380" s="22" t="str">
        <f t="shared" si="7"/>
        <v>https://support.microsoft.com/kb/5008114</v>
      </c>
      <c r="D380" s="3" t="s">
        <v>785</v>
      </c>
      <c r="E380" s="3" t="s">
        <v>100</v>
      </c>
      <c r="F380" s="3" t="s">
        <v>110</v>
      </c>
      <c r="G380" s="3" t="s">
        <v>105</v>
      </c>
      <c r="H380" s="3">
        <v>2019</v>
      </c>
      <c r="I380" s="3" t="s">
        <v>103</v>
      </c>
      <c r="J380" s="3" t="s">
        <v>31</v>
      </c>
      <c r="K380" s="14">
        <v>44522</v>
      </c>
      <c r="L380" s="3" t="s">
        <v>525</v>
      </c>
    </row>
    <row r="381" spans="1:12" x14ac:dyDescent="0.3">
      <c r="A381" s="11">
        <v>14306964</v>
      </c>
      <c r="B381" s="11">
        <v>5007182</v>
      </c>
      <c r="C381" s="22" t="str">
        <f t="shared" si="7"/>
        <v>https://support.microsoft.com/kb/5007182</v>
      </c>
      <c r="D381" s="3" t="s">
        <v>786</v>
      </c>
      <c r="E381" s="3" t="s">
        <v>100</v>
      </c>
      <c r="F381" s="3" t="s">
        <v>127</v>
      </c>
      <c r="G381" s="3" t="s">
        <v>102</v>
      </c>
      <c r="H381" s="3">
        <v>2019</v>
      </c>
      <c r="I381" s="3" t="s">
        <v>103</v>
      </c>
      <c r="J381" s="3" t="s">
        <v>31</v>
      </c>
      <c r="K381" s="14">
        <v>44522</v>
      </c>
      <c r="L381" s="3" t="s">
        <v>525</v>
      </c>
    </row>
    <row r="382" spans="1:12" x14ac:dyDescent="0.3">
      <c r="A382" s="11">
        <v>14304467</v>
      </c>
      <c r="B382" s="11">
        <v>5008296</v>
      </c>
      <c r="C382" s="22" t="str">
        <f t="shared" si="7"/>
        <v>https://support.microsoft.com/kb/5008296</v>
      </c>
      <c r="D382" s="3" t="s">
        <v>787</v>
      </c>
      <c r="E382" s="3" t="s">
        <v>100</v>
      </c>
      <c r="F382" s="3" t="s">
        <v>120</v>
      </c>
      <c r="G382" s="3" t="s">
        <v>102</v>
      </c>
      <c r="H382" s="3">
        <v>2019</v>
      </c>
      <c r="I382" s="3" t="s">
        <v>103</v>
      </c>
      <c r="J382" s="3" t="s">
        <v>31</v>
      </c>
      <c r="K382" s="14">
        <v>44522</v>
      </c>
      <c r="L382" s="3" t="s">
        <v>525</v>
      </c>
    </row>
    <row r="383" spans="1:12" x14ac:dyDescent="0.3">
      <c r="A383" s="11">
        <v>14302888</v>
      </c>
      <c r="B383" s="11">
        <v>5007182</v>
      </c>
      <c r="C383" s="22" t="str">
        <f t="shared" si="7"/>
        <v>https://support.microsoft.com/kb/5007182</v>
      </c>
      <c r="D383" s="3" t="s">
        <v>788</v>
      </c>
      <c r="E383" s="3" t="s">
        <v>180</v>
      </c>
      <c r="F383" s="3" t="s">
        <v>180</v>
      </c>
      <c r="G383" s="3" t="s">
        <v>102</v>
      </c>
      <c r="H383" s="3">
        <v>2019</v>
      </c>
      <c r="I383" s="3" t="s">
        <v>103</v>
      </c>
      <c r="J383" s="3" t="s">
        <v>31</v>
      </c>
      <c r="K383" s="14">
        <v>44522</v>
      </c>
      <c r="L383" s="3" t="s">
        <v>525</v>
      </c>
    </row>
    <row r="384" spans="1:12" x14ac:dyDescent="0.3">
      <c r="A384" s="11">
        <v>14302678</v>
      </c>
      <c r="B384" s="11">
        <v>5008184</v>
      </c>
      <c r="C384" s="22" t="str">
        <f t="shared" si="7"/>
        <v>https://support.microsoft.com/kb/5008184</v>
      </c>
      <c r="D384" s="3" t="s">
        <v>789</v>
      </c>
      <c r="E384" s="3" t="s">
        <v>100</v>
      </c>
      <c r="F384" s="3" t="s">
        <v>269</v>
      </c>
      <c r="G384" s="3" t="s">
        <v>105</v>
      </c>
      <c r="H384" s="3">
        <v>2019</v>
      </c>
      <c r="I384" s="3" t="s">
        <v>103</v>
      </c>
      <c r="J384" s="3" t="s">
        <v>31</v>
      </c>
      <c r="K384" s="14">
        <v>44522</v>
      </c>
      <c r="L384" s="3" t="s">
        <v>525</v>
      </c>
    </row>
    <row r="385" spans="1:12" x14ac:dyDescent="0.3">
      <c r="A385" s="11">
        <v>14298184</v>
      </c>
      <c r="B385" s="11">
        <v>4538688</v>
      </c>
      <c r="C385" s="22" t="str">
        <f t="shared" si="7"/>
        <v>https://support.microsoft.com/kb/4538688</v>
      </c>
      <c r="D385" s="3" t="s">
        <v>731</v>
      </c>
      <c r="E385" s="3" t="s">
        <v>100</v>
      </c>
      <c r="F385" s="3" t="s">
        <v>145</v>
      </c>
      <c r="G385" s="3" t="s">
        <v>105</v>
      </c>
      <c r="H385" s="3">
        <v>2019</v>
      </c>
      <c r="I385" s="3" t="s">
        <v>103</v>
      </c>
      <c r="J385" s="3" t="s">
        <v>31</v>
      </c>
      <c r="K385" s="14">
        <v>44522</v>
      </c>
      <c r="L385" s="3" t="s">
        <v>525</v>
      </c>
    </row>
    <row r="386" spans="1:12" x14ac:dyDescent="0.3">
      <c r="A386" s="11">
        <v>14295884</v>
      </c>
      <c r="B386" s="11">
        <v>5007182</v>
      </c>
      <c r="C386" s="22" t="str">
        <f t="shared" si="7"/>
        <v>https://support.microsoft.com/kb/5007182</v>
      </c>
      <c r="D386" s="3" t="s">
        <v>790</v>
      </c>
      <c r="E386" s="3" t="s">
        <v>100</v>
      </c>
      <c r="F386" s="3" t="s">
        <v>101</v>
      </c>
      <c r="G386" s="3" t="s">
        <v>102</v>
      </c>
      <c r="H386" s="3">
        <v>2019</v>
      </c>
      <c r="I386" s="3" t="s">
        <v>103</v>
      </c>
      <c r="J386" s="3" t="s">
        <v>31</v>
      </c>
      <c r="K386" s="14">
        <v>44522</v>
      </c>
      <c r="L386" s="3" t="s">
        <v>525</v>
      </c>
    </row>
    <row r="387" spans="1:12" x14ac:dyDescent="0.3">
      <c r="A387" s="11">
        <v>14295855</v>
      </c>
      <c r="B387" s="11">
        <v>5007182</v>
      </c>
      <c r="C387" s="22" t="str">
        <f t="shared" si="7"/>
        <v>https://support.microsoft.com/kb/5007182</v>
      </c>
      <c r="D387" s="3" t="s">
        <v>791</v>
      </c>
      <c r="E387" s="3" t="s">
        <v>100</v>
      </c>
      <c r="F387" s="3" t="s">
        <v>161</v>
      </c>
      <c r="G387" s="3" t="s">
        <v>102</v>
      </c>
      <c r="H387" s="3">
        <v>2019</v>
      </c>
      <c r="I387" s="3" t="s">
        <v>103</v>
      </c>
      <c r="J387" s="3" t="s">
        <v>31</v>
      </c>
      <c r="K387" s="14">
        <v>44522</v>
      </c>
      <c r="L387" s="3" t="s">
        <v>525</v>
      </c>
    </row>
    <row r="388" spans="1:12" x14ac:dyDescent="0.3">
      <c r="A388" s="11">
        <v>14294740</v>
      </c>
      <c r="B388" s="11">
        <v>5007182</v>
      </c>
      <c r="C388" s="22" t="str">
        <f t="shared" si="7"/>
        <v>https://support.microsoft.com/kb/5007182</v>
      </c>
      <c r="D388" s="3" t="s">
        <v>792</v>
      </c>
      <c r="E388" s="3" t="s">
        <v>100</v>
      </c>
      <c r="F388" s="3" t="s">
        <v>127</v>
      </c>
      <c r="G388" s="3" t="s">
        <v>105</v>
      </c>
      <c r="H388" s="3">
        <v>2019</v>
      </c>
      <c r="I388" s="3" t="s">
        <v>103</v>
      </c>
      <c r="J388" s="3" t="s">
        <v>31</v>
      </c>
      <c r="K388" s="14">
        <v>44522</v>
      </c>
      <c r="L388" s="3" t="s">
        <v>525</v>
      </c>
    </row>
    <row r="389" spans="1:12" x14ac:dyDescent="0.3">
      <c r="A389" s="11">
        <v>14288658</v>
      </c>
      <c r="B389" s="11">
        <v>5007182</v>
      </c>
      <c r="C389" s="22" t="str">
        <f t="shared" si="7"/>
        <v>https://support.microsoft.com/kb/5007182</v>
      </c>
      <c r="D389" s="3" t="s">
        <v>793</v>
      </c>
      <c r="E389" s="3" t="s">
        <v>100</v>
      </c>
      <c r="F389" s="3" t="s">
        <v>794</v>
      </c>
      <c r="G389" s="3" t="s">
        <v>102</v>
      </c>
      <c r="H389" s="3">
        <v>2019</v>
      </c>
      <c r="I389" s="3" t="s">
        <v>103</v>
      </c>
      <c r="J389" s="3" t="s">
        <v>31</v>
      </c>
      <c r="K389" s="14">
        <v>44522</v>
      </c>
      <c r="L389" s="3" t="s">
        <v>525</v>
      </c>
    </row>
    <row r="390" spans="1:12" x14ac:dyDescent="0.3">
      <c r="A390" s="11">
        <v>14276893</v>
      </c>
      <c r="B390" s="11">
        <v>5007182</v>
      </c>
      <c r="C390" s="22" t="str">
        <f t="shared" si="7"/>
        <v>https://support.microsoft.com/kb/5007182</v>
      </c>
      <c r="D390" s="3" t="s">
        <v>795</v>
      </c>
      <c r="E390" s="3" t="s">
        <v>100</v>
      </c>
      <c r="F390" s="3" t="s">
        <v>214</v>
      </c>
      <c r="G390" s="3" t="s">
        <v>105</v>
      </c>
      <c r="H390" s="3">
        <v>2019</v>
      </c>
      <c r="I390" s="3" t="s">
        <v>103</v>
      </c>
      <c r="J390" s="3" t="s">
        <v>31</v>
      </c>
      <c r="K390" s="14">
        <v>44522</v>
      </c>
      <c r="L390" s="3" t="s">
        <v>525</v>
      </c>
    </row>
    <row r="391" spans="1:12" x14ac:dyDescent="0.3">
      <c r="A391" s="11">
        <v>14265296</v>
      </c>
      <c r="B391" s="11">
        <v>5007794</v>
      </c>
      <c r="C391" s="22" t="str">
        <f t="shared" si="7"/>
        <v>https://support.microsoft.com/kb/5007794</v>
      </c>
      <c r="D391" s="3" t="s">
        <v>796</v>
      </c>
      <c r="E391" s="3" t="s">
        <v>100</v>
      </c>
      <c r="F391" s="3" t="s">
        <v>161</v>
      </c>
      <c r="G391" s="3" t="s">
        <v>105</v>
      </c>
      <c r="H391" s="3">
        <v>2019</v>
      </c>
      <c r="I391" s="3" t="s">
        <v>103</v>
      </c>
      <c r="J391" s="3" t="s">
        <v>31</v>
      </c>
      <c r="K391" s="14">
        <v>44522</v>
      </c>
      <c r="L391" s="3" t="s">
        <v>525</v>
      </c>
    </row>
    <row r="392" spans="1:12" x14ac:dyDescent="0.3">
      <c r="A392" s="11">
        <v>14255609</v>
      </c>
      <c r="B392" s="11">
        <v>5007182</v>
      </c>
      <c r="C392" s="22" t="str">
        <f t="shared" si="7"/>
        <v>https://support.microsoft.com/kb/5007182</v>
      </c>
      <c r="D392" s="3" t="s">
        <v>797</v>
      </c>
      <c r="E392" s="3" t="s">
        <v>100</v>
      </c>
      <c r="F392" s="3" t="s">
        <v>120</v>
      </c>
      <c r="G392" s="3" t="s">
        <v>102</v>
      </c>
      <c r="H392" s="3">
        <v>2019</v>
      </c>
      <c r="I392" s="3" t="s">
        <v>103</v>
      </c>
      <c r="J392" s="3" t="s">
        <v>31</v>
      </c>
      <c r="K392" s="14">
        <v>44522</v>
      </c>
      <c r="L392" s="3" t="s">
        <v>525</v>
      </c>
    </row>
    <row r="393" spans="1:12" x14ac:dyDescent="0.3">
      <c r="A393" s="11">
        <v>14254562</v>
      </c>
      <c r="B393" s="11">
        <v>5007182</v>
      </c>
      <c r="C393" s="22" t="str">
        <f t="shared" si="7"/>
        <v>https://support.microsoft.com/kb/5007182</v>
      </c>
      <c r="D393" s="3" t="s">
        <v>798</v>
      </c>
      <c r="E393" s="3" t="s">
        <v>100</v>
      </c>
      <c r="F393" s="3" t="s">
        <v>127</v>
      </c>
      <c r="G393" s="3" t="s">
        <v>102</v>
      </c>
      <c r="H393" s="3">
        <v>2019</v>
      </c>
      <c r="I393" s="3" t="s">
        <v>103</v>
      </c>
      <c r="J393" s="3" t="s">
        <v>31</v>
      </c>
      <c r="K393" s="14">
        <v>44522</v>
      </c>
      <c r="L393" s="3" t="s">
        <v>525</v>
      </c>
    </row>
    <row r="394" spans="1:12" x14ac:dyDescent="0.3">
      <c r="A394" s="11">
        <v>14253642</v>
      </c>
      <c r="B394" s="11">
        <v>5007182</v>
      </c>
      <c r="C394" s="22" t="str">
        <f t="shared" si="7"/>
        <v>https://support.microsoft.com/kb/5007182</v>
      </c>
      <c r="D394" s="3" t="s">
        <v>799</v>
      </c>
      <c r="E394" s="3" t="s">
        <v>178</v>
      </c>
      <c r="F394" s="3" t="s">
        <v>178</v>
      </c>
      <c r="G394" s="3" t="s">
        <v>102</v>
      </c>
      <c r="H394" s="3">
        <v>2019</v>
      </c>
      <c r="I394" s="3" t="s">
        <v>103</v>
      </c>
      <c r="J394" s="3" t="s">
        <v>31</v>
      </c>
      <c r="K394" s="14">
        <v>44522</v>
      </c>
      <c r="L394" s="3" t="s">
        <v>525</v>
      </c>
    </row>
    <row r="395" spans="1:12" x14ac:dyDescent="0.3">
      <c r="A395" s="11">
        <v>14253635</v>
      </c>
      <c r="B395" s="11">
        <v>5004936</v>
      </c>
      <c r="C395" s="22" t="str">
        <f t="shared" si="7"/>
        <v>https://support.microsoft.com/kb/5004936</v>
      </c>
      <c r="D395" s="3" t="s">
        <v>800</v>
      </c>
      <c r="E395" s="3" t="s">
        <v>100</v>
      </c>
      <c r="F395" s="3" t="s">
        <v>214</v>
      </c>
      <c r="G395" s="3" t="s">
        <v>105</v>
      </c>
      <c r="H395" s="3">
        <v>2019</v>
      </c>
      <c r="I395" s="3" t="s">
        <v>103</v>
      </c>
      <c r="J395" s="3" t="s">
        <v>31</v>
      </c>
      <c r="K395" s="14">
        <v>44522</v>
      </c>
      <c r="L395" s="3" t="s">
        <v>525</v>
      </c>
    </row>
    <row r="396" spans="1:12" x14ac:dyDescent="0.3">
      <c r="A396" s="11">
        <v>14253632</v>
      </c>
      <c r="B396" s="11">
        <v>5007182</v>
      </c>
      <c r="C396" s="22" t="str">
        <f t="shared" si="7"/>
        <v>https://support.microsoft.com/kb/5007182</v>
      </c>
      <c r="D396" s="3" t="s">
        <v>801</v>
      </c>
      <c r="E396" s="3" t="s">
        <v>180</v>
      </c>
      <c r="F396" s="3" t="s">
        <v>180</v>
      </c>
      <c r="G396" s="3" t="s">
        <v>102</v>
      </c>
      <c r="H396" s="3">
        <v>2019</v>
      </c>
      <c r="I396" s="3" t="s">
        <v>103</v>
      </c>
      <c r="J396" s="3" t="s">
        <v>31</v>
      </c>
      <c r="K396" s="14">
        <v>44522</v>
      </c>
      <c r="L396" s="3" t="s">
        <v>525</v>
      </c>
    </row>
    <row r="397" spans="1:12" x14ac:dyDescent="0.3">
      <c r="A397" s="11">
        <v>14253625</v>
      </c>
      <c r="B397" s="11">
        <v>5007182</v>
      </c>
      <c r="C397" s="22" t="str">
        <f t="shared" si="7"/>
        <v>https://support.microsoft.com/kb/5007182</v>
      </c>
      <c r="D397" s="3" t="s">
        <v>802</v>
      </c>
      <c r="E397" s="3" t="s">
        <v>100</v>
      </c>
      <c r="F397" s="3" t="s">
        <v>101</v>
      </c>
      <c r="G397" s="3" t="s">
        <v>102</v>
      </c>
      <c r="H397" s="3">
        <v>2019</v>
      </c>
      <c r="I397" s="3" t="s">
        <v>103</v>
      </c>
      <c r="J397" s="3" t="s">
        <v>31</v>
      </c>
      <c r="K397" s="14">
        <v>44522</v>
      </c>
      <c r="L397" s="3" t="s">
        <v>525</v>
      </c>
    </row>
    <row r="398" spans="1:12" x14ac:dyDescent="0.3">
      <c r="A398" s="11">
        <v>14253624</v>
      </c>
      <c r="B398" s="11">
        <v>5007182</v>
      </c>
      <c r="C398" s="22" t="str">
        <f t="shared" si="7"/>
        <v>https://support.microsoft.com/kb/5007182</v>
      </c>
      <c r="D398" s="3" t="s">
        <v>803</v>
      </c>
      <c r="E398" s="3" t="s">
        <v>380</v>
      </c>
      <c r="F398" s="3" t="s">
        <v>380</v>
      </c>
      <c r="G398" s="3" t="s">
        <v>102</v>
      </c>
      <c r="H398" s="3">
        <v>2019</v>
      </c>
      <c r="I398" s="3" t="s">
        <v>103</v>
      </c>
      <c r="J398" s="3" t="s">
        <v>31</v>
      </c>
      <c r="K398" s="14">
        <v>44522</v>
      </c>
      <c r="L398" s="3" t="s">
        <v>525</v>
      </c>
    </row>
    <row r="399" spans="1:12" x14ac:dyDescent="0.3">
      <c r="A399" s="11">
        <v>14250829</v>
      </c>
      <c r="B399" s="11">
        <v>5007182</v>
      </c>
      <c r="C399" s="22" t="str">
        <f t="shared" si="7"/>
        <v>https://support.microsoft.com/kb/5007182</v>
      </c>
      <c r="D399" s="3" t="s">
        <v>804</v>
      </c>
      <c r="E399" s="3" t="s">
        <v>100</v>
      </c>
      <c r="F399" s="3" t="s">
        <v>113</v>
      </c>
      <c r="G399" s="3" t="s">
        <v>105</v>
      </c>
      <c r="H399" s="3">
        <v>2019</v>
      </c>
      <c r="I399" s="3" t="s">
        <v>103</v>
      </c>
      <c r="J399" s="3" t="s">
        <v>31</v>
      </c>
      <c r="K399" s="14">
        <v>44522</v>
      </c>
      <c r="L399" s="3" t="s">
        <v>525</v>
      </c>
    </row>
    <row r="400" spans="1:12" x14ac:dyDescent="0.3">
      <c r="A400" s="11">
        <v>14235259</v>
      </c>
      <c r="B400" s="11">
        <v>5007842</v>
      </c>
      <c r="C400" s="22" t="str">
        <f t="shared" si="7"/>
        <v>https://support.microsoft.com/kb/5007842</v>
      </c>
      <c r="D400" s="3" t="s">
        <v>805</v>
      </c>
      <c r="E400" s="3" t="s">
        <v>100</v>
      </c>
      <c r="F400" s="3" t="s">
        <v>127</v>
      </c>
      <c r="G400" s="3" t="s">
        <v>102</v>
      </c>
      <c r="H400" s="3">
        <v>2019</v>
      </c>
      <c r="I400" s="3" t="s">
        <v>103</v>
      </c>
      <c r="J400" s="3" t="s">
        <v>31</v>
      </c>
      <c r="K400" s="14">
        <v>44522</v>
      </c>
      <c r="L400" s="3" t="s">
        <v>525</v>
      </c>
    </row>
    <row r="401" spans="1:12" x14ac:dyDescent="0.3">
      <c r="A401" s="11">
        <v>14227887</v>
      </c>
      <c r="B401" s="11">
        <v>5007182</v>
      </c>
      <c r="C401" s="22" t="str">
        <f t="shared" si="7"/>
        <v>https://support.microsoft.com/kb/5007182</v>
      </c>
      <c r="D401" s="3" t="s">
        <v>806</v>
      </c>
      <c r="E401" s="3" t="s">
        <v>100</v>
      </c>
      <c r="F401" s="3" t="s">
        <v>101</v>
      </c>
      <c r="G401" s="3" t="s">
        <v>102</v>
      </c>
      <c r="H401" s="3">
        <v>2019</v>
      </c>
      <c r="I401" s="3" t="s">
        <v>103</v>
      </c>
      <c r="J401" s="3" t="s">
        <v>31</v>
      </c>
      <c r="K401" s="14">
        <v>44522</v>
      </c>
      <c r="L401" s="3" t="s">
        <v>525</v>
      </c>
    </row>
    <row r="402" spans="1:12" x14ac:dyDescent="0.3">
      <c r="A402" s="11">
        <v>14199142</v>
      </c>
      <c r="B402" s="11">
        <v>5007182</v>
      </c>
      <c r="C402" s="22" t="str">
        <f t="shared" si="7"/>
        <v>https://support.microsoft.com/kb/5007182</v>
      </c>
      <c r="D402" s="3" t="s">
        <v>807</v>
      </c>
      <c r="E402" s="3" t="s">
        <v>100</v>
      </c>
      <c r="F402" s="3" t="s">
        <v>113</v>
      </c>
      <c r="G402" s="3" t="s">
        <v>102</v>
      </c>
      <c r="H402" s="3">
        <v>2019</v>
      </c>
      <c r="I402" s="3" t="s">
        <v>103</v>
      </c>
      <c r="J402" s="3" t="s">
        <v>31</v>
      </c>
      <c r="K402" s="14">
        <v>44522</v>
      </c>
      <c r="L402" s="3" t="s">
        <v>525</v>
      </c>
    </row>
    <row r="403" spans="1:12" x14ac:dyDescent="0.3">
      <c r="A403" s="11">
        <v>14162439</v>
      </c>
      <c r="B403" s="11">
        <v>5007182</v>
      </c>
      <c r="C403" s="22" t="str">
        <f t="shared" si="7"/>
        <v>https://support.microsoft.com/kb/5007182</v>
      </c>
      <c r="D403" s="3" t="s">
        <v>808</v>
      </c>
      <c r="E403" s="3" t="s">
        <v>100</v>
      </c>
      <c r="F403" s="3" t="s">
        <v>233</v>
      </c>
      <c r="G403" s="3" t="s">
        <v>102</v>
      </c>
      <c r="H403" s="3">
        <v>2019</v>
      </c>
      <c r="I403" s="3" t="s">
        <v>103</v>
      </c>
      <c r="J403" s="3" t="s">
        <v>31</v>
      </c>
      <c r="K403" s="14">
        <v>44522</v>
      </c>
      <c r="L403" s="3" t="s">
        <v>525</v>
      </c>
    </row>
    <row r="404" spans="1:12" x14ac:dyDescent="0.3">
      <c r="A404" s="11">
        <v>14134000</v>
      </c>
      <c r="B404" s="11">
        <v>5007182</v>
      </c>
      <c r="C404" s="22" t="str">
        <f t="shared" si="7"/>
        <v>https://support.microsoft.com/kb/5007182</v>
      </c>
      <c r="D404" s="3" t="s">
        <v>809</v>
      </c>
      <c r="E404" s="3" t="s">
        <v>100</v>
      </c>
      <c r="F404" s="3" t="s">
        <v>161</v>
      </c>
      <c r="G404" s="3" t="s">
        <v>102</v>
      </c>
      <c r="H404" s="3">
        <v>2019</v>
      </c>
      <c r="I404" s="3" t="s">
        <v>103</v>
      </c>
      <c r="J404" s="3" t="s">
        <v>31</v>
      </c>
      <c r="K404" s="14">
        <v>44522</v>
      </c>
      <c r="L404" s="3" t="s">
        <v>525</v>
      </c>
    </row>
    <row r="405" spans="1:12" x14ac:dyDescent="0.3">
      <c r="A405" s="11">
        <v>14080213</v>
      </c>
      <c r="B405" s="11">
        <v>5007182</v>
      </c>
      <c r="C405" s="22" t="str">
        <f t="shared" si="7"/>
        <v>https://support.microsoft.com/kb/5007182</v>
      </c>
      <c r="D405" s="3" t="s">
        <v>810</v>
      </c>
      <c r="E405" s="3" t="s">
        <v>100</v>
      </c>
      <c r="F405" s="3" t="s">
        <v>214</v>
      </c>
      <c r="G405" s="3" t="s">
        <v>102</v>
      </c>
      <c r="H405" s="3">
        <v>2019</v>
      </c>
      <c r="I405" s="3" t="s">
        <v>103</v>
      </c>
      <c r="J405" s="3" t="s">
        <v>31</v>
      </c>
      <c r="K405" s="14">
        <v>44522</v>
      </c>
      <c r="L405" s="3" t="s">
        <v>525</v>
      </c>
    </row>
    <row r="406" spans="1:12" x14ac:dyDescent="0.3">
      <c r="A406" s="11">
        <v>13966323</v>
      </c>
      <c r="B406" s="11">
        <v>5007182</v>
      </c>
      <c r="C406" s="22" t="str">
        <f t="shared" si="7"/>
        <v>https://support.microsoft.com/kb/5007182</v>
      </c>
      <c r="D406" s="3" t="s">
        <v>811</v>
      </c>
      <c r="E406" s="3" t="s">
        <v>100</v>
      </c>
      <c r="F406" s="3" t="s">
        <v>161</v>
      </c>
      <c r="G406" s="3" t="s">
        <v>102</v>
      </c>
      <c r="H406" s="3">
        <v>2019</v>
      </c>
      <c r="I406" s="3" t="s">
        <v>103</v>
      </c>
      <c r="J406" s="3" t="s">
        <v>31</v>
      </c>
      <c r="K406" s="14">
        <v>44522</v>
      </c>
      <c r="L406" s="3" t="s">
        <v>525</v>
      </c>
    </row>
    <row r="407" spans="1:12" x14ac:dyDescent="0.3">
      <c r="A407" s="11">
        <v>14243398</v>
      </c>
      <c r="B407" s="11">
        <v>5006632</v>
      </c>
      <c r="C407" s="22" t="str">
        <f t="shared" si="7"/>
        <v>https://support.microsoft.com/kb/5006632</v>
      </c>
      <c r="D407" s="3" t="s">
        <v>812</v>
      </c>
      <c r="E407" s="3" t="s">
        <v>100</v>
      </c>
      <c r="F407" s="3" t="s">
        <v>120</v>
      </c>
      <c r="G407" s="3" t="s">
        <v>102</v>
      </c>
      <c r="H407" s="3">
        <v>2019</v>
      </c>
      <c r="I407" s="3" t="s">
        <v>103</v>
      </c>
      <c r="J407" s="3" t="s">
        <v>41</v>
      </c>
      <c r="K407" s="14">
        <v>44474</v>
      </c>
      <c r="L407" s="3" t="s">
        <v>526</v>
      </c>
    </row>
    <row r="408" spans="1:12" x14ac:dyDescent="0.3">
      <c r="A408" s="11">
        <v>14239890</v>
      </c>
      <c r="B408" s="11">
        <v>5006665</v>
      </c>
      <c r="C408" s="22" t="str">
        <f t="shared" si="7"/>
        <v>https://support.microsoft.com/kb/5006665</v>
      </c>
      <c r="D408" s="3" t="s">
        <v>813</v>
      </c>
      <c r="E408" s="3" t="s">
        <v>100</v>
      </c>
      <c r="F408" s="3" t="s">
        <v>120</v>
      </c>
      <c r="G408" s="3" t="s">
        <v>102</v>
      </c>
      <c r="H408" s="3">
        <v>2019</v>
      </c>
      <c r="I408" s="3" t="s">
        <v>103</v>
      </c>
      <c r="J408" s="3" t="s">
        <v>41</v>
      </c>
      <c r="K408" s="14">
        <v>44474</v>
      </c>
      <c r="L408" s="3" t="s">
        <v>526</v>
      </c>
    </row>
    <row r="409" spans="1:12" x14ac:dyDescent="0.3">
      <c r="A409" s="11">
        <v>14237645</v>
      </c>
      <c r="B409" s="11">
        <v>5006359</v>
      </c>
      <c r="C409" s="22" t="str">
        <f t="shared" si="7"/>
        <v>https://support.microsoft.com/kb/5006359</v>
      </c>
      <c r="D409" s="3" t="s">
        <v>814</v>
      </c>
      <c r="E409" s="3" t="s">
        <v>100</v>
      </c>
      <c r="F409" s="3" t="s">
        <v>110</v>
      </c>
      <c r="G409" s="3" t="s">
        <v>105</v>
      </c>
      <c r="H409" s="3">
        <v>2019</v>
      </c>
      <c r="I409" s="3" t="s">
        <v>103</v>
      </c>
      <c r="J409" s="3" t="s">
        <v>41</v>
      </c>
      <c r="K409" s="14">
        <v>44474</v>
      </c>
      <c r="L409" s="3" t="s">
        <v>526</v>
      </c>
    </row>
    <row r="410" spans="1:12" x14ac:dyDescent="0.3">
      <c r="A410" s="11">
        <v>14233210</v>
      </c>
      <c r="B410" s="11">
        <v>5005679</v>
      </c>
      <c r="C410" s="22" t="str">
        <f t="shared" si="7"/>
        <v>https://support.microsoft.com/kb/5005679</v>
      </c>
      <c r="D410" s="3" t="s">
        <v>815</v>
      </c>
      <c r="E410" s="3" t="s">
        <v>100</v>
      </c>
      <c r="F410" s="3" t="s">
        <v>159</v>
      </c>
      <c r="G410" s="3" t="s">
        <v>102</v>
      </c>
      <c r="H410" s="3">
        <v>2019</v>
      </c>
      <c r="I410" s="3" t="s">
        <v>103</v>
      </c>
      <c r="J410" s="3" t="s">
        <v>41</v>
      </c>
      <c r="K410" s="14">
        <v>44474</v>
      </c>
      <c r="L410" s="3" t="s">
        <v>526</v>
      </c>
    </row>
    <row r="411" spans="1:12" x14ac:dyDescent="0.3">
      <c r="A411" s="11">
        <v>14232813</v>
      </c>
      <c r="B411" s="11">
        <v>5005679</v>
      </c>
      <c r="C411" s="22" t="str">
        <f t="shared" si="7"/>
        <v>https://support.microsoft.com/kb/5005679</v>
      </c>
      <c r="D411" s="3" t="s">
        <v>816</v>
      </c>
      <c r="E411" s="3" t="s">
        <v>100</v>
      </c>
      <c r="F411" s="3" t="s">
        <v>101</v>
      </c>
      <c r="G411" s="3" t="s">
        <v>102</v>
      </c>
      <c r="H411" s="3">
        <v>2019</v>
      </c>
      <c r="I411" s="3" t="s">
        <v>103</v>
      </c>
      <c r="J411" s="3" t="s">
        <v>41</v>
      </c>
      <c r="K411" s="14">
        <v>44474</v>
      </c>
      <c r="L411" s="3" t="s">
        <v>526</v>
      </c>
    </row>
    <row r="412" spans="1:12" x14ac:dyDescent="0.3">
      <c r="A412" s="11">
        <v>14218644</v>
      </c>
      <c r="B412" s="11">
        <v>5005679</v>
      </c>
      <c r="C412" s="22" t="str">
        <f t="shared" si="7"/>
        <v>https://support.microsoft.com/kb/5005679</v>
      </c>
      <c r="D412" s="3" t="s">
        <v>817</v>
      </c>
      <c r="E412" s="3" t="s">
        <v>217</v>
      </c>
      <c r="F412" s="3" t="s">
        <v>818</v>
      </c>
      <c r="G412" s="3" t="s">
        <v>102</v>
      </c>
      <c r="H412" s="3">
        <v>2019</v>
      </c>
      <c r="I412" s="3" t="s">
        <v>103</v>
      </c>
      <c r="J412" s="3" t="s">
        <v>41</v>
      </c>
      <c r="K412" s="14">
        <v>44474</v>
      </c>
      <c r="L412" s="3" t="s">
        <v>526</v>
      </c>
    </row>
    <row r="413" spans="1:12" x14ac:dyDescent="0.3">
      <c r="A413" s="11">
        <v>14217780</v>
      </c>
      <c r="B413" s="11">
        <v>5005679</v>
      </c>
      <c r="C413" s="22" t="str">
        <f t="shared" si="7"/>
        <v>https://support.microsoft.com/kb/5005679</v>
      </c>
      <c r="D413" s="3" t="s">
        <v>819</v>
      </c>
      <c r="E413" s="3" t="s">
        <v>100</v>
      </c>
      <c r="F413" s="3" t="s">
        <v>101</v>
      </c>
      <c r="G413" s="3" t="s">
        <v>102</v>
      </c>
      <c r="H413" s="3">
        <v>2019</v>
      </c>
      <c r="I413" s="3" t="s">
        <v>103</v>
      </c>
      <c r="J413" s="3" t="s">
        <v>41</v>
      </c>
      <c r="K413" s="14">
        <v>44474</v>
      </c>
      <c r="L413" s="3" t="s">
        <v>526</v>
      </c>
    </row>
    <row r="414" spans="1:12" x14ac:dyDescent="0.3">
      <c r="A414" s="11">
        <v>14209346</v>
      </c>
      <c r="B414" s="11">
        <v>5005679</v>
      </c>
      <c r="C414" s="22" t="str">
        <f t="shared" si="7"/>
        <v>https://support.microsoft.com/kb/5005679</v>
      </c>
      <c r="D414" s="3" t="s">
        <v>820</v>
      </c>
      <c r="E414" s="3" t="s">
        <v>100</v>
      </c>
      <c r="F414" s="3" t="s">
        <v>233</v>
      </c>
      <c r="G414" s="3" t="s">
        <v>102</v>
      </c>
      <c r="H414" s="3">
        <v>2019</v>
      </c>
      <c r="I414" s="3" t="s">
        <v>103</v>
      </c>
      <c r="J414" s="3" t="s">
        <v>41</v>
      </c>
      <c r="K414" s="14">
        <v>44474</v>
      </c>
      <c r="L414" s="3" t="s">
        <v>526</v>
      </c>
    </row>
    <row r="415" spans="1:12" x14ac:dyDescent="0.3">
      <c r="A415" s="11">
        <v>14194152</v>
      </c>
      <c r="B415" s="11">
        <v>5005788</v>
      </c>
      <c r="C415" s="22" t="str">
        <f t="shared" si="7"/>
        <v>https://support.microsoft.com/kb/5005788</v>
      </c>
      <c r="D415" s="3" t="s">
        <v>821</v>
      </c>
      <c r="E415" s="3" t="s">
        <v>100</v>
      </c>
      <c r="F415" s="3" t="s">
        <v>332</v>
      </c>
      <c r="G415" s="3" t="s">
        <v>102</v>
      </c>
      <c r="H415" s="3">
        <v>2019</v>
      </c>
      <c r="I415" s="3" t="s">
        <v>103</v>
      </c>
      <c r="J415" s="3" t="s">
        <v>41</v>
      </c>
      <c r="K415" s="14">
        <v>44474</v>
      </c>
      <c r="L415" s="3" t="s">
        <v>526</v>
      </c>
    </row>
    <row r="416" spans="1:12" x14ac:dyDescent="0.3">
      <c r="A416" s="11">
        <v>14190636</v>
      </c>
      <c r="B416" s="11">
        <v>5005679</v>
      </c>
      <c r="C416" s="22" t="str">
        <f t="shared" si="7"/>
        <v>https://support.microsoft.com/kb/5005679</v>
      </c>
      <c r="D416" s="3" t="s">
        <v>822</v>
      </c>
      <c r="E416" s="3" t="s">
        <v>100</v>
      </c>
      <c r="F416" s="3" t="s">
        <v>579</v>
      </c>
      <c r="G416" s="3" t="s">
        <v>105</v>
      </c>
      <c r="H416" s="3">
        <v>2019</v>
      </c>
      <c r="I416" s="3" t="s">
        <v>103</v>
      </c>
      <c r="J416" s="3" t="s">
        <v>41</v>
      </c>
      <c r="K416" s="14">
        <v>44474</v>
      </c>
      <c r="L416" s="3" t="s">
        <v>526</v>
      </c>
    </row>
    <row r="417" spans="1:12" x14ac:dyDescent="0.3">
      <c r="A417" s="11">
        <v>14182758</v>
      </c>
      <c r="B417" s="11">
        <v>5005679</v>
      </c>
      <c r="C417" s="22" t="str">
        <f t="shared" si="7"/>
        <v>https://support.microsoft.com/kb/5005679</v>
      </c>
      <c r="D417" s="3" t="s">
        <v>823</v>
      </c>
      <c r="E417" s="3" t="s">
        <v>100</v>
      </c>
      <c r="F417" s="3" t="s">
        <v>101</v>
      </c>
      <c r="G417" s="3" t="s">
        <v>102</v>
      </c>
      <c r="H417" s="3">
        <v>2019</v>
      </c>
      <c r="I417" s="3" t="s">
        <v>103</v>
      </c>
      <c r="J417" s="3" t="s">
        <v>41</v>
      </c>
      <c r="K417" s="14">
        <v>44474</v>
      </c>
      <c r="L417" s="3" t="s">
        <v>526</v>
      </c>
    </row>
    <row r="418" spans="1:12" x14ac:dyDescent="0.3">
      <c r="A418" s="11">
        <v>14181146</v>
      </c>
      <c r="B418" s="11">
        <v>5005679</v>
      </c>
      <c r="C418" s="22" t="str">
        <f t="shared" ref="C418:C481" si="8">HYPERLINK("https://support.microsoft.com/kb/"&amp;B418)</f>
        <v>https://support.microsoft.com/kb/5005679</v>
      </c>
      <c r="D418" s="3" t="s">
        <v>824</v>
      </c>
      <c r="E418" s="3" t="s">
        <v>100</v>
      </c>
      <c r="F418" s="3" t="s">
        <v>116</v>
      </c>
      <c r="G418" s="3" t="s">
        <v>116</v>
      </c>
      <c r="H418" s="3">
        <v>2019</v>
      </c>
      <c r="I418" s="3" t="s">
        <v>103</v>
      </c>
      <c r="J418" s="3" t="s">
        <v>41</v>
      </c>
      <c r="K418" s="14">
        <v>44474</v>
      </c>
      <c r="L418" s="3" t="s">
        <v>526</v>
      </c>
    </row>
    <row r="419" spans="1:12" x14ac:dyDescent="0.3">
      <c r="A419" s="11">
        <v>14178357</v>
      </c>
      <c r="B419" s="11">
        <v>5005679</v>
      </c>
      <c r="C419" s="22" t="str">
        <f t="shared" si="8"/>
        <v>https://support.microsoft.com/kb/5005679</v>
      </c>
      <c r="D419" s="3" t="s">
        <v>825</v>
      </c>
      <c r="E419" s="3" t="s">
        <v>100</v>
      </c>
      <c r="F419" s="3" t="s">
        <v>120</v>
      </c>
      <c r="G419" s="3" t="s">
        <v>102</v>
      </c>
      <c r="H419" s="3">
        <v>2019</v>
      </c>
      <c r="I419" s="3" t="s">
        <v>103</v>
      </c>
      <c r="J419" s="3" t="s">
        <v>41</v>
      </c>
      <c r="K419" s="14">
        <v>44474</v>
      </c>
      <c r="L419" s="3" t="s">
        <v>526</v>
      </c>
    </row>
    <row r="420" spans="1:12" x14ac:dyDescent="0.3">
      <c r="A420" s="11">
        <v>14173307</v>
      </c>
      <c r="B420" s="11">
        <v>4530907</v>
      </c>
      <c r="C420" s="22" t="str">
        <f t="shared" si="8"/>
        <v>https://support.microsoft.com/kb/4530907</v>
      </c>
      <c r="D420" s="3" t="s">
        <v>826</v>
      </c>
      <c r="E420" s="3" t="s">
        <v>100</v>
      </c>
      <c r="F420" s="3" t="s">
        <v>153</v>
      </c>
      <c r="G420" s="3" t="s">
        <v>102</v>
      </c>
      <c r="H420" s="3">
        <v>2019</v>
      </c>
      <c r="I420" s="3" t="s">
        <v>103</v>
      </c>
      <c r="J420" s="3" t="s">
        <v>41</v>
      </c>
      <c r="K420" s="14">
        <v>44474</v>
      </c>
      <c r="L420" s="3" t="s">
        <v>526</v>
      </c>
    </row>
    <row r="421" spans="1:12" x14ac:dyDescent="0.3">
      <c r="A421" s="11">
        <v>14127274</v>
      </c>
      <c r="B421" s="11">
        <v>5005679</v>
      </c>
      <c r="C421" s="22" t="str">
        <f t="shared" si="8"/>
        <v>https://support.microsoft.com/kb/5005679</v>
      </c>
      <c r="D421" s="3" t="s">
        <v>827</v>
      </c>
      <c r="E421" s="3" t="s">
        <v>100</v>
      </c>
      <c r="F421" s="3" t="s">
        <v>120</v>
      </c>
      <c r="G421" s="3" t="s">
        <v>105</v>
      </c>
      <c r="H421" s="3">
        <v>2019</v>
      </c>
      <c r="I421" s="3" t="s">
        <v>103</v>
      </c>
      <c r="J421" s="3" t="s">
        <v>41</v>
      </c>
      <c r="K421" s="14">
        <v>44474</v>
      </c>
      <c r="L421" s="3" t="s">
        <v>526</v>
      </c>
    </row>
    <row r="422" spans="1:12" x14ac:dyDescent="0.3">
      <c r="A422" s="11">
        <v>14115230</v>
      </c>
      <c r="B422" s="11">
        <v>5005679</v>
      </c>
      <c r="C422" s="22" t="str">
        <f t="shared" si="8"/>
        <v>https://support.microsoft.com/kb/5005679</v>
      </c>
      <c r="D422" s="3" t="s">
        <v>828</v>
      </c>
      <c r="E422" s="3" t="s">
        <v>100</v>
      </c>
      <c r="F422" s="3" t="s">
        <v>687</v>
      </c>
      <c r="G422" s="3" t="s">
        <v>116</v>
      </c>
      <c r="H422" s="3">
        <v>2019</v>
      </c>
      <c r="I422" s="3" t="s">
        <v>103</v>
      </c>
      <c r="J422" s="3" t="s">
        <v>41</v>
      </c>
      <c r="K422" s="14">
        <v>44474</v>
      </c>
      <c r="L422" s="3" t="s">
        <v>526</v>
      </c>
    </row>
    <row r="423" spans="1:12" x14ac:dyDescent="0.3">
      <c r="A423" s="11">
        <v>14021172</v>
      </c>
      <c r="B423" s="11">
        <v>5005679</v>
      </c>
      <c r="C423" s="22" t="str">
        <f t="shared" si="8"/>
        <v>https://support.microsoft.com/kb/5005679</v>
      </c>
      <c r="D423" s="3" t="s">
        <v>829</v>
      </c>
      <c r="E423" s="3" t="s">
        <v>100</v>
      </c>
      <c r="F423" s="3" t="s">
        <v>153</v>
      </c>
      <c r="G423" s="3" t="s">
        <v>102</v>
      </c>
      <c r="H423" s="3">
        <v>2019</v>
      </c>
      <c r="I423" s="3" t="s">
        <v>103</v>
      </c>
      <c r="J423" s="3" t="s">
        <v>41</v>
      </c>
      <c r="K423" s="14">
        <v>44474</v>
      </c>
      <c r="L423" s="3" t="s">
        <v>526</v>
      </c>
    </row>
    <row r="424" spans="1:12" x14ac:dyDescent="0.3">
      <c r="A424" s="11">
        <v>13981081</v>
      </c>
      <c r="B424" s="11">
        <v>5005679</v>
      </c>
      <c r="C424" s="22" t="str">
        <f t="shared" si="8"/>
        <v>https://support.microsoft.com/kb/5005679</v>
      </c>
      <c r="D424" s="3" t="s">
        <v>830</v>
      </c>
      <c r="E424" s="3" t="s">
        <v>380</v>
      </c>
      <c r="F424" s="3" t="s">
        <v>380</v>
      </c>
      <c r="G424" s="3" t="s">
        <v>102</v>
      </c>
      <c r="H424" s="3">
        <v>2019</v>
      </c>
      <c r="I424" s="3" t="s">
        <v>103</v>
      </c>
      <c r="J424" s="3" t="s">
        <v>41</v>
      </c>
      <c r="K424" s="14">
        <v>44474</v>
      </c>
      <c r="L424" s="3" t="s">
        <v>526</v>
      </c>
    </row>
    <row r="425" spans="1:12" x14ac:dyDescent="0.3">
      <c r="A425" s="11">
        <v>13952861</v>
      </c>
      <c r="B425" s="11">
        <v>5005679</v>
      </c>
      <c r="C425" s="22" t="str">
        <f t="shared" si="8"/>
        <v>https://support.microsoft.com/kb/5005679</v>
      </c>
      <c r="D425" s="3" t="s">
        <v>831</v>
      </c>
      <c r="E425" s="3" t="s">
        <v>100</v>
      </c>
      <c r="F425" s="3" t="s">
        <v>161</v>
      </c>
      <c r="G425" s="3" t="s">
        <v>102</v>
      </c>
      <c r="H425" s="3">
        <v>2019</v>
      </c>
      <c r="I425" s="3" t="s">
        <v>103</v>
      </c>
      <c r="J425" s="3" t="s">
        <v>41</v>
      </c>
      <c r="K425" s="14">
        <v>44474</v>
      </c>
      <c r="L425" s="3" t="s">
        <v>526</v>
      </c>
    </row>
    <row r="426" spans="1:12" x14ac:dyDescent="0.3">
      <c r="A426" s="11">
        <v>14161380</v>
      </c>
      <c r="B426" s="11">
        <v>5004524</v>
      </c>
      <c r="C426" s="22" t="str">
        <f t="shared" si="8"/>
        <v>https://support.microsoft.com/kb/5004524</v>
      </c>
      <c r="D426" s="3" t="s">
        <v>832</v>
      </c>
      <c r="E426" s="3" t="s">
        <v>100</v>
      </c>
      <c r="F426" s="3" t="s">
        <v>113</v>
      </c>
      <c r="G426" s="3" t="s">
        <v>105</v>
      </c>
      <c r="H426" s="3">
        <v>2019</v>
      </c>
      <c r="I426" s="3" t="s">
        <v>103</v>
      </c>
      <c r="J426" s="3" t="s">
        <v>47</v>
      </c>
      <c r="K426" s="14">
        <v>44412</v>
      </c>
      <c r="L426" s="3" t="s">
        <v>527</v>
      </c>
    </row>
    <row r="427" spans="1:12" x14ac:dyDescent="0.3">
      <c r="A427" s="11">
        <v>14157632</v>
      </c>
      <c r="B427" s="11">
        <v>5004524</v>
      </c>
      <c r="C427" s="22" t="str">
        <f t="shared" si="8"/>
        <v>https://support.microsoft.com/kb/5004524</v>
      </c>
      <c r="D427" s="3" t="s">
        <v>833</v>
      </c>
      <c r="E427" s="3" t="s">
        <v>178</v>
      </c>
      <c r="F427" s="3" t="s">
        <v>775</v>
      </c>
      <c r="G427" s="3" t="s">
        <v>102</v>
      </c>
      <c r="H427" s="3">
        <v>2019</v>
      </c>
      <c r="I427" s="3" t="s">
        <v>103</v>
      </c>
      <c r="J427" s="3" t="s">
        <v>47</v>
      </c>
      <c r="K427" s="14">
        <v>44412</v>
      </c>
      <c r="L427" s="3" t="s">
        <v>527</v>
      </c>
    </row>
    <row r="428" spans="1:12" x14ac:dyDescent="0.3">
      <c r="A428" s="11">
        <v>14155805</v>
      </c>
      <c r="B428" s="11">
        <v>5004524</v>
      </c>
      <c r="C428" s="22" t="str">
        <f t="shared" si="8"/>
        <v>https://support.microsoft.com/kb/5004524</v>
      </c>
      <c r="D428" s="3" t="s">
        <v>834</v>
      </c>
      <c r="E428" s="3" t="s">
        <v>100</v>
      </c>
      <c r="F428" s="3" t="s">
        <v>579</v>
      </c>
      <c r="G428" s="3" t="s">
        <v>116</v>
      </c>
      <c r="H428" s="3">
        <v>2019</v>
      </c>
      <c r="I428" s="3" t="s">
        <v>103</v>
      </c>
      <c r="J428" s="3" t="s">
        <v>47</v>
      </c>
      <c r="K428" s="14">
        <v>44412</v>
      </c>
      <c r="L428" s="3" t="s">
        <v>527</v>
      </c>
    </row>
    <row r="429" spans="1:12" x14ac:dyDescent="0.3">
      <c r="A429" s="11">
        <v>14152660</v>
      </c>
      <c r="B429" s="11">
        <v>5004524</v>
      </c>
      <c r="C429" s="22" t="str">
        <f t="shared" si="8"/>
        <v>https://support.microsoft.com/kb/5004524</v>
      </c>
      <c r="D429" s="3" t="s">
        <v>835</v>
      </c>
      <c r="E429" s="3" t="s">
        <v>697</v>
      </c>
      <c r="F429" s="3" t="s">
        <v>777</v>
      </c>
      <c r="G429" s="3" t="s">
        <v>102</v>
      </c>
      <c r="H429" s="3">
        <v>2019</v>
      </c>
      <c r="I429" s="3" t="s">
        <v>103</v>
      </c>
      <c r="J429" s="3" t="s">
        <v>47</v>
      </c>
      <c r="K429" s="14">
        <v>44412</v>
      </c>
      <c r="L429" s="3" t="s">
        <v>527</v>
      </c>
    </row>
    <row r="430" spans="1:12" x14ac:dyDescent="0.3">
      <c r="A430" s="11">
        <v>14143394</v>
      </c>
      <c r="B430" s="11">
        <v>5004524</v>
      </c>
      <c r="C430" s="22" t="str">
        <f t="shared" si="8"/>
        <v>https://support.microsoft.com/kb/5004524</v>
      </c>
      <c r="D430" s="3" t="s">
        <v>836</v>
      </c>
      <c r="E430" s="3" t="s">
        <v>180</v>
      </c>
      <c r="F430" s="3" t="s">
        <v>180</v>
      </c>
      <c r="G430" s="3" t="s">
        <v>102</v>
      </c>
      <c r="H430" s="3">
        <v>2019</v>
      </c>
      <c r="I430" s="3" t="s">
        <v>103</v>
      </c>
      <c r="J430" s="3" t="s">
        <v>47</v>
      </c>
      <c r="K430" s="14">
        <v>44412</v>
      </c>
      <c r="L430" s="3" t="s">
        <v>527</v>
      </c>
    </row>
    <row r="431" spans="1:12" x14ac:dyDescent="0.3">
      <c r="A431" s="11">
        <v>14138749</v>
      </c>
      <c r="B431" s="11">
        <v>5004734</v>
      </c>
      <c r="C431" s="22" t="str">
        <f t="shared" si="8"/>
        <v>https://support.microsoft.com/kb/5004734</v>
      </c>
      <c r="D431" s="3" t="s">
        <v>837</v>
      </c>
      <c r="E431" s="3" t="s">
        <v>100</v>
      </c>
      <c r="F431" s="3" t="s">
        <v>214</v>
      </c>
      <c r="G431" s="3" t="s">
        <v>105</v>
      </c>
      <c r="H431" s="3">
        <v>2019</v>
      </c>
      <c r="I431" s="3" t="s">
        <v>103</v>
      </c>
      <c r="J431" s="3" t="s">
        <v>47</v>
      </c>
      <c r="K431" s="14">
        <v>44412</v>
      </c>
      <c r="L431" s="3" t="s">
        <v>527</v>
      </c>
    </row>
    <row r="432" spans="1:12" x14ac:dyDescent="0.3">
      <c r="A432" s="11">
        <v>14135180</v>
      </c>
      <c r="B432" s="11">
        <v>5004524</v>
      </c>
      <c r="C432" s="22" t="str">
        <f t="shared" si="8"/>
        <v>https://support.microsoft.com/kb/5004524</v>
      </c>
      <c r="D432" s="3" t="s">
        <v>838</v>
      </c>
      <c r="E432" s="3" t="s">
        <v>100</v>
      </c>
      <c r="F432" s="3" t="s">
        <v>101</v>
      </c>
      <c r="G432" s="3" t="s">
        <v>102</v>
      </c>
      <c r="H432" s="3">
        <v>2019</v>
      </c>
      <c r="I432" s="3" t="s">
        <v>103</v>
      </c>
      <c r="J432" s="3" t="s">
        <v>47</v>
      </c>
      <c r="K432" s="14">
        <v>44412</v>
      </c>
      <c r="L432" s="3" t="s">
        <v>527</v>
      </c>
    </row>
    <row r="433" spans="1:12" x14ac:dyDescent="0.3">
      <c r="A433" s="11">
        <v>14135092</v>
      </c>
      <c r="B433" s="11">
        <v>5004524</v>
      </c>
      <c r="C433" s="22" t="str">
        <f t="shared" si="8"/>
        <v>https://support.microsoft.com/kb/5004524</v>
      </c>
      <c r="D433" s="3" t="s">
        <v>839</v>
      </c>
      <c r="E433" s="3" t="s">
        <v>100</v>
      </c>
      <c r="F433" s="3" t="s">
        <v>113</v>
      </c>
      <c r="G433" s="3" t="s">
        <v>105</v>
      </c>
      <c r="H433" s="3">
        <v>2019</v>
      </c>
      <c r="I433" s="3" t="s">
        <v>103</v>
      </c>
      <c r="J433" s="3" t="s">
        <v>47</v>
      </c>
      <c r="K433" s="14">
        <v>44412</v>
      </c>
      <c r="L433" s="3" t="s">
        <v>527</v>
      </c>
    </row>
    <row r="434" spans="1:12" x14ac:dyDescent="0.3">
      <c r="A434" s="11">
        <v>14132334</v>
      </c>
      <c r="B434" s="11">
        <v>5004936</v>
      </c>
      <c r="C434" s="22" t="str">
        <f t="shared" si="8"/>
        <v>https://support.microsoft.com/kb/5004936</v>
      </c>
      <c r="D434" s="3" t="s">
        <v>840</v>
      </c>
      <c r="E434" s="3" t="s">
        <v>100</v>
      </c>
      <c r="F434" s="3" t="s">
        <v>214</v>
      </c>
      <c r="G434" s="3" t="s">
        <v>105</v>
      </c>
      <c r="H434" s="3">
        <v>2019</v>
      </c>
      <c r="I434" s="3" t="s">
        <v>103</v>
      </c>
      <c r="J434" s="3" t="s">
        <v>47</v>
      </c>
      <c r="K434" s="14">
        <v>44412</v>
      </c>
      <c r="L434" s="3" t="s">
        <v>527</v>
      </c>
    </row>
    <row r="435" spans="1:12" x14ac:dyDescent="0.3">
      <c r="A435" s="11">
        <v>14129474</v>
      </c>
      <c r="B435" s="11">
        <v>5004524</v>
      </c>
      <c r="C435" s="22" t="str">
        <f t="shared" si="8"/>
        <v>https://support.microsoft.com/kb/5004524</v>
      </c>
      <c r="D435" s="3" t="s">
        <v>841</v>
      </c>
      <c r="E435" s="3" t="s">
        <v>100</v>
      </c>
      <c r="F435" s="3" t="s">
        <v>113</v>
      </c>
      <c r="G435" s="3" t="s">
        <v>102</v>
      </c>
      <c r="H435" s="3">
        <v>2019</v>
      </c>
      <c r="I435" s="3" t="s">
        <v>103</v>
      </c>
      <c r="J435" s="3" t="s">
        <v>47</v>
      </c>
      <c r="K435" s="14">
        <v>44412</v>
      </c>
      <c r="L435" s="3" t="s">
        <v>527</v>
      </c>
    </row>
    <row r="436" spans="1:12" x14ac:dyDescent="0.3">
      <c r="A436" s="11">
        <v>14128989</v>
      </c>
      <c r="B436" s="11">
        <v>5004524</v>
      </c>
      <c r="C436" s="22" t="str">
        <f t="shared" si="8"/>
        <v>https://support.microsoft.com/kb/5004524</v>
      </c>
      <c r="D436" s="3" t="s">
        <v>842</v>
      </c>
      <c r="E436" s="3" t="s">
        <v>100</v>
      </c>
      <c r="F436" s="3" t="s">
        <v>120</v>
      </c>
      <c r="G436" s="3" t="s">
        <v>102</v>
      </c>
      <c r="H436" s="3">
        <v>2019</v>
      </c>
      <c r="I436" s="3" t="s">
        <v>103</v>
      </c>
      <c r="J436" s="3" t="s">
        <v>47</v>
      </c>
      <c r="K436" s="14">
        <v>44412</v>
      </c>
      <c r="L436" s="3" t="s">
        <v>527</v>
      </c>
    </row>
    <row r="437" spans="1:12" x14ac:dyDescent="0.3">
      <c r="A437" s="11">
        <v>14125524</v>
      </c>
      <c r="B437" s="11">
        <v>5004524</v>
      </c>
      <c r="C437" s="22" t="str">
        <f t="shared" si="8"/>
        <v>https://support.microsoft.com/kb/5004524</v>
      </c>
      <c r="D437" s="3" t="s">
        <v>843</v>
      </c>
      <c r="E437" s="3" t="s">
        <v>100</v>
      </c>
      <c r="F437" s="3" t="s">
        <v>101</v>
      </c>
      <c r="G437" s="3" t="s">
        <v>102</v>
      </c>
      <c r="H437" s="3">
        <v>2019</v>
      </c>
      <c r="I437" s="3" t="s">
        <v>103</v>
      </c>
      <c r="J437" s="3" t="s">
        <v>47</v>
      </c>
      <c r="K437" s="14">
        <v>44412</v>
      </c>
      <c r="L437" s="3" t="s">
        <v>527</v>
      </c>
    </row>
    <row r="438" spans="1:12" x14ac:dyDescent="0.3">
      <c r="A438" s="11">
        <v>14124437</v>
      </c>
      <c r="B438" s="11">
        <v>5004524</v>
      </c>
      <c r="C438" s="22" t="str">
        <f t="shared" si="8"/>
        <v>https://support.microsoft.com/kb/5004524</v>
      </c>
      <c r="D438" s="3" t="s">
        <v>844</v>
      </c>
      <c r="E438" s="3" t="s">
        <v>100</v>
      </c>
      <c r="F438" s="3" t="s">
        <v>127</v>
      </c>
      <c r="G438" s="3" t="s">
        <v>102</v>
      </c>
      <c r="H438" s="3">
        <v>2019</v>
      </c>
      <c r="I438" s="3" t="s">
        <v>103</v>
      </c>
      <c r="J438" s="3" t="s">
        <v>47</v>
      </c>
      <c r="K438" s="14">
        <v>44412</v>
      </c>
      <c r="L438" s="3" t="s">
        <v>527</v>
      </c>
    </row>
    <row r="439" spans="1:12" x14ac:dyDescent="0.3">
      <c r="A439" s="11">
        <v>14124394</v>
      </c>
      <c r="B439" s="11">
        <v>5004573</v>
      </c>
      <c r="C439" s="22" t="str">
        <f t="shared" si="8"/>
        <v>https://support.microsoft.com/kb/5004573</v>
      </c>
      <c r="D439" s="3" t="s">
        <v>845</v>
      </c>
      <c r="E439" s="3" t="s">
        <v>100</v>
      </c>
      <c r="F439" s="3" t="s">
        <v>145</v>
      </c>
      <c r="G439" s="3" t="s">
        <v>102</v>
      </c>
      <c r="H439" s="3">
        <v>2019</v>
      </c>
      <c r="I439" s="3" t="s">
        <v>103</v>
      </c>
      <c r="J439" s="3" t="s">
        <v>47</v>
      </c>
      <c r="K439" s="14">
        <v>44412</v>
      </c>
      <c r="L439" s="3" t="s">
        <v>527</v>
      </c>
    </row>
    <row r="440" spans="1:12" x14ac:dyDescent="0.3">
      <c r="A440" s="11">
        <v>14123177</v>
      </c>
      <c r="B440" s="11">
        <v>5004750</v>
      </c>
      <c r="C440" s="22" t="str">
        <f t="shared" si="8"/>
        <v>https://support.microsoft.com/kb/5004750</v>
      </c>
      <c r="D440" s="3" t="s">
        <v>846</v>
      </c>
      <c r="E440" s="3" t="s">
        <v>100</v>
      </c>
      <c r="F440" s="3" t="s">
        <v>116</v>
      </c>
      <c r="G440" s="3" t="s">
        <v>116</v>
      </c>
      <c r="H440" s="3">
        <v>2019</v>
      </c>
      <c r="I440" s="3" t="s">
        <v>103</v>
      </c>
      <c r="J440" s="3" t="s">
        <v>47</v>
      </c>
      <c r="K440" s="14">
        <v>44412</v>
      </c>
      <c r="L440" s="3" t="s">
        <v>527</v>
      </c>
    </row>
    <row r="441" spans="1:12" x14ac:dyDescent="0.3">
      <c r="A441" s="11">
        <v>14099845</v>
      </c>
      <c r="B441" s="11">
        <v>5004524</v>
      </c>
      <c r="C441" s="22" t="str">
        <f t="shared" si="8"/>
        <v>https://support.microsoft.com/kb/5004524</v>
      </c>
      <c r="D441" s="3" t="s">
        <v>847</v>
      </c>
      <c r="E441" s="3" t="s">
        <v>100</v>
      </c>
      <c r="F441" s="3" t="s">
        <v>101</v>
      </c>
      <c r="G441" s="3" t="s">
        <v>102</v>
      </c>
      <c r="H441" s="3">
        <v>2019</v>
      </c>
      <c r="I441" s="3" t="s">
        <v>103</v>
      </c>
      <c r="J441" s="3" t="s">
        <v>47</v>
      </c>
      <c r="K441" s="14">
        <v>44412</v>
      </c>
      <c r="L441" s="3" t="s">
        <v>527</v>
      </c>
    </row>
    <row r="442" spans="1:12" x14ac:dyDescent="0.3">
      <c r="A442" s="11">
        <v>14099473</v>
      </c>
      <c r="B442" s="11">
        <v>5004524</v>
      </c>
      <c r="C442" s="22" t="str">
        <f t="shared" si="8"/>
        <v>https://support.microsoft.com/kb/5004524</v>
      </c>
      <c r="D442" s="3" t="s">
        <v>848</v>
      </c>
      <c r="E442" s="3" t="s">
        <v>100</v>
      </c>
      <c r="F442" s="3" t="s">
        <v>123</v>
      </c>
      <c r="G442" s="3" t="s">
        <v>102</v>
      </c>
      <c r="H442" s="3">
        <v>2019</v>
      </c>
      <c r="I442" s="3" t="s">
        <v>103</v>
      </c>
      <c r="J442" s="3" t="s">
        <v>47</v>
      </c>
      <c r="K442" s="14">
        <v>44412</v>
      </c>
      <c r="L442" s="3" t="s">
        <v>527</v>
      </c>
    </row>
    <row r="443" spans="1:12" x14ac:dyDescent="0.3">
      <c r="A443" s="11">
        <v>14089504</v>
      </c>
      <c r="B443" s="11">
        <v>5004524</v>
      </c>
      <c r="C443" s="22" t="str">
        <f t="shared" si="8"/>
        <v>https://support.microsoft.com/kb/5004524</v>
      </c>
      <c r="D443" s="3" t="s">
        <v>849</v>
      </c>
      <c r="E443" s="3" t="s">
        <v>100</v>
      </c>
      <c r="F443" s="3" t="s">
        <v>127</v>
      </c>
      <c r="G443" s="3" t="s">
        <v>102</v>
      </c>
      <c r="H443" s="3">
        <v>2019</v>
      </c>
      <c r="I443" s="3" t="s">
        <v>103</v>
      </c>
      <c r="J443" s="3" t="s">
        <v>47</v>
      </c>
      <c r="K443" s="14">
        <v>44412</v>
      </c>
      <c r="L443" s="3" t="s">
        <v>527</v>
      </c>
    </row>
    <row r="444" spans="1:12" x14ac:dyDescent="0.3">
      <c r="A444" s="11">
        <v>14085888</v>
      </c>
      <c r="B444" s="11">
        <v>5004524</v>
      </c>
      <c r="C444" s="22" t="str">
        <f t="shared" si="8"/>
        <v>https://support.microsoft.com/kb/5004524</v>
      </c>
      <c r="D444" s="3" t="s">
        <v>850</v>
      </c>
      <c r="E444" s="3" t="s">
        <v>100</v>
      </c>
      <c r="F444" s="3" t="s">
        <v>782</v>
      </c>
      <c r="G444" s="3" t="s">
        <v>102</v>
      </c>
      <c r="H444" s="3">
        <v>2019</v>
      </c>
      <c r="I444" s="3" t="s">
        <v>103</v>
      </c>
      <c r="J444" s="3" t="s">
        <v>47</v>
      </c>
      <c r="K444" s="14">
        <v>44412</v>
      </c>
      <c r="L444" s="3" t="s">
        <v>527</v>
      </c>
    </row>
    <row r="445" spans="1:12" x14ac:dyDescent="0.3">
      <c r="A445" s="11">
        <v>14085885</v>
      </c>
      <c r="B445" s="11">
        <v>5004524</v>
      </c>
      <c r="C445" s="22" t="str">
        <f t="shared" si="8"/>
        <v>https://support.microsoft.com/kb/5004524</v>
      </c>
      <c r="D445" s="3" t="s">
        <v>851</v>
      </c>
      <c r="E445" s="3" t="s">
        <v>100</v>
      </c>
      <c r="F445" s="3" t="s">
        <v>113</v>
      </c>
      <c r="G445" s="3" t="s">
        <v>105</v>
      </c>
      <c r="H445" s="3">
        <v>2019</v>
      </c>
      <c r="I445" s="3" t="s">
        <v>103</v>
      </c>
      <c r="J445" s="3" t="s">
        <v>47</v>
      </c>
      <c r="K445" s="14">
        <v>44412</v>
      </c>
      <c r="L445" s="3" t="s">
        <v>527</v>
      </c>
    </row>
    <row r="446" spans="1:12" x14ac:dyDescent="0.3">
      <c r="A446" s="11">
        <v>14072670</v>
      </c>
      <c r="B446" s="11">
        <v>5004560</v>
      </c>
      <c r="C446" s="22" t="str">
        <f t="shared" si="8"/>
        <v>https://support.microsoft.com/kb/5004560</v>
      </c>
      <c r="D446" s="3" t="s">
        <v>852</v>
      </c>
      <c r="E446" s="3" t="s">
        <v>100</v>
      </c>
      <c r="F446" s="3" t="s">
        <v>214</v>
      </c>
      <c r="G446" s="3" t="s">
        <v>102</v>
      </c>
      <c r="H446" s="3">
        <v>2019</v>
      </c>
      <c r="I446" s="3" t="s">
        <v>103</v>
      </c>
      <c r="J446" s="3" t="s">
        <v>47</v>
      </c>
      <c r="K446" s="14">
        <v>44412</v>
      </c>
      <c r="L446" s="3" t="s">
        <v>527</v>
      </c>
    </row>
    <row r="447" spans="1:12" x14ac:dyDescent="0.3">
      <c r="A447" s="11">
        <v>14031511</v>
      </c>
      <c r="B447" s="11">
        <v>5004524</v>
      </c>
      <c r="C447" s="22" t="str">
        <f t="shared" si="8"/>
        <v>https://support.microsoft.com/kb/5004524</v>
      </c>
      <c r="D447" s="3" t="s">
        <v>853</v>
      </c>
      <c r="E447" s="3" t="s">
        <v>178</v>
      </c>
      <c r="F447" s="3" t="s">
        <v>178</v>
      </c>
      <c r="G447" s="3" t="s">
        <v>102</v>
      </c>
      <c r="H447" s="3">
        <v>2019</v>
      </c>
      <c r="I447" s="3" t="s">
        <v>103</v>
      </c>
      <c r="J447" s="3" t="s">
        <v>47</v>
      </c>
      <c r="K447" s="14">
        <v>44412</v>
      </c>
      <c r="L447" s="3" t="s">
        <v>527</v>
      </c>
    </row>
    <row r="448" spans="1:12" x14ac:dyDescent="0.3">
      <c r="A448" s="11">
        <v>14008525</v>
      </c>
      <c r="B448" s="11">
        <v>5004524</v>
      </c>
      <c r="C448" s="22" t="str">
        <f t="shared" si="8"/>
        <v>https://support.microsoft.com/kb/5004524</v>
      </c>
      <c r="D448" s="3" t="s">
        <v>854</v>
      </c>
      <c r="E448" s="3" t="s">
        <v>100</v>
      </c>
      <c r="F448" s="3" t="s">
        <v>153</v>
      </c>
      <c r="G448" s="3" t="s">
        <v>105</v>
      </c>
      <c r="H448" s="3">
        <v>2019</v>
      </c>
      <c r="I448" s="3" t="s">
        <v>103</v>
      </c>
      <c r="J448" s="3" t="s">
        <v>47</v>
      </c>
      <c r="K448" s="14">
        <v>44412</v>
      </c>
      <c r="L448" s="3" t="s">
        <v>527</v>
      </c>
    </row>
    <row r="449" spans="1:12" x14ac:dyDescent="0.3">
      <c r="A449" s="11">
        <v>13979806</v>
      </c>
      <c r="B449" s="11">
        <v>5001045</v>
      </c>
      <c r="C449" s="22" t="str">
        <f t="shared" si="8"/>
        <v>https://support.microsoft.com/kb/5001045</v>
      </c>
      <c r="D449" s="3" t="s">
        <v>855</v>
      </c>
      <c r="E449" s="3" t="s">
        <v>100</v>
      </c>
      <c r="F449" s="3" t="s">
        <v>214</v>
      </c>
      <c r="G449" s="3" t="s">
        <v>105</v>
      </c>
      <c r="H449" s="3">
        <v>2019</v>
      </c>
      <c r="I449" s="3" t="s">
        <v>103</v>
      </c>
      <c r="J449" s="3" t="s">
        <v>47</v>
      </c>
      <c r="K449" s="14">
        <v>44412</v>
      </c>
      <c r="L449" s="3" t="s">
        <v>527</v>
      </c>
    </row>
    <row r="450" spans="1:12" x14ac:dyDescent="0.3">
      <c r="A450" s="11">
        <v>13970856</v>
      </c>
      <c r="B450" s="11">
        <v>5004524</v>
      </c>
      <c r="C450" s="22" t="str">
        <f t="shared" si="8"/>
        <v>https://support.microsoft.com/kb/5004524</v>
      </c>
      <c r="D450" s="3" t="s">
        <v>856</v>
      </c>
      <c r="E450" s="3" t="s">
        <v>380</v>
      </c>
      <c r="F450" s="3" t="s">
        <v>380</v>
      </c>
      <c r="G450" s="3" t="s">
        <v>102</v>
      </c>
      <c r="H450" s="3">
        <v>2019</v>
      </c>
      <c r="I450" s="3" t="s">
        <v>103</v>
      </c>
      <c r="J450" s="3" t="s">
        <v>47</v>
      </c>
      <c r="K450" s="14">
        <v>44412</v>
      </c>
      <c r="L450" s="3" t="s">
        <v>527</v>
      </c>
    </row>
    <row r="451" spans="1:12" x14ac:dyDescent="0.3">
      <c r="A451" s="11">
        <v>13872115</v>
      </c>
      <c r="B451" s="11">
        <v>5004524</v>
      </c>
      <c r="C451" s="22" t="str">
        <f t="shared" si="8"/>
        <v>https://support.microsoft.com/kb/5004524</v>
      </c>
      <c r="D451" s="3" t="s">
        <v>857</v>
      </c>
      <c r="E451" s="3" t="s">
        <v>100</v>
      </c>
      <c r="F451" s="3" t="s">
        <v>101</v>
      </c>
      <c r="G451" s="3" t="s">
        <v>102</v>
      </c>
      <c r="H451" s="3">
        <v>2019</v>
      </c>
      <c r="I451" s="3" t="s">
        <v>103</v>
      </c>
      <c r="J451" s="3" t="s">
        <v>47</v>
      </c>
      <c r="K451" s="14">
        <v>44412</v>
      </c>
      <c r="L451" s="3" t="s">
        <v>527</v>
      </c>
    </row>
    <row r="452" spans="1:12" x14ac:dyDescent="0.3">
      <c r="A452" s="11">
        <v>13746933</v>
      </c>
      <c r="B452" s="11">
        <v>5004524</v>
      </c>
      <c r="C452" s="22" t="str">
        <f t="shared" si="8"/>
        <v>https://support.microsoft.com/kb/5004524</v>
      </c>
      <c r="D452" s="3" t="s">
        <v>858</v>
      </c>
      <c r="E452" s="3" t="s">
        <v>100</v>
      </c>
      <c r="F452" s="3" t="s">
        <v>123</v>
      </c>
      <c r="G452" s="3" t="s">
        <v>102</v>
      </c>
      <c r="H452" s="3">
        <v>2019</v>
      </c>
      <c r="I452" s="3" t="s">
        <v>103</v>
      </c>
      <c r="J452" s="3" t="s">
        <v>47</v>
      </c>
      <c r="K452" s="14">
        <v>44412</v>
      </c>
      <c r="L452" s="3" t="s">
        <v>527</v>
      </c>
    </row>
    <row r="453" spans="1:12" x14ac:dyDescent="0.3">
      <c r="A453" s="11">
        <v>13713094</v>
      </c>
      <c r="B453" s="11">
        <v>5004733</v>
      </c>
      <c r="C453" s="22" t="str">
        <f t="shared" si="8"/>
        <v>https://support.microsoft.com/kb/5004733</v>
      </c>
      <c r="D453" s="3" t="s">
        <v>859</v>
      </c>
      <c r="E453" s="3" t="s">
        <v>100</v>
      </c>
      <c r="F453" s="3" t="s">
        <v>165</v>
      </c>
      <c r="G453" s="3" t="s">
        <v>105</v>
      </c>
      <c r="H453" s="3">
        <v>2019</v>
      </c>
      <c r="I453" s="3" t="s">
        <v>103</v>
      </c>
      <c r="J453" s="3" t="s">
        <v>47</v>
      </c>
      <c r="K453" s="14">
        <v>44412</v>
      </c>
      <c r="L453" s="3" t="s">
        <v>527</v>
      </c>
    </row>
    <row r="454" spans="1:12" x14ac:dyDescent="0.3">
      <c r="A454" s="11">
        <v>13648398</v>
      </c>
      <c r="B454" s="11">
        <v>5005321</v>
      </c>
      <c r="C454" s="22" t="str">
        <f t="shared" si="8"/>
        <v>https://support.microsoft.com/kb/5005321</v>
      </c>
      <c r="D454" s="3" t="s">
        <v>860</v>
      </c>
      <c r="E454" s="3" t="s">
        <v>100</v>
      </c>
      <c r="F454" s="3" t="s">
        <v>113</v>
      </c>
      <c r="G454" s="3" t="s">
        <v>102</v>
      </c>
      <c r="H454" s="3">
        <v>2019</v>
      </c>
      <c r="I454" s="3" t="s">
        <v>103</v>
      </c>
      <c r="J454" s="3" t="s">
        <v>47</v>
      </c>
      <c r="K454" s="14">
        <v>44412</v>
      </c>
      <c r="L454" s="3" t="s">
        <v>527</v>
      </c>
    </row>
    <row r="455" spans="1:12" x14ac:dyDescent="0.3">
      <c r="A455" s="11">
        <v>13633665</v>
      </c>
      <c r="B455" s="11">
        <v>5004649</v>
      </c>
      <c r="C455" s="22" t="str">
        <f t="shared" si="8"/>
        <v>https://support.microsoft.com/kb/5004649</v>
      </c>
      <c r="D455" s="3" t="s">
        <v>861</v>
      </c>
      <c r="E455" s="3" t="s">
        <v>100</v>
      </c>
      <c r="F455" s="3" t="s">
        <v>101</v>
      </c>
      <c r="G455" s="3" t="s">
        <v>102</v>
      </c>
      <c r="H455" s="3">
        <v>2019</v>
      </c>
      <c r="I455" s="3" t="s">
        <v>103</v>
      </c>
      <c r="J455" s="3" t="s">
        <v>47</v>
      </c>
      <c r="K455" s="14">
        <v>44412</v>
      </c>
      <c r="L455" s="3" t="s">
        <v>527</v>
      </c>
    </row>
    <row r="456" spans="1:12" x14ac:dyDescent="0.3">
      <c r="A456" s="11">
        <v>14080523</v>
      </c>
      <c r="B456" s="11">
        <v>5003249</v>
      </c>
      <c r="C456" s="22" t="str">
        <f t="shared" si="8"/>
        <v>https://support.microsoft.com/kb/5003249</v>
      </c>
      <c r="D456" s="3" t="s">
        <v>862</v>
      </c>
      <c r="E456" s="3" t="s">
        <v>100</v>
      </c>
      <c r="F456" s="3" t="s">
        <v>214</v>
      </c>
      <c r="G456" s="3" t="s">
        <v>102</v>
      </c>
      <c r="H456" s="3">
        <v>2019</v>
      </c>
      <c r="I456" s="3" t="s">
        <v>103</v>
      </c>
      <c r="J456" s="3" t="s">
        <v>50</v>
      </c>
      <c r="K456" s="14">
        <v>44357</v>
      </c>
      <c r="L456" s="3" t="s">
        <v>528</v>
      </c>
    </row>
    <row r="457" spans="1:12" x14ac:dyDescent="0.3">
      <c r="A457" s="11">
        <v>14078469</v>
      </c>
      <c r="B457" s="11">
        <v>5003249</v>
      </c>
      <c r="C457" s="22" t="str">
        <f t="shared" si="8"/>
        <v>https://support.microsoft.com/kb/5003249</v>
      </c>
      <c r="D457" s="3" t="s">
        <v>863</v>
      </c>
      <c r="E457" s="3" t="s">
        <v>100</v>
      </c>
      <c r="F457" s="3" t="s">
        <v>113</v>
      </c>
      <c r="G457" s="3" t="s">
        <v>102</v>
      </c>
      <c r="H457" s="3">
        <v>2019</v>
      </c>
      <c r="I457" s="3" t="s">
        <v>103</v>
      </c>
      <c r="J457" s="3" t="s">
        <v>50</v>
      </c>
      <c r="K457" s="14">
        <v>44357</v>
      </c>
      <c r="L457" s="3" t="s">
        <v>528</v>
      </c>
    </row>
    <row r="458" spans="1:12" x14ac:dyDescent="0.3">
      <c r="A458" s="11">
        <v>14077044</v>
      </c>
      <c r="B458" s="11">
        <v>5003249</v>
      </c>
      <c r="C458" s="22" t="str">
        <f t="shared" si="8"/>
        <v>https://support.microsoft.com/kb/5003249</v>
      </c>
      <c r="D458" s="3" t="s">
        <v>864</v>
      </c>
      <c r="E458" s="3" t="s">
        <v>100</v>
      </c>
      <c r="F458" s="3" t="s">
        <v>120</v>
      </c>
      <c r="G458" s="3" t="s">
        <v>102</v>
      </c>
      <c r="H458" s="3">
        <v>2019</v>
      </c>
      <c r="I458" s="3" t="s">
        <v>103</v>
      </c>
      <c r="J458" s="3" t="s">
        <v>50</v>
      </c>
      <c r="K458" s="14">
        <v>44357</v>
      </c>
      <c r="L458" s="3" t="s">
        <v>528</v>
      </c>
    </row>
    <row r="459" spans="1:12" x14ac:dyDescent="0.3">
      <c r="A459" s="11">
        <v>14076769</v>
      </c>
      <c r="B459" s="11">
        <v>5003249</v>
      </c>
      <c r="C459" s="22" t="str">
        <f t="shared" si="8"/>
        <v>https://support.microsoft.com/kb/5003249</v>
      </c>
      <c r="D459" s="3" t="s">
        <v>865</v>
      </c>
      <c r="E459" s="3" t="s">
        <v>178</v>
      </c>
      <c r="F459" s="3" t="s">
        <v>775</v>
      </c>
      <c r="G459" s="3" t="s">
        <v>102</v>
      </c>
      <c r="H459" s="3">
        <v>2019</v>
      </c>
      <c r="I459" s="3" t="s">
        <v>103</v>
      </c>
      <c r="J459" s="3" t="s">
        <v>50</v>
      </c>
      <c r="K459" s="14">
        <v>44357</v>
      </c>
      <c r="L459" s="3" t="s">
        <v>528</v>
      </c>
    </row>
    <row r="460" spans="1:12" x14ac:dyDescent="0.3">
      <c r="A460" s="11">
        <v>14072120</v>
      </c>
      <c r="B460" s="11">
        <v>5003249</v>
      </c>
      <c r="C460" s="22" t="str">
        <f t="shared" si="8"/>
        <v>https://support.microsoft.com/kb/5003249</v>
      </c>
      <c r="D460" s="3" t="s">
        <v>866</v>
      </c>
      <c r="E460" s="3" t="s">
        <v>180</v>
      </c>
      <c r="F460" s="3" t="s">
        <v>180</v>
      </c>
      <c r="G460" s="3" t="s">
        <v>102</v>
      </c>
      <c r="H460" s="3">
        <v>2019</v>
      </c>
      <c r="I460" s="3" t="s">
        <v>103</v>
      </c>
      <c r="J460" s="3" t="s">
        <v>50</v>
      </c>
      <c r="K460" s="14">
        <v>44357</v>
      </c>
      <c r="L460" s="3" t="s">
        <v>528</v>
      </c>
    </row>
    <row r="461" spans="1:12" x14ac:dyDescent="0.3">
      <c r="A461" s="11">
        <v>14071341</v>
      </c>
      <c r="B461" s="11">
        <v>5003870</v>
      </c>
      <c r="C461" s="22" t="str">
        <f t="shared" si="8"/>
        <v>https://support.microsoft.com/kb/5003870</v>
      </c>
      <c r="D461" s="3" t="s">
        <v>867</v>
      </c>
      <c r="E461" s="3" t="s">
        <v>100</v>
      </c>
      <c r="F461" s="3" t="s">
        <v>579</v>
      </c>
      <c r="G461" s="3" t="s">
        <v>105</v>
      </c>
      <c r="H461" s="3">
        <v>2019</v>
      </c>
      <c r="I461" s="3" t="s">
        <v>103</v>
      </c>
      <c r="J461" s="3" t="s">
        <v>50</v>
      </c>
      <c r="K461" s="14">
        <v>44357</v>
      </c>
      <c r="L461" s="3" t="s">
        <v>528</v>
      </c>
    </row>
    <row r="462" spans="1:12" x14ac:dyDescent="0.3">
      <c r="A462" s="11">
        <v>14071288</v>
      </c>
      <c r="B462" s="11">
        <v>5003869</v>
      </c>
      <c r="C462" s="22" t="str">
        <f t="shared" si="8"/>
        <v>https://support.microsoft.com/kb/5003869</v>
      </c>
      <c r="D462" s="3" t="s">
        <v>868</v>
      </c>
      <c r="E462" s="3" t="s">
        <v>100</v>
      </c>
      <c r="F462" s="3" t="s">
        <v>579</v>
      </c>
      <c r="G462" s="3" t="s">
        <v>102</v>
      </c>
      <c r="H462" s="3">
        <v>2019</v>
      </c>
      <c r="I462" s="3" t="s">
        <v>103</v>
      </c>
      <c r="J462" s="3" t="s">
        <v>50</v>
      </c>
      <c r="K462" s="14">
        <v>44357</v>
      </c>
      <c r="L462" s="3" t="s">
        <v>528</v>
      </c>
    </row>
    <row r="463" spans="1:12" x14ac:dyDescent="0.3">
      <c r="A463" s="11">
        <v>14070005</v>
      </c>
      <c r="B463" s="11">
        <v>5003249</v>
      </c>
      <c r="C463" s="22" t="str">
        <f t="shared" si="8"/>
        <v>https://support.microsoft.com/kb/5003249</v>
      </c>
      <c r="D463" s="3" t="s">
        <v>869</v>
      </c>
      <c r="E463" s="3" t="s">
        <v>180</v>
      </c>
      <c r="F463" s="3" t="s">
        <v>180</v>
      </c>
      <c r="G463" s="3" t="s">
        <v>102</v>
      </c>
      <c r="H463" s="3">
        <v>2019</v>
      </c>
      <c r="I463" s="3" t="s">
        <v>103</v>
      </c>
      <c r="J463" s="3" t="s">
        <v>50</v>
      </c>
      <c r="K463" s="14">
        <v>44357</v>
      </c>
      <c r="L463" s="3" t="s">
        <v>528</v>
      </c>
    </row>
    <row r="464" spans="1:12" x14ac:dyDescent="0.3">
      <c r="A464" s="11">
        <v>14068550</v>
      </c>
      <c r="B464" s="11">
        <v>5003249</v>
      </c>
      <c r="C464" s="22" t="str">
        <f t="shared" si="8"/>
        <v>https://support.microsoft.com/kb/5003249</v>
      </c>
      <c r="D464" s="3" t="s">
        <v>870</v>
      </c>
      <c r="E464" s="3" t="s">
        <v>100</v>
      </c>
      <c r="F464" s="3" t="s">
        <v>145</v>
      </c>
      <c r="G464" s="3" t="s">
        <v>105</v>
      </c>
      <c r="H464" s="3">
        <v>2019</v>
      </c>
      <c r="I464" s="3" t="s">
        <v>103</v>
      </c>
      <c r="J464" s="3" t="s">
        <v>50</v>
      </c>
      <c r="K464" s="14">
        <v>44357</v>
      </c>
      <c r="L464" s="3" t="s">
        <v>528</v>
      </c>
    </row>
    <row r="465" spans="1:12" x14ac:dyDescent="0.3">
      <c r="A465" s="11">
        <v>14068508</v>
      </c>
      <c r="B465" s="11">
        <v>5003249</v>
      </c>
      <c r="C465" s="22" t="str">
        <f t="shared" si="8"/>
        <v>https://support.microsoft.com/kb/5003249</v>
      </c>
      <c r="D465" s="3" t="s">
        <v>871</v>
      </c>
      <c r="E465" s="3" t="s">
        <v>180</v>
      </c>
      <c r="F465" s="3" t="s">
        <v>180</v>
      </c>
      <c r="G465" s="3" t="s">
        <v>102</v>
      </c>
      <c r="H465" s="3">
        <v>2019</v>
      </c>
      <c r="I465" s="3" t="s">
        <v>103</v>
      </c>
      <c r="J465" s="3" t="s">
        <v>50</v>
      </c>
      <c r="K465" s="14">
        <v>44357</v>
      </c>
      <c r="L465" s="3" t="s">
        <v>528</v>
      </c>
    </row>
    <row r="466" spans="1:12" x14ac:dyDescent="0.3">
      <c r="A466" s="11">
        <v>14068003</v>
      </c>
      <c r="B466" s="11">
        <v>5003596</v>
      </c>
      <c r="C466" s="22" t="str">
        <f t="shared" si="8"/>
        <v>https://support.microsoft.com/kb/5003596</v>
      </c>
      <c r="D466" s="3" t="s">
        <v>872</v>
      </c>
      <c r="E466" s="3" t="s">
        <v>100</v>
      </c>
      <c r="F466" s="3" t="s">
        <v>101</v>
      </c>
      <c r="G466" s="3" t="s">
        <v>105</v>
      </c>
      <c r="H466" s="3">
        <v>2019</v>
      </c>
      <c r="I466" s="3" t="s">
        <v>103</v>
      </c>
      <c r="J466" s="3" t="s">
        <v>50</v>
      </c>
      <c r="K466" s="14">
        <v>44357</v>
      </c>
      <c r="L466" s="3" t="s">
        <v>528</v>
      </c>
    </row>
    <row r="467" spans="1:12" x14ac:dyDescent="0.3">
      <c r="A467" s="11">
        <v>14066089</v>
      </c>
      <c r="B467" s="11">
        <v>4538581</v>
      </c>
      <c r="C467" s="22" t="str">
        <f t="shared" si="8"/>
        <v>https://support.microsoft.com/kb/4538581</v>
      </c>
      <c r="D467" s="3" t="s">
        <v>703</v>
      </c>
      <c r="E467" s="3" t="s">
        <v>100</v>
      </c>
      <c r="F467" s="3" t="s">
        <v>110</v>
      </c>
      <c r="G467" s="3" t="s">
        <v>105</v>
      </c>
      <c r="H467" s="3">
        <v>2019</v>
      </c>
      <c r="I467" s="3" t="s">
        <v>103</v>
      </c>
      <c r="J467" s="3" t="s">
        <v>50</v>
      </c>
      <c r="K467" s="14">
        <v>44357</v>
      </c>
      <c r="L467" s="3" t="s">
        <v>528</v>
      </c>
    </row>
    <row r="468" spans="1:12" x14ac:dyDescent="0.3">
      <c r="A468" s="11">
        <v>14058313</v>
      </c>
      <c r="B468" s="11">
        <v>5003249</v>
      </c>
      <c r="C468" s="22" t="str">
        <f t="shared" si="8"/>
        <v>https://support.microsoft.com/kb/5003249</v>
      </c>
      <c r="D468" s="3" t="s">
        <v>873</v>
      </c>
      <c r="E468" s="3" t="s">
        <v>100</v>
      </c>
      <c r="F468" s="3" t="s">
        <v>579</v>
      </c>
      <c r="G468" s="3" t="s">
        <v>116</v>
      </c>
      <c r="H468" s="3">
        <v>2019</v>
      </c>
      <c r="I468" s="3" t="s">
        <v>103</v>
      </c>
      <c r="J468" s="3" t="s">
        <v>50</v>
      </c>
      <c r="K468" s="14">
        <v>44357</v>
      </c>
      <c r="L468" s="3" t="s">
        <v>528</v>
      </c>
    </row>
    <row r="469" spans="1:12" x14ac:dyDescent="0.3">
      <c r="A469" s="11">
        <v>14058311</v>
      </c>
      <c r="B469" s="11">
        <v>5003249</v>
      </c>
      <c r="C469" s="22" t="str">
        <f t="shared" si="8"/>
        <v>https://support.microsoft.com/kb/5003249</v>
      </c>
      <c r="D469" s="3" t="s">
        <v>874</v>
      </c>
      <c r="E469" s="3" t="s">
        <v>100</v>
      </c>
      <c r="F469" s="3" t="s">
        <v>579</v>
      </c>
      <c r="G469" s="3" t="s">
        <v>116</v>
      </c>
      <c r="H469" s="3">
        <v>2019</v>
      </c>
      <c r="I469" s="3" t="s">
        <v>103</v>
      </c>
      <c r="J469" s="3" t="s">
        <v>50</v>
      </c>
      <c r="K469" s="14">
        <v>44357</v>
      </c>
      <c r="L469" s="3" t="s">
        <v>528</v>
      </c>
    </row>
    <row r="470" spans="1:12" x14ac:dyDescent="0.3">
      <c r="A470" s="11">
        <v>14056975</v>
      </c>
      <c r="B470" s="11">
        <v>5003249</v>
      </c>
      <c r="C470" s="22" t="str">
        <f t="shared" si="8"/>
        <v>https://support.microsoft.com/kb/5003249</v>
      </c>
      <c r="D470" s="3" t="s">
        <v>875</v>
      </c>
      <c r="E470" s="3" t="s">
        <v>100</v>
      </c>
      <c r="F470" s="3" t="s">
        <v>332</v>
      </c>
      <c r="G470" s="3" t="s">
        <v>102</v>
      </c>
      <c r="H470" s="3">
        <v>2019</v>
      </c>
      <c r="I470" s="3" t="s">
        <v>103</v>
      </c>
      <c r="J470" s="3" t="s">
        <v>50</v>
      </c>
      <c r="K470" s="14">
        <v>44357</v>
      </c>
      <c r="L470" s="3" t="s">
        <v>528</v>
      </c>
    </row>
    <row r="471" spans="1:12" x14ac:dyDescent="0.3">
      <c r="A471" s="11">
        <v>14056430</v>
      </c>
      <c r="B471" s="11">
        <v>5003249</v>
      </c>
      <c r="C471" s="22" t="str">
        <f t="shared" si="8"/>
        <v>https://support.microsoft.com/kb/5003249</v>
      </c>
      <c r="D471" s="3" t="s">
        <v>876</v>
      </c>
      <c r="E471" s="3" t="s">
        <v>100</v>
      </c>
      <c r="F471" s="3" t="s">
        <v>101</v>
      </c>
      <c r="G471" s="3" t="s">
        <v>102</v>
      </c>
      <c r="H471" s="3">
        <v>2019</v>
      </c>
      <c r="I471" s="3" t="s">
        <v>103</v>
      </c>
      <c r="J471" s="3" t="s">
        <v>50</v>
      </c>
      <c r="K471" s="14">
        <v>44357</v>
      </c>
      <c r="L471" s="3" t="s">
        <v>528</v>
      </c>
    </row>
    <row r="472" spans="1:12" x14ac:dyDescent="0.3">
      <c r="A472" s="11">
        <v>14051339</v>
      </c>
      <c r="B472" s="11">
        <v>5003249</v>
      </c>
      <c r="C472" s="22" t="str">
        <f t="shared" si="8"/>
        <v>https://support.microsoft.com/kb/5003249</v>
      </c>
      <c r="D472" s="3" t="s">
        <v>877</v>
      </c>
      <c r="E472" s="3" t="s">
        <v>180</v>
      </c>
      <c r="F472" s="3" t="s">
        <v>180</v>
      </c>
      <c r="G472" s="3" t="s">
        <v>102</v>
      </c>
      <c r="H472" s="3">
        <v>2019</v>
      </c>
      <c r="I472" s="3" t="s">
        <v>103</v>
      </c>
      <c r="J472" s="3" t="s">
        <v>50</v>
      </c>
      <c r="K472" s="14">
        <v>44357</v>
      </c>
      <c r="L472" s="3" t="s">
        <v>528</v>
      </c>
    </row>
    <row r="473" spans="1:12" x14ac:dyDescent="0.3">
      <c r="A473" s="11">
        <v>14049191</v>
      </c>
      <c r="B473" s="11">
        <v>5003249</v>
      </c>
      <c r="C473" s="22" t="str">
        <f t="shared" si="8"/>
        <v>https://support.microsoft.com/kb/5003249</v>
      </c>
      <c r="D473" s="3" t="s">
        <v>878</v>
      </c>
      <c r="E473" s="3" t="s">
        <v>100</v>
      </c>
      <c r="F473" s="3" t="s">
        <v>579</v>
      </c>
      <c r="G473" s="3" t="s">
        <v>105</v>
      </c>
      <c r="H473" s="3">
        <v>2019</v>
      </c>
      <c r="I473" s="3" t="s">
        <v>103</v>
      </c>
      <c r="J473" s="3" t="s">
        <v>50</v>
      </c>
      <c r="K473" s="14">
        <v>44357</v>
      </c>
      <c r="L473" s="3" t="s">
        <v>528</v>
      </c>
    </row>
    <row r="474" spans="1:12" x14ac:dyDescent="0.3">
      <c r="A474" s="11">
        <v>14043293</v>
      </c>
      <c r="B474" s="11">
        <v>5003249</v>
      </c>
      <c r="C474" s="22" t="str">
        <f t="shared" si="8"/>
        <v>https://support.microsoft.com/kb/5003249</v>
      </c>
      <c r="D474" s="3" t="s">
        <v>879</v>
      </c>
      <c r="E474" s="3" t="s">
        <v>217</v>
      </c>
      <c r="F474" s="3" t="s">
        <v>276</v>
      </c>
      <c r="G474" s="3" t="s">
        <v>102</v>
      </c>
      <c r="H474" s="3">
        <v>2019</v>
      </c>
      <c r="I474" s="3" t="s">
        <v>103</v>
      </c>
      <c r="J474" s="3" t="s">
        <v>50</v>
      </c>
      <c r="K474" s="14">
        <v>44357</v>
      </c>
      <c r="L474" s="3" t="s">
        <v>528</v>
      </c>
    </row>
    <row r="475" spans="1:12" x14ac:dyDescent="0.3">
      <c r="A475" s="11">
        <v>14040147</v>
      </c>
      <c r="B475" s="11">
        <v>5003249</v>
      </c>
      <c r="C475" s="22" t="str">
        <f t="shared" si="8"/>
        <v>https://support.microsoft.com/kb/5003249</v>
      </c>
      <c r="D475" s="3" t="s">
        <v>880</v>
      </c>
      <c r="E475" s="3" t="s">
        <v>180</v>
      </c>
      <c r="F475" s="3" t="s">
        <v>180</v>
      </c>
      <c r="G475" s="3" t="s">
        <v>102</v>
      </c>
      <c r="H475" s="3">
        <v>2019</v>
      </c>
      <c r="I475" s="3" t="s">
        <v>103</v>
      </c>
      <c r="J475" s="3" t="s">
        <v>50</v>
      </c>
      <c r="K475" s="14">
        <v>44357</v>
      </c>
      <c r="L475" s="3" t="s">
        <v>528</v>
      </c>
    </row>
    <row r="476" spans="1:12" x14ac:dyDescent="0.3">
      <c r="A476" s="11">
        <v>14032116</v>
      </c>
      <c r="B476" s="11">
        <v>5003750</v>
      </c>
      <c r="C476" s="22" t="str">
        <f t="shared" si="8"/>
        <v>https://support.microsoft.com/kb/5003750</v>
      </c>
      <c r="D476" s="3" t="s">
        <v>881</v>
      </c>
      <c r="E476" s="3" t="s">
        <v>100</v>
      </c>
      <c r="F476" s="3" t="s">
        <v>137</v>
      </c>
      <c r="G476" s="3" t="s">
        <v>102</v>
      </c>
      <c r="H476" s="3">
        <v>2019</v>
      </c>
      <c r="I476" s="3" t="s">
        <v>103</v>
      </c>
      <c r="J476" s="3" t="s">
        <v>50</v>
      </c>
      <c r="K476" s="14">
        <v>44357</v>
      </c>
      <c r="L476" s="3" t="s">
        <v>528</v>
      </c>
    </row>
    <row r="477" spans="1:12" x14ac:dyDescent="0.3">
      <c r="A477" s="11">
        <v>14030474</v>
      </c>
      <c r="B477" s="11">
        <v>5003249</v>
      </c>
      <c r="C477" s="22" t="str">
        <f t="shared" si="8"/>
        <v>https://support.microsoft.com/kb/5003249</v>
      </c>
      <c r="D477" s="3" t="s">
        <v>882</v>
      </c>
      <c r="E477" s="3" t="s">
        <v>100</v>
      </c>
      <c r="F477" s="3" t="s">
        <v>101</v>
      </c>
      <c r="G477" s="3" t="s">
        <v>102</v>
      </c>
      <c r="H477" s="3">
        <v>2019</v>
      </c>
      <c r="I477" s="3" t="s">
        <v>103</v>
      </c>
      <c r="J477" s="3" t="s">
        <v>50</v>
      </c>
      <c r="K477" s="14">
        <v>44357</v>
      </c>
      <c r="L477" s="3" t="s">
        <v>528</v>
      </c>
    </row>
    <row r="478" spans="1:12" x14ac:dyDescent="0.3">
      <c r="A478" s="11">
        <v>14024322</v>
      </c>
      <c r="B478" s="11">
        <v>5003342</v>
      </c>
      <c r="C478" s="22" t="str">
        <f t="shared" si="8"/>
        <v>https://support.microsoft.com/kb/5003342</v>
      </c>
      <c r="D478" s="3" t="s">
        <v>883</v>
      </c>
      <c r="E478" s="3" t="s">
        <v>100</v>
      </c>
      <c r="F478" s="3" t="s">
        <v>884</v>
      </c>
      <c r="G478" s="3" t="s">
        <v>102</v>
      </c>
      <c r="H478" s="3">
        <v>2019</v>
      </c>
      <c r="I478" s="3" t="s">
        <v>103</v>
      </c>
      <c r="J478" s="3" t="s">
        <v>50</v>
      </c>
      <c r="K478" s="14">
        <v>44357</v>
      </c>
      <c r="L478" s="3" t="s">
        <v>528</v>
      </c>
    </row>
    <row r="479" spans="1:12" x14ac:dyDescent="0.3">
      <c r="A479" s="11">
        <v>14022646</v>
      </c>
      <c r="B479" s="11">
        <v>5003249</v>
      </c>
      <c r="C479" s="22" t="str">
        <f t="shared" si="8"/>
        <v>https://support.microsoft.com/kb/5003249</v>
      </c>
      <c r="D479" s="3" t="s">
        <v>885</v>
      </c>
      <c r="E479" s="3" t="s">
        <v>180</v>
      </c>
      <c r="F479" s="3" t="s">
        <v>180</v>
      </c>
      <c r="G479" s="3" t="s">
        <v>102</v>
      </c>
      <c r="H479" s="3">
        <v>2019</v>
      </c>
      <c r="I479" s="3" t="s">
        <v>103</v>
      </c>
      <c r="J479" s="3" t="s">
        <v>50</v>
      </c>
      <c r="K479" s="14">
        <v>44357</v>
      </c>
      <c r="L479" s="3" t="s">
        <v>528</v>
      </c>
    </row>
    <row r="480" spans="1:12" x14ac:dyDescent="0.3">
      <c r="A480" s="11">
        <v>14018244</v>
      </c>
      <c r="B480" s="11">
        <v>5003249</v>
      </c>
      <c r="C480" s="22" t="str">
        <f t="shared" si="8"/>
        <v>https://support.microsoft.com/kb/5003249</v>
      </c>
      <c r="D480" s="3" t="s">
        <v>886</v>
      </c>
      <c r="E480" s="3" t="s">
        <v>100</v>
      </c>
      <c r="F480" s="3" t="s">
        <v>214</v>
      </c>
      <c r="G480" s="3" t="s">
        <v>105</v>
      </c>
      <c r="H480" s="3">
        <v>2019</v>
      </c>
      <c r="I480" s="3" t="s">
        <v>103</v>
      </c>
      <c r="J480" s="3" t="s">
        <v>50</v>
      </c>
      <c r="K480" s="14">
        <v>44357</v>
      </c>
      <c r="L480" s="3" t="s">
        <v>528</v>
      </c>
    </row>
    <row r="481" spans="1:12" x14ac:dyDescent="0.3">
      <c r="A481" s="11">
        <v>14015202</v>
      </c>
      <c r="B481" s="11">
        <v>5003249</v>
      </c>
      <c r="C481" s="22" t="str">
        <f t="shared" si="8"/>
        <v>https://support.microsoft.com/kb/5003249</v>
      </c>
      <c r="D481" s="3" t="s">
        <v>887</v>
      </c>
      <c r="E481" s="3" t="s">
        <v>100</v>
      </c>
      <c r="F481" s="3" t="s">
        <v>161</v>
      </c>
      <c r="G481" s="3" t="s">
        <v>102</v>
      </c>
      <c r="H481" s="3">
        <v>2019</v>
      </c>
      <c r="I481" s="3" t="s">
        <v>103</v>
      </c>
      <c r="J481" s="3" t="s">
        <v>50</v>
      </c>
      <c r="K481" s="14">
        <v>44357</v>
      </c>
      <c r="L481" s="3" t="s">
        <v>528</v>
      </c>
    </row>
    <row r="482" spans="1:12" x14ac:dyDescent="0.3">
      <c r="A482" s="11">
        <v>13999052</v>
      </c>
      <c r="B482" s="11">
        <v>5003249</v>
      </c>
      <c r="C482" s="22" t="str">
        <f t="shared" ref="C482:C545" si="9">HYPERLINK("https://support.microsoft.com/kb/"&amp;B482)</f>
        <v>https://support.microsoft.com/kb/5003249</v>
      </c>
      <c r="D482" s="3" t="s">
        <v>888</v>
      </c>
      <c r="E482" s="3" t="s">
        <v>100</v>
      </c>
      <c r="F482" s="3" t="s">
        <v>101</v>
      </c>
      <c r="G482" s="3" t="s">
        <v>102</v>
      </c>
      <c r="H482" s="3">
        <v>2019</v>
      </c>
      <c r="I482" s="3" t="s">
        <v>103</v>
      </c>
      <c r="J482" s="3" t="s">
        <v>50</v>
      </c>
      <c r="K482" s="14">
        <v>44357</v>
      </c>
      <c r="L482" s="3" t="s">
        <v>528</v>
      </c>
    </row>
    <row r="483" spans="1:12" x14ac:dyDescent="0.3">
      <c r="A483" s="11">
        <v>13993011</v>
      </c>
      <c r="B483" s="11">
        <v>5003249</v>
      </c>
      <c r="C483" s="22" t="str">
        <f t="shared" si="9"/>
        <v>https://support.microsoft.com/kb/5003249</v>
      </c>
      <c r="D483" s="3" t="s">
        <v>889</v>
      </c>
      <c r="E483" s="3" t="s">
        <v>180</v>
      </c>
      <c r="F483" s="3" t="s">
        <v>180</v>
      </c>
      <c r="G483" s="3" t="s">
        <v>102</v>
      </c>
      <c r="H483" s="3">
        <v>2019</v>
      </c>
      <c r="I483" s="3" t="s">
        <v>103</v>
      </c>
      <c r="J483" s="3" t="s">
        <v>50</v>
      </c>
      <c r="K483" s="14">
        <v>44357</v>
      </c>
      <c r="L483" s="3" t="s">
        <v>528</v>
      </c>
    </row>
    <row r="484" spans="1:12" x14ac:dyDescent="0.3">
      <c r="A484" s="11">
        <v>13992226</v>
      </c>
      <c r="B484" s="11">
        <v>5003249</v>
      </c>
      <c r="C484" s="22" t="str">
        <f t="shared" si="9"/>
        <v>https://support.microsoft.com/kb/5003249</v>
      </c>
      <c r="D484" s="3" t="s">
        <v>890</v>
      </c>
      <c r="E484" s="3" t="s">
        <v>100</v>
      </c>
      <c r="F484" s="3" t="s">
        <v>120</v>
      </c>
      <c r="G484" s="3" t="s">
        <v>102</v>
      </c>
      <c r="H484" s="3">
        <v>2019</v>
      </c>
      <c r="I484" s="3" t="s">
        <v>103</v>
      </c>
      <c r="J484" s="3" t="s">
        <v>50</v>
      </c>
      <c r="K484" s="14">
        <v>44357</v>
      </c>
      <c r="L484" s="3" t="s">
        <v>528</v>
      </c>
    </row>
    <row r="485" spans="1:12" x14ac:dyDescent="0.3">
      <c r="A485" s="11">
        <v>13990055</v>
      </c>
      <c r="B485" s="11">
        <v>5003249</v>
      </c>
      <c r="C485" s="22" t="str">
        <f t="shared" si="9"/>
        <v>https://support.microsoft.com/kb/5003249</v>
      </c>
      <c r="D485" s="3" t="s">
        <v>764</v>
      </c>
      <c r="E485" s="3" t="s">
        <v>100</v>
      </c>
      <c r="F485" s="3" t="s">
        <v>782</v>
      </c>
      <c r="G485" s="3" t="s">
        <v>102</v>
      </c>
      <c r="H485" s="3">
        <v>2019</v>
      </c>
      <c r="I485" s="3" t="s">
        <v>103</v>
      </c>
      <c r="J485" s="3" t="s">
        <v>50</v>
      </c>
      <c r="K485" s="14">
        <v>44357</v>
      </c>
      <c r="L485" s="3" t="s">
        <v>528</v>
      </c>
    </row>
    <row r="486" spans="1:12" x14ac:dyDescent="0.3">
      <c r="A486" s="11">
        <v>13982521</v>
      </c>
      <c r="B486" s="11">
        <v>5003525</v>
      </c>
      <c r="C486" s="22" t="str">
        <f t="shared" si="9"/>
        <v>https://support.microsoft.com/kb/5003525</v>
      </c>
      <c r="D486" s="3" t="s">
        <v>891</v>
      </c>
      <c r="E486" s="3" t="s">
        <v>100</v>
      </c>
      <c r="F486" s="3" t="s">
        <v>579</v>
      </c>
      <c r="G486" s="3" t="s">
        <v>105</v>
      </c>
      <c r="H486" s="3">
        <v>2019</v>
      </c>
      <c r="I486" s="3" t="s">
        <v>103</v>
      </c>
      <c r="J486" s="3" t="s">
        <v>50</v>
      </c>
      <c r="K486" s="14">
        <v>44357</v>
      </c>
      <c r="L486" s="3" t="s">
        <v>528</v>
      </c>
    </row>
    <row r="487" spans="1:12" x14ac:dyDescent="0.3">
      <c r="A487" s="11">
        <v>13974250</v>
      </c>
      <c r="B487" s="11">
        <v>5003937</v>
      </c>
      <c r="C487" s="22" t="str">
        <f t="shared" si="9"/>
        <v>https://support.microsoft.com/kb/5003937</v>
      </c>
      <c r="D487" s="3" t="s">
        <v>892</v>
      </c>
      <c r="E487" s="3" t="s">
        <v>100</v>
      </c>
      <c r="F487" s="3" t="s">
        <v>139</v>
      </c>
      <c r="G487" s="3" t="s">
        <v>102</v>
      </c>
      <c r="H487" s="3">
        <v>2019</v>
      </c>
      <c r="I487" s="3" t="s">
        <v>103</v>
      </c>
      <c r="J487" s="3" t="s">
        <v>50</v>
      </c>
      <c r="K487" s="14">
        <v>44357</v>
      </c>
      <c r="L487" s="3" t="s">
        <v>528</v>
      </c>
    </row>
    <row r="488" spans="1:12" x14ac:dyDescent="0.3">
      <c r="A488" s="11">
        <v>13974249</v>
      </c>
      <c r="B488" s="11">
        <v>5003589</v>
      </c>
      <c r="C488" s="22" t="str">
        <f t="shared" si="9"/>
        <v>https://support.microsoft.com/kb/5003589</v>
      </c>
      <c r="D488" s="3" t="s">
        <v>893</v>
      </c>
      <c r="E488" s="3" t="s">
        <v>100</v>
      </c>
      <c r="F488" s="3" t="s">
        <v>101</v>
      </c>
      <c r="G488" s="3" t="s">
        <v>105</v>
      </c>
      <c r="H488" s="3">
        <v>2019</v>
      </c>
      <c r="I488" s="3" t="s">
        <v>103</v>
      </c>
      <c r="J488" s="3" t="s">
        <v>50</v>
      </c>
      <c r="K488" s="14">
        <v>44357</v>
      </c>
      <c r="L488" s="3" t="s">
        <v>528</v>
      </c>
    </row>
    <row r="489" spans="1:12" x14ac:dyDescent="0.3">
      <c r="A489" s="11">
        <v>13962011</v>
      </c>
      <c r="B489" s="11">
        <v>5003249</v>
      </c>
      <c r="C489" s="22" t="str">
        <f t="shared" si="9"/>
        <v>https://support.microsoft.com/kb/5003249</v>
      </c>
      <c r="D489" s="3" t="s">
        <v>894</v>
      </c>
      <c r="E489" s="3" t="s">
        <v>100</v>
      </c>
      <c r="F489" s="3" t="s">
        <v>579</v>
      </c>
      <c r="G489" s="3" t="s">
        <v>105</v>
      </c>
      <c r="H489" s="3">
        <v>2019</v>
      </c>
      <c r="I489" s="3" t="s">
        <v>103</v>
      </c>
      <c r="J489" s="3" t="s">
        <v>50</v>
      </c>
      <c r="K489" s="14">
        <v>44357</v>
      </c>
      <c r="L489" s="3" t="s">
        <v>528</v>
      </c>
    </row>
    <row r="490" spans="1:12" x14ac:dyDescent="0.3">
      <c r="A490" s="11">
        <v>13748046</v>
      </c>
      <c r="B490" s="11">
        <v>5003249</v>
      </c>
      <c r="C490" s="22" t="str">
        <f t="shared" si="9"/>
        <v>https://support.microsoft.com/kb/5003249</v>
      </c>
      <c r="D490" s="3" t="s">
        <v>895</v>
      </c>
      <c r="E490" s="3" t="s">
        <v>100</v>
      </c>
      <c r="F490" s="3" t="s">
        <v>161</v>
      </c>
      <c r="G490" s="3" t="s">
        <v>102</v>
      </c>
      <c r="H490" s="3">
        <v>2019</v>
      </c>
      <c r="I490" s="3" t="s">
        <v>103</v>
      </c>
      <c r="J490" s="3" t="s">
        <v>50</v>
      </c>
      <c r="K490" s="14">
        <v>44357</v>
      </c>
      <c r="L490" s="3" t="s">
        <v>528</v>
      </c>
    </row>
    <row r="491" spans="1:12" x14ac:dyDescent="0.3">
      <c r="A491" s="11">
        <v>13703145</v>
      </c>
      <c r="B491" s="11">
        <v>4023170</v>
      </c>
      <c r="C491" s="22" t="str">
        <f t="shared" si="9"/>
        <v>https://support.microsoft.com/kb/4023170</v>
      </c>
      <c r="D491" s="3" t="s">
        <v>896</v>
      </c>
      <c r="E491" s="3" t="s">
        <v>100</v>
      </c>
      <c r="F491" s="3" t="s">
        <v>108</v>
      </c>
      <c r="G491" s="3" t="s">
        <v>102</v>
      </c>
      <c r="H491" s="3">
        <v>2019</v>
      </c>
      <c r="I491" s="3" t="s">
        <v>103</v>
      </c>
      <c r="J491" s="3" t="s">
        <v>50</v>
      </c>
      <c r="K491" s="14">
        <v>44357</v>
      </c>
      <c r="L491" s="3" t="s">
        <v>528</v>
      </c>
    </row>
    <row r="492" spans="1:12" x14ac:dyDescent="0.3">
      <c r="A492" s="11">
        <v>13988918</v>
      </c>
      <c r="B492" s="11">
        <v>5001517</v>
      </c>
      <c r="C492" s="22" t="str">
        <f t="shared" si="9"/>
        <v>https://support.microsoft.com/kb/5001517</v>
      </c>
      <c r="D492" s="3" t="s">
        <v>897</v>
      </c>
      <c r="E492" s="3" t="s">
        <v>100</v>
      </c>
      <c r="F492" s="3" t="s">
        <v>137</v>
      </c>
      <c r="G492" s="3" t="s">
        <v>105</v>
      </c>
      <c r="H492" s="3">
        <v>2019</v>
      </c>
      <c r="I492" s="3" t="s">
        <v>103</v>
      </c>
      <c r="J492" s="3" t="s">
        <v>56</v>
      </c>
      <c r="K492" s="14">
        <v>44292</v>
      </c>
      <c r="L492" s="3" t="s">
        <v>529</v>
      </c>
    </row>
    <row r="493" spans="1:12" x14ac:dyDescent="0.3">
      <c r="A493" s="11">
        <v>13988916</v>
      </c>
      <c r="B493" s="11">
        <v>5001526</v>
      </c>
      <c r="C493" s="22" t="str">
        <f t="shared" si="9"/>
        <v>https://support.microsoft.com/kb/5001526</v>
      </c>
      <c r="D493" s="3" t="s">
        <v>898</v>
      </c>
      <c r="E493" s="3" t="s">
        <v>100</v>
      </c>
      <c r="F493" s="3" t="s">
        <v>137</v>
      </c>
      <c r="G493" s="3" t="s">
        <v>105</v>
      </c>
      <c r="H493" s="3">
        <v>2019</v>
      </c>
      <c r="I493" s="3" t="s">
        <v>103</v>
      </c>
      <c r="J493" s="3" t="s">
        <v>56</v>
      </c>
      <c r="K493" s="14">
        <v>44292</v>
      </c>
      <c r="L493" s="3" t="s">
        <v>529</v>
      </c>
    </row>
    <row r="494" spans="1:12" x14ac:dyDescent="0.3">
      <c r="A494" s="11">
        <v>13987291</v>
      </c>
      <c r="B494" s="11">
        <v>5001090</v>
      </c>
      <c r="C494" s="22" t="str">
        <f t="shared" si="9"/>
        <v>https://support.microsoft.com/kb/5001090</v>
      </c>
      <c r="D494" s="3" t="s">
        <v>899</v>
      </c>
      <c r="E494" s="3" t="s">
        <v>178</v>
      </c>
      <c r="F494" s="3" t="s">
        <v>775</v>
      </c>
      <c r="G494" s="3" t="s">
        <v>102</v>
      </c>
      <c r="H494" s="3">
        <v>2019</v>
      </c>
      <c r="I494" s="3" t="s">
        <v>103</v>
      </c>
      <c r="J494" s="3" t="s">
        <v>56</v>
      </c>
      <c r="K494" s="14">
        <v>44292</v>
      </c>
      <c r="L494" s="3" t="s">
        <v>529</v>
      </c>
    </row>
    <row r="495" spans="1:12" x14ac:dyDescent="0.3">
      <c r="A495" s="11">
        <v>13981606</v>
      </c>
      <c r="B495" s="11">
        <v>5001090</v>
      </c>
      <c r="C495" s="22" t="str">
        <f t="shared" si="9"/>
        <v>https://support.microsoft.com/kb/5001090</v>
      </c>
      <c r="D495" s="3" t="s">
        <v>900</v>
      </c>
      <c r="E495" s="3" t="s">
        <v>100</v>
      </c>
      <c r="F495" s="3" t="s">
        <v>687</v>
      </c>
      <c r="G495" s="3" t="s">
        <v>116</v>
      </c>
      <c r="H495" s="3">
        <v>2019</v>
      </c>
      <c r="I495" s="3" t="s">
        <v>103</v>
      </c>
      <c r="J495" s="3" t="s">
        <v>56</v>
      </c>
      <c r="K495" s="14">
        <v>44292</v>
      </c>
      <c r="L495" s="3" t="s">
        <v>529</v>
      </c>
    </row>
    <row r="496" spans="1:12" x14ac:dyDescent="0.3">
      <c r="A496" s="11">
        <v>13980600</v>
      </c>
      <c r="B496" s="11">
        <v>5001090</v>
      </c>
      <c r="C496" s="22" t="str">
        <f t="shared" si="9"/>
        <v>https://support.microsoft.com/kb/5001090</v>
      </c>
      <c r="D496" s="3" t="s">
        <v>901</v>
      </c>
      <c r="E496" s="3" t="s">
        <v>100</v>
      </c>
      <c r="F496" s="3" t="s">
        <v>579</v>
      </c>
      <c r="G496" s="3" t="s">
        <v>105</v>
      </c>
      <c r="H496" s="3">
        <v>2019</v>
      </c>
      <c r="I496" s="3" t="s">
        <v>103</v>
      </c>
      <c r="J496" s="3" t="s">
        <v>56</v>
      </c>
      <c r="K496" s="14">
        <v>44292</v>
      </c>
      <c r="L496" s="3" t="s">
        <v>529</v>
      </c>
    </row>
    <row r="497" spans="1:12" x14ac:dyDescent="0.3">
      <c r="A497" s="11">
        <v>13980551</v>
      </c>
      <c r="B497" s="11">
        <v>5001090</v>
      </c>
      <c r="C497" s="22" t="str">
        <f t="shared" si="9"/>
        <v>https://support.microsoft.com/kb/5001090</v>
      </c>
      <c r="D497" s="3" t="s">
        <v>900</v>
      </c>
      <c r="E497" s="3" t="s">
        <v>100</v>
      </c>
      <c r="F497" s="3" t="s">
        <v>145</v>
      </c>
      <c r="G497" s="3" t="s">
        <v>116</v>
      </c>
      <c r="H497" s="3">
        <v>2019</v>
      </c>
      <c r="I497" s="3" t="s">
        <v>103</v>
      </c>
      <c r="J497" s="3" t="s">
        <v>56</v>
      </c>
      <c r="K497" s="14">
        <v>44292</v>
      </c>
      <c r="L497" s="3" t="s">
        <v>529</v>
      </c>
    </row>
    <row r="498" spans="1:12" x14ac:dyDescent="0.3">
      <c r="A498" s="11">
        <v>13980400</v>
      </c>
      <c r="B498" s="11">
        <v>5001090</v>
      </c>
      <c r="C498" s="22" t="str">
        <f t="shared" si="9"/>
        <v>https://support.microsoft.com/kb/5001090</v>
      </c>
      <c r="D498" s="3" t="s">
        <v>902</v>
      </c>
      <c r="E498" s="3" t="s">
        <v>100</v>
      </c>
      <c r="F498" s="3" t="s">
        <v>101</v>
      </c>
      <c r="G498" s="3" t="s">
        <v>102</v>
      </c>
      <c r="H498" s="3">
        <v>2019</v>
      </c>
      <c r="I498" s="3" t="s">
        <v>103</v>
      </c>
      <c r="J498" s="3" t="s">
        <v>56</v>
      </c>
      <c r="K498" s="14">
        <v>44292</v>
      </c>
      <c r="L498" s="3" t="s">
        <v>529</v>
      </c>
    </row>
    <row r="499" spans="1:12" x14ac:dyDescent="0.3">
      <c r="A499" s="11">
        <v>13979796</v>
      </c>
      <c r="B499" s="11">
        <v>5001090</v>
      </c>
      <c r="C499" s="22" t="str">
        <f t="shared" si="9"/>
        <v>https://support.microsoft.com/kb/5001090</v>
      </c>
      <c r="D499" s="3" t="s">
        <v>903</v>
      </c>
      <c r="E499" s="3" t="s">
        <v>100</v>
      </c>
      <c r="F499" s="3" t="s">
        <v>687</v>
      </c>
      <c r="G499" s="3" t="s">
        <v>116</v>
      </c>
      <c r="H499" s="3">
        <v>2019</v>
      </c>
      <c r="I499" s="3" t="s">
        <v>103</v>
      </c>
      <c r="J499" s="3" t="s">
        <v>56</v>
      </c>
      <c r="K499" s="14">
        <v>44292</v>
      </c>
      <c r="L499" s="3" t="s">
        <v>529</v>
      </c>
    </row>
    <row r="500" spans="1:12" x14ac:dyDescent="0.3">
      <c r="A500" s="11">
        <v>13975249</v>
      </c>
      <c r="B500" s="11">
        <v>5001266</v>
      </c>
      <c r="C500" s="22" t="str">
        <f t="shared" si="9"/>
        <v>https://support.microsoft.com/kb/5001266</v>
      </c>
      <c r="D500" s="3" t="s">
        <v>904</v>
      </c>
      <c r="E500" s="3" t="s">
        <v>100</v>
      </c>
      <c r="F500" s="3" t="s">
        <v>145</v>
      </c>
      <c r="G500" s="3" t="s">
        <v>105</v>
      </c>
      <c r="H500" s="3">
        <v>2019</v>
      </c>
      <c r="I500" s="3" t="s">
        <v>103</v>
      </c>
      <c r="J500" s="3" t="s">
        <v>56</v>
      </c>
      <c r="K500" s="14">
        <v>44292</v>
      </c>
      <c r="L500" s="3" t="s">
        <v>529</v>
      </c>
    </row>
    <row r="501" spans="1:12" x14ac:dyDescent="0.3">
      <c r="A501" s="11">
        <v>13974750</v>
      </c>
      <c r="B501" s="11">
        <v>4486936</v>
      </c>
      <c r="C501" s="22" t="str">
        <f t="shared" si="9"/>
        <v>https://support.microsoft.com/kb/4486936</v>
      </c>
      <c r="D501" s="3" t="s">
        <v>905</v>
      </c>
      <c r="E501" s="3" t="s">
        <v>100</v>
      </c>
      <c r="F501" s="3" t="s">
        <v>108</v>
      </c>
      <c r="G501" s="3" t="s">
        <v>102</v>
      </c>
      <c r="H501" s="3">
        <v>2019</v>
      </c>
      <c r="I501" s="3" t="s">
        <v>103</v>
      </c>
      <c r="J501" s="3" t="s">
        <v>56</v>
      </c>
      <c r="K501" s="14">
        <v>44292</v>
      </c>
      <c r="L501" s="3" t="s">
        <v>529</v>
      </c>
    </row>
    <row r="502" spans="1:12" x14ac:dyDescent="0.3">
      <c r="A502" s="11">
        <v>13974746</v>
      </c>
      <c r="B502" s="11">
        <v>5001090</v>
      </c>
      <c r="C502" s="22" t="str">
        <f t="shared" si="9"/>
        <v>https://support.microsoft.com/kb/5001090</v>
      </c>
      <c r="D502" s="3" t="s">
        <v>906</v>
      </c>
      <c r="E502" s="3" t="s">
        <v>100</v>
      </c>
      <c r="F502" s="3" t="s">
        <v>165</v>
      </c>
      <c r="G502" s="3" t="s">
        <v>102</v>
      </c>
      <c r="H502" s="3">
        <v>2019</v>
      </c>
      <c r="I502" s="3" t="s">
        <v>103</v>
      </c>
      <c r="J502" s="3" t="s">
        <v>56</v>
      </c>
      <c r="K502" s="14">
        <v>44292</v>
      </c>
      <c r="L502" s="3" t="s">
        <v>529</v>
      </c>
    </row>
    <row r="503" spans="1:12" x14ac:dyDescent="0.3">
      <c r="A503" s="11">
        <v>13974743</v>
      </c>
      <c r="B503" s="11">
        <v>5001090</v>
      </c>
      <c r="C503" s="22" t="str">
        <f t="shared" si="9"/>
        <v>https://support.microsoft.com/kb/5001090</v>
      </c>
      <c r="D503" s="3" t="s">
        <v>907</v>
      </c>
      <c r="E503" s="3" t="s">
        <v>100</v>
      </c>
      <c r="F503" s="3" t="s">
        <v>145</v>
      </c>
      <c r="G503" s="3" t="s">
        <v>116</v>
      </c>
      <c r="H503" s="3">
        <v>2019</v>
      </c>
      <c r="I503" s="3" t="s">
        <v>103</v>
      </c>
      <c r="J503" s="3" t="s">
        <v>56</v>
      </c>
      <c r="K503" s="14">
        <v>44292</v>
      </c>
      <c r="L503" s="3" t="s">
        <v>529</v>
      </c>
    </row>
    <row r="504" spans="1:12" x14ac:dyDescent="0.3">
      <c r="A504" s="11">
        <v>13974729</v>
      </c>
      <c r="B504" s="11">
        <v>5001044</v>
      </c>
      <c r="C504" s="22" t="str">
        <f t="shared" si="9"/>
        <v>https://support.microsoft.com/kb/5001044</v>
      </c>
      <c r="D504" s="3" t="s">
        <v>908</v>
      </c>
      <c r="E504" s="3" t="s">
        <v>100</v>
      </c>
      <c r="F504" s="3" t="s">
        <v>233</v>
      </c>
      <c r="G504" s="3" t="s">
        <v>105</v>
      </c>
      <c r="H504" s="3">
        <v>2019</v>
      </c>
      <c r="I504" s="3" t="s">
        <v>103</v>
      </c>
      <c r="J504" s="3" t="s">
        <v>56</v>
      </c>
      <c r="K504" s="14">
        <v>44292</v>
      </c>
      <c r="L504" s="3" t="s">
        <v>529</v>
      </c>
    </row>
    <row r="505" spans="1:12" x14ac:dyDescent="0.3">
      <c r="A505" s="11">
        <v>13974728</v>
      </c>
      <c r="B505" s="11">
        <v>5001090</v>
      </c>
      <c r="C505" s="22" t="str">
        <f t="shared" si="9"/>
        <v>https://support.microsoft.com/kb/5001090</v>
      </c>
      <c r="D505" s="3" t="s">
        <v>909</v>
      </c>
      <c r="E505" s="3" t="s">
        <v>100</v>
      </c>
      <c r="F505" s="3" t="s">
        <v>153</v>
      </c>
      <c r="G505" s="3" t="s">
        <v>102</v>
      </c>
      <c r="H505" s="3">
        <v>2019</v>
      </c>
      <c r="I505" s="3" t="s">
        <v>103</v>
      </c>
      <c r="J505" s="3" t="s">
        <v>56</v>
      </c>
      <c r="K505" s="14">
        <v>44292</v>
      </c>
      <c r="L505" s="3" t="s">
        <v>529</v>
      </c>
    </row>
    <row r="506" spans="1:12" x14ac:dyDescent="0.3">
      <c r="A506" s="11">
        <v>13974726</v>
      </c>
      <c r="B506" s="11">
        <v>5000649</v>
      </c>
      <c r="C506" s="22" t="str">
        <f t="shared" si="9"/>
        <v>https://support.microsoft.com/kb/5000649</v>
      </c>
      <c r="D506" s="3" t="s">
        <v>910</v>
      </c>
      <c r="E506" s="3" t="s">
        <v>100</v>
      </c>
      <c r="F506" s="3" t="s">
        <v>127</v>
      </c>
      <c r="G506" s="3" t="s">
        <v>105</v>
      </c>
      <c r="H506" s="3">
        <v>2019</v>
      </c>
      <c r="I506" s="3" t="s">
        <v>103</v>
      </c>
      <c r="J506" s="3" t="s">
        <v>56</v>
      </c>
      <c r="K506" s="14">
        <v>44292</v>
      </c>
      <c r="L506" s="3" t="s">
        <v>529</v>
      </c>
    </row>
    <row r="507" spans="1:12" x14ac:dyDescent="0.3">
      <c r="A507" s="11">
        <v>13972985</v>
      </c>
      <c r="B507" s="11">
        <v>5001090</v>
      </c>
      <c r="C507" s="22" t="str">
        <f t="shared" si="9"/>
        <v>https://support.microsoft.com/kb/5001090</v>
      </c>
      <c r="D507" s="3" t="s">
        <v>911</v>
      </c>
      <c r="E507" s="3" t="s">
        <v>100</v>
      </c>
      <c r="F507" s="3" t="s">
        <v>113</v>
      </c>
      <c r="G507" s="3" t="s">
        <v>102</v>
      </c>
      <c r="H507" s="3">
        <v>2019</v>
      </c>
      <c r="I507" s="3" t="s">
        <v>103</v>
      </c>
      <c r="J507" s="3" t="s">
        <v>56</v>
      </c>
      <c r="K507" s="14">
        <v>44292</v>
      </c>
      <c r="L507" s="3" t="s">
        <v>529</v>
      </c>
    </row>
    <row r="508" spans="1:12" x14ac:dyDescent="0.3">
      <c r="A508" s="11">
        <v>13970216</v>
      </c>
      <c r="B508" s="11">
        <v>5001090</v>
      </c>
      <c r="C508" s="22" t="str">
        <f t="shared" si="9"/>
        <v>https://support.microsoft.com/kb/5001090</v>
      </c>
      <c r="D508" s="3" t="s">
        <v>912</v>
      </c>
      <c r="E508" s="3" t="s">
        <v>100</v>
      </c>
      <c r="F508" s="3" t="s">
        <v>153</v>
      </c>
      <c r="G508" s="3" t="s">
        <v>102</v>
      </c>
      <c r="H508" s="3">
        <v>2019</v>
      </c>
      <c r="I508" s="3" t="s">
        <v>103</v>
      </c>
      <c r="J508" s="3" t="s">
        <v>56</v>
      </c>
      <c r="K508" s="14">
        <v>44292</v>
      </c>
      <c r="L508" s="3" t="s">
        <v>529</v>
      </c>
    </row>
    <row r="509" spans="1:12" x14ac:dyDescent="0.3">
      <c r="A509" s="11">
        <v>13965423</v>
      </c>
      <c r="B509" s="11">
        <v>5001090</v>
      </c>
      <c r="C509" s="22" t="str">
        <f t="shared" si="9"/>
        <v>https://support.microsoft.com/kb/5001090</v>
      </c>
      <c r="D509" s="3" t="s">
        <v>913</v>
      </c>
      <c r="E509" s="3" t="s">
        <v>100</v>
      </c>
      <c r="F509" s="3" t="s">
        <v>101</v>
      </c>
      <c r="G509" s="3" t="s">
        <v>102</v>
      </c>
      <c r="H509" s="3">
        <v>2019</v>
      </c>
      <c r="I509" s="3" t="s">
        <v>103</v>
      </c>
      <c r="J509" s="3" t="s">
        <v>56</v>
      </c>
      <c r="K509" s="14">
        <v>44292</v>
      </c>
      <c r="L509" s="3" t="s">
        <v>529</v>
      </c>
    </row>
    <row r="510" spans="1:12" x14ac:dyDescent="0.3">
      <c r="A510" s="11">
        <v>13959574</v>
      </c>
      <c r="B510" s="11">
        <v>5001090</v>
      </c>
      <c r="C510" s="22" t="str">
        <f t="shared" si="9"/>
        <v>https://support.microsoft.com/kb/5001090</v>
      </c>
      <c r="D510" s="3" t="s">
        <v>914</v>
      </c>
      <c r="E510" s="3" t="s">
        <v>100</v>
      </c>
      <c r="F510" s="3" t="s">
        <v>579</v>
      </c>
      <c r="G510" s="3" t="s">
        <v>102</v>
      </c>
      <c r="H510" s="3">
        <v>2019</v>
      </c>
      <c r="I510" s="3" t="s">
        <v>103</v>
      </c>
      <c r="J510" s="3" t="s">
        <v>56</v>
      </c>
      <c r="K510" s="14">
        <v>44292</v>
      </c>
      <c r="L510" s="3" t="s">
        <v>529</v>
      </c>
    </row>
    <row r="511" spans="1:12" x14ac:dyDescent="0.3">
      <c r="A511" s="11">
        <v>13959563</v>
      </c>
      <c r="B511" s="11">
        <v>5000715</v>
      </c>
      <c r="C511" s="22" t="str">
        <f t="shared" si="9"/>
        <v>https://support.microsoft.com/kb/5000715</v>
      </c>
      <c r="D511" s="3" t="s">
        <v>915</v>
      </c>
      <c r="E511" s="3" t="s">
        <v>100</v>
      </c>
      <c r="F511" s="3" t="s">
        <v>120</v>
      </c>
      <c r="G511" s="3" t="s">
        <v>102</v>
      </c>
      <c r="H511" s="3">
        <v>2019</v>
      </c>
      <c r="I511" s="3" t="s">
        <v>103</v>
      </c>
      <c r="J511" s="3" t="s">
        <v>56</v>
      </c>
      <c r="K511" s="14">
        <v>44292</v>
      </c>
      <c r="L511" s="3" t="s">
        <v>529</v>
      </c>
    </row>
    <row r="512" spans="1:12" x14ac:dyDescent="0.3">
      <c r="A512" s="11">
        <v>13959560</v>
      </c>
      <c r="B512" s="11">
        <v>5001090</v>
      </c>
      <c r="C512" s="22" t="str">
        <f t="shared" si="9"/>
        <v>https://support.microsoft.com/kb/5001090</v>
      </c>
      <c r="D512" s="3" t="s">
        <v>916</v>
      </c>
      <c r="E512" s="3" t="s">
        <v>100</v>
      </c>
      <c r="F512" s="3" t="s">
        <v>148</v>
      </c>
      <c r="G512" s="3" t="s">
        <v>102</v>
      </c>
      <c r="H512" s="3">
        <v>2019</v>
      </c>
      <c r="I512" s="3" t="s">
        <v>103</v>
      </c>
      <c r="J512" s="3" t="s">
        <v>56</v>
      </c>
      <c r="K512" s="14">
        <v>44292</v>
      </c>
      <c r="L512" s="3" t="s">
        <v>529</v>
      </c>
    </row>
    <row r="513" spans="1:12" x14ac:dyDescent="0.3">
      <c r="A513" s="11">
        <v>13959557</v>
      </c>
      <c r="B513" s="11">
        <v>5001090</v>
      </c>
      <c r="C513" s="22" t="str">
        <f t="shared" si="9"/>
        <v>https://support.microsoft.com/kb/5001090</v>
      </c>
      <c r="D513" s="3" t="s">
        <v>917</v>
      </c>
      <c r="E513" s="3" t="s">
        <v>100</v>
      </c>
      <c r="F513" s="3" t="s">
        <v>145</v>
      </c>
      <c r="G513" s="3" t="s">
        <v>105</v>
      </c>
      <c r="H513" s="3">
        <v>2019</v>
      </c>
      <c r="I513" s="3" t="s">
        <v>103</v>
      </c>
      <c r="J513" s="3" t="s">
        <v>56</v>
      </c>
      <c r="K513" s="14">
        <v>44292</v>
      </c>
      <c r="L513" s="3" t="s">
        <v>529</v>
      </c>
    </row>
    <row r="514" spans="1:12" x14ac:dyDescent="0.3">
      <c r="A514" s="11">
        <v>13959554</v>
      </c>
      <c r="B514" s="11">
        <v>5000650</v>
      </c>
      <c r="C514" s="22" t="str">
        <f t="shared" si="9"/>
        <v>https://support.microsoft.com/kb/5000650</v>
      </c>
      <c r="D514" s="3" t="s">
        <v>918</v>
      </c>
      <c r="E514" s="3" t="s">
        <v>100</v>
      </c>
      <c r="F514" s="3" t="s">
        <v>233</v>
      </c>
      <c r="G514" s="3" t="s">
        <v>102</v>
      </c>
      <c r="H514" s="3">
        <v>2019</v>
      </c>
      <c r="I514" s="3" t="s">
        <v>103</v>
      </c>
      <c r="J514" s="3" t="s">
        <v>56</v>
      </c>
      <c r="K514" s="14">
        <v>44292</v>
      </c>
      <c r="L514" s="3" t="s">
        <v>529</v>
      </c>
    </row>
    <row r="515" spans="1:12" x14ac:dyDescent="0.3">
      <c r="A515" s="11">
        <v>13959551</v>
      </c>
      <c r="B515" s="11">
        <v>5000649</v>
      </c>
      <c r="C515" s="22" t="str">
        <f t="shared" si="9"/>
        <v>https://support.microsoft.com/kb/5000649</v>
      </c>
      <c r="D515" s="3" t="s">
        <v>910</v>
      </c>
      <c r="E515" s="3" t="s">
        <v>100</v>
      </c>
      <c r="F515" s="3" t="s">
        <v>127</v>
      </c>
      <c r="G515" s="3" t="s">
        <v>105</v>
      </c>
      <c r="H515" s="3">
        <v>2019</v>
      </c>
      <c r="I515" s="3" t="s">
        <v>103</v>
      </c>
      <c r="J515" s="3" t="s">
        <v>56</v>
      </c>
      <c r="K515" s="14">
        <v>44292</v>
      </c>
      <c r="L515" s="3" t="s">
        <v>529</v>
      </c>
    </row>
    <row r="516" spans="1:12" x14ac:dyDescent="0.3">
      <c r="A516" s="11">
        <v>13959547</v>
      </c>
      <c r="B516" s="11">
        <v>5001090</v>
      </c>
      <c r="C516" s="22" t="str">
        <f t="shared" si="9"/>
        <v>https://support.microsoft.com/kb/5001090</v>
      </c>
      <c r="D516" s="3" t="s">
        <v>919</v>
      </c>
      <c r="E516" s="3" t="s">
        <v>100</v>
      </c>
      <c r="F516" s="3" t="s">
        <v>101</v>
      </c>
      <c r="G516" s="3" t="s">
        <v>105</v>
      </c>
      <c r="H516" s="3">
        <v>2019</v>
      </c>
      <c r="I516" s="3" t="s">
        <v>103</v>
      </c>
      <c r="J516" s="3" t="s">
        <v>56</v>
      </c>
      <c r="K516" s="14">
        <v>44292</v>
      </c>
      <c r="L516" s="3" t="s">
        <v>529</v>
      </c>
    </row>
    <row r="517" spans="1:12" x14ac:dyDescent="0.3">
      <c r="A517" s="11">
        <v>13959545</v>
      </c>
      <c r="B517" s="11">
        <v>4589350</v>
      </c>
      <c r="C517" s="22" t="str">
        <f t="shared" si="9"/>
        <v>https://support.microsoft.com/kb/4589350</v>
      </c>
      <c r="D517" s="3" t="s">
        <v>920</v>
      </c>
      <c r="E517" s="3" t="s">
        <v>100</v>
      </c>
      <c r="F517" s="3" t="s">
        <v>127</v>
      </c>
      <c r="G517" s="3" t="s">
        <v>102</v>
      </c>
      <c r="H517" s="3">
        <v>2019</v>
      </c>
      <c r="I517" s="3" t="s">
        <v>103</v>
      </c>
      <c r="J517" s="3" t="s">
        <v>56</v>
      </c>
      <c r="K517" s="14">
        <v>44292</v>
      </c>
      <c r="L517" s="3" t="s">
        <v>529</v>
      </c>
    </row>
    <row r="518" spans="1:12" x14ac:dyDescent="0.3">
      <c r="A518" s="11">
        <v>13959543</v>
      </c>
      <c r="B518" s="11">
        <v>5001090</v>
      </c>
      <c r="C518" s="22" t="str">
        <f t="shared" si="9"/>
        <v>https://support.microsoft.com/kb/5001090</v>
      </c>
      <c r="D518" s="3" t="s">
        <v>921</v>
      </c>
      <c r="E518" s="3" t="s">
        <v>100</v>
      </c>
      <c r="F518" s="3" t="s">
        <v>120</v>
      </c>
      <c r="G518" s="3" t="s">
        <v>102</v>
      </c>
      <c r="H518" s="3">
        <v>2019</v>
      </c>
      <c r="I518" s="3" t="s">
        <v>103</v>
      </c>
      <c r="J518" s="3" t="s">
        <v>56</v>
      </c>
      <c r="K518" s="14">
        <v>44292</v>
      </c>
      <c r="L518" s="3" t="s">
        <v>529</v>
      </c>
    </row>
    <row r="519" spans="1:12" x14ac:dyDescent="0.3">
      <c r="A519" s="11">
        <v>13957945</v>
      </c>
      <c r="B519" s="11">
        <v>5001090</v>
      </c>
      <c r="C519" s="22" t="str">
        <f t="shared" si="9"/>
        <v>https://support.microsoft.com/kb/5001090</v>
      </c>
      <c r="D519" s="3" t="s">
        <v>880</v>
      </c>
      <c r="E519" s="3" t="s">
        <v>180</v>
      </c>
      <c r="F519" s="3" t="s">
        <v>180</v>
      </c>
      <c r="G519" s="3" t="s">
        <v>102</v>
      </c>
      <c r="H519" s="3">
        <v>2019</v>
      </c>
      <c r="I519" s="3" t="s">
        <v>103</v>
      </c>
      <c r="J519" s="3" t="s">
        <v>56</v>
      </c>
      <c r="K519" s="14">
        <v>44292</v>
      </c>
      <c r="L519" s="3" t="s">
        <v>529</v>
      </c>
    </row>
    <row r="520" spans="1:12" x14ac:dyDescent="0.3">
      <c r="A520" s="11">
        <v>13955889</v>
      </c>
      <c r="B520" s="11">
        <v>5001090</v>
      </c>
      <c r="C520" s="22" t="str">
        <f t="shared" si="9"/>
        <v>https://support.microsoft.com/kb/5001090</v>
      </c>
      <c r="D520" s="3" t="s">
        <v>922</v>
      </c>
      <c r="E520" s="3" t="s">
        <v>100</v>
      </c>
      <c r="F520" s="3" t="s">
        <v>116</v>
      </c>
      <c r="G520" s="3" t="s">
        <v>116</v>
      </c>
      <c r="H520" s="3">
        <v>2019</v>
      </c>
      <c r="I520" s="3" t="s">
        <v>103</v>
      </c>
      <c r="J520" s="3" t="s">
        <v>56</v>
      </c>
      <c r="K520" s="14">
        <v>44292</v>
      </c>
      <c r="L520" s="3" t="s">
        <v>529</v>
      </c>
    </row>
    <row r="521" spans="1:12" x14ac:dyDescent="0.3">
      <c r="A521" s="11">
        <v>13953270</v>
      </c>
      <c r="B521" s="11">
        <v>5001260</v>
      </c>
      <c r="C521" s="22" t="str">
        <f t="shared" si="9"/>
        <v>https://support.microsoft.com/kb/5001260</v>
      </c>
      <c r="D521" s="3" t="s">
        <v>923</v>
      </c>
      <c r="E521" s="3" t="s">
        <v>100</v>
      </c>
      <c r="F521" s="3" t="s">
        <v>782</v>
      </c>
      <c r="G521" s="3" t="s">
        <v>105</v>
      </c>
      <c r="H521" s="3">
        <v>2019</v>
      </c>
      <c r="I521" s="3" t="s">
        <v>103</v>
      </c>
      <c r="J521" s="3" t="s">
        <v>56</v>
      </c>
      <c r="K521" s="14">
        <v>44292</v>
      </c>
      <c r="L521" s="3" t="s">
        <v>529</v>
      </c>
    </row>
    <row r="522" spans="1:12" x14ac:dyDescent="0.3">
      <c r="A522" s="11">
        <v>13953267</v>
      </c>
      <c r="B522" s="11">
        <v>5001159</v>
      </c>
      <c r="C522" s="22" t="str">
        <f t="shared" si="9"/>
        <v>https://support.microsoft.com/kb/5001159</v>
      </c>
      <c r="D522" s="3" t="s">
        <v>924</v>
      </c>
      <c r="E522" s="3" t="s">
        <v>100</v>
      </c>
      <c r="F522" s="3" t="s">
        <v>214</v>
      </c>
      <c r="G522" s="3" t="s">
        <v>102</v>
      </c>
      <c r="H522" s="3">
        <v>2019</v>
      </c>
      <c r="I522" s="3" t="s">
        <v>103</v>
      </c>
      <c r="J522" s="3" t="s">
        <v>56</v>
      </c>
      <c r="K522" s="14">
        <v>44292</v>
      </c>
      <c r="L522" s="3" t="s">
        <v>529</v>
      </c>
    </row>
    <row r="523" spans="1:12" x14ac:dyDescent="0.3">
      <c r="A523" s="11">
        <v>13949609</v>
      </c>
      <c r="B523" s="11">
        <v>5001090</v>
      </c>
      <c r="C523" s="22" t="str">
        <f t="shared" si="9"/>
        <v>https://support.microsoft.com/kb/5001090</v>
      </c>
      <c r="D523" s="3" t="s">
        <v>925</v>
      </c>
      <c r="E523" s="3" t="s">
        <v>180</v>
      </c>
      <c r="F523" s="3" t="s">
        <v>180</v>
      </c>
      <c r="G523" s="3" t="s">
        <v>102</v>
      </c>
      <c r="H523" s="3">
        <v>2019</v>
      </c>
      <c r="I523" s="3" t="s">
        <v>103</v>
      </c>
      <c r="J523" s="3" t="s">
        <v>56</v>
      </c>
      <c r="K523" s="14">
        <v>44292</v>
      </c>
      <c r="L523" s="3" t="s">
        <v>529</v>
      </c>
    </row>
    <row r="524" spans="1:12" x14ac:dyDescent="0.3">
      <c r="A524" s="11">
        <v>13947703</v>
      </c>
      <c r="B524" s="11">
        <v>5001090</v>
      </c>
      <c r="C524" s="22" t="str">
        <f t="shared" si="9"/>
        <v>https://support.microsoft.com/kb/5001090</v>
      </c>
      <c r="D524" s="3" t="s">
        <v>926</v>
      </c>
      <c r="E524" s="3" t="s">
        <v>100</v>
      </c>
      <c r="F524" s="3" t="s">
        <v>145</v>
      </c>
      <c r="G524" s="3" t="s">
        <v>105</v>
      </c>
      <c r="H524" s="3">
        <v>2019</v>
      </c>
      <c r="I524" s="3" t="s">
        <v>103</v>
      </c>
      <c r="J524" s="3" t="s">
        <v>56</v>
      </c>
      <c r="K524" s="14">
        <v>44292</v>
      </c>
      <c r="L524" s="3" t="s">
        <v>529</v>
      </c>
    </row>
    <row r="525" spans="1:12" x14ac:dyDescent="0.3">
      <c r="A525" s="11">
        <v>13912551</v>
      </c>
      <c r="B525" s="11">
        <v>5001090</v>
      </c>
      <c r="C525" s="22" t="str">
        <f t="shared" si="9"/>
        <v>https://support.microsoft.com/kb/5001090</v>
      </c>
      <c r="D525" s="3" t="s">
        <v>927</v>
      </c>
      <c r="E525" s="3" t="s">
        <v>100</v>
      </c>
      <c r="F525" s="3" t="s">
        <v>113</v>
      </c>
      <c r="G525" s="3" t="s">
        <v>102</v>
      </c>
      <c r="H525" s="3">
        <v>2019</v>
      </c>
      <c r="I525" s="3" t="s">
        <v>103</v>
      </c>
      <c r="J525" s="3" t="s">
        <v>56</v>
      </c>
      <c r="K525" s="14">
        <v>44292</v>
      </c>
      <c r="L525" s="3" t="s">
        <v>529</v>
      </c>
    </row>
    <row r="526" spans="1:12" x14ac:dyDescent="0.3">
      <c r="A526" s="11">
        <v>13880249</v>
      </c>
      <c r="B526" s="11">
        <v>5001090</v>
      </c>
      <c r="C526" s="22" t="str">
        <f t="shared" si="9"/>
        <v>https://support.microsoft.com/kb/5001090</v>
      </c>
      <c r="D526" s="3" t="s">
        <v>928</v>
      </c>
      <c r="E526" s="3" t="s">
        <v>100</v>
      </c>
      <c r="F526" s="3" t="s">
        <v>214</v>
      </c>
      <c r="G526" s="3" t="s">
        <v>102</v>
      </c>
      <c r="H526" s="3">
        <v>2019</v>
      </c>
      <c r="I526" s="3" t="s">
        <v>103</v>
      </c>
      <c r="J526" s="3" t="s">
        <v>56</v>
      </c>
      <c r="K526" s="14">
        <v>44292</v>
      </c>
      <c r="L526" s="3" t="s">
        <v>529</v>
      </c>
    </row>
    <row r="527" spans="1:12" x14ac:dyDescent="0.3">
      <c r="A527" s="11">
        <v>13771907</v>
      </c>
      <c r="B527" s="11">
        <v>5001090</v>
      </c>
      <c r="C527" s="22" t="str">
        <f t="shared" si="9"/>
        <v>https://support.microsoft.com/kb/5001090</v>
      </c>
      <c r="D527" s="3" t="s">
        <v>929</v>
      </c>
      <c r="E527" s="3" t="s">
        <v>100</v>
      </c>
      <c r="F527" s="3" t="s">
        <v>579</v>
      </c>
      <c r="G527" s="3" t="s">
        <v>102</v>
      </c>
      <c r="H527" s="3">
        <v>2019</v>
      </c>
      <c r="I527" s="3" t="s">
        <v>103</v>
      </c>
      <c r="J527" s="3" t="s">
        <v>56</v>
      </c>
      <c r="K527" s="14">
        <v>44292</v>
      </c>
      <c r="L527" s="3" t="s">
        <v>529</v>
      </c>
    </row>
    <row r="528" spans="1:12" x14ac:dyDescent="0.3">
      <c r="A528" s="11">
        <v>13746935</v>
      </c>
      <c r="B528" s="11">
        <v>5001090</v>
      </c>
      <c r="C528" s="22" t="str">
        <f t="shared" si="9"/>
        <v>https://support.microsoft.com/kb/5001090</v>
      </c>
      <c r="D528" s="3" t="s">
        <v>930</v>
      </c>
      <c r="E528" s="3" t="s">
        <v>100</v>
      </c>
      <c r="F528" s="3" t="s">
        <v>123</v>
      </c>
      <c r="G528" s="3" t="s">
        <v>102</v>
      </c>
      <c r="H528" s="3">
        <v>2019</v>
      </c>
      <c r="I528" s="3" t="s">
        <v>103</v>
      </c>
      <c r="J528" s="3" t="s">
        <v>56</v>
      </c>
      <c r="K528" s="14">
        <v>44292</v>
      </c>
      <c r="L528" s="3" t="s">
        <v>529</v>
      </c>
    </row>
    <row r="529" spans="1:12" x14ac:dyDescent="0.3">
      <c r="A529" s="11">
        <v>13717019</v>
      </c>
      <c r="B529" s="11">
        <v>5001090</v>
      </c>
      <c r="C529" s="22" t="str">
        <f t="shared" si="9"/>
        <v>https://support.microsoft.com/kb/5001090</v>
      </c>
      <c r="D529" s="3" t="s">
        <v>931</v>
      </c>
      <c r="E529" s="3" t="s">
        <v>100</v>
      </c>
      <c r="F529" s="3" t="s">
        <v>116</v>
      </c>
      <c r="G529" s="3" t="s">
        <v>116</v>
      </c>
      <c r="H529" s="3">
        <v>2019</v>
      </c>
      <c r="I529" s="3" t="s">
        <v>103</v>
      </c>
      <c r="J529" s="3" t="s">
        <v>56</v>
      </c>
      <c r="K529" s="14">
        <v>44292</v>
      </c>
      <c r="L529" s="3" t="s">
        <v>529</v>
      </c>
    </row>
    <row r="530" spans="1:12" x14ac:dyDescent="0.3">
      <c r="A530" s="11">
        <v>13712974</v>
      </c>
      <c r="B530" s="11">
        <v>5001090</v>
      </c>
      <c r="C530" s="22" t="str">
        <f t="shared" si="9"/>
        <v>https://support.microsoft.com/kb/5001090</v>
      </c>
      <c r="D530" s="3" t="s">
        <v>932</v>
      </c>
      <c r="E530" s="3" t="s">
        <v>100</v>
      </c>
      <c r="F530" s="3" t="s">
        <v>116</v>
      </c>
      <c r="G530" s="3" t="s">
        <v>116</v>
      </c>
      <c r="H530" s="3">
        <v>2019</v>
      </c>
      <c r="I530" s="3" t="s">
        <v>103</v>
      </c>
      <c r="J530" s="3" t="s">
        <v>56</v>
      </c>
      <c r="K530" s="14">
        <v>44292</v>
      </c>
      <c r="L530" s="3" t="s">
        <v>529</v>
      </c>
    </row>
    <row r="531" spans="1:12" x14ac:dyDescent="0.3">
      <c r="A531" s="11">
        <v>13491008</v>
      </c>
      <c r="B531" s="11">
        <v>4548523</v>
      </c>
      <c r="C531" s="22" t="str">
        <f t="shared" si="9"/>
        <v>https://support.microsoft.com/kb/4548523</v>
      </c>
      <c r="D531" s="3" t="s">
        <v>933</v>
      </c>
      <c r="E531" s="3" t="s">
        <v>100</v>
      </c>
      <c r="F531" s="3" t="s">
        <v>163</v>
      </c>
      <c r="G531" s="3" t="s">
        <v>105</v>
      </c>
      <c r="H531" s="3">
        <v>2019</v>
      </c>
      <c r="I531" s="3" t="s">
        <v>103</v>
      </c>
      <c r="J531" s="3" t="s">
        <v>56</v>
      </c>
      <c r="K531" s="14">
        <v>44292</v>
      </c>
      <c r="L531" s="3" t="s">
        <v>529</v>
      </c>
    </row>
    <row r="532" spans="1:12" x14ac:dyDescent="0.3">
      <c r="A532" s="11">
        <v>13955875</v>
      </c>
      <c r="B532" s="11">
        <v>5000642</v>
      </c>
      <c r="C532" s="22" t="str">
        <f t="shared" si="9"/>
        <v>https://support.microsoft.com/kb/5000642</v>
      </c>
      <c r="D532" s="3" t="s">
        <v>934</v>
      </c>
      <c r="E532" s="3" t="s">
        <v>100</v>
      </c>
      <c r="F532" s="3" t="s">
        <v>165</v>
      </c>
      <c r="G532" s="3" t="s">
        <v>102</v>
      </c>
      <c r="H532" s="3">
        <v>2019</v>
      </c>
      <c r="I532" s="3" t="s">
        <v>103</v>
      </c>
      <c r="J532" s="3" t="s">
        <v>59</v>
      </c>
      <c r="K532" s="14">
        <v>44238</v>
      </c>
      <c r="L532" s="3" t="s">
        <v>935</v>
      </c>
    </row>
    <row r="533" spans="1:12" x14ac:dyDescent="0.3">
      <c r="A533" s="11">
        <v>13949618</v>
      </c>
      <c r="B533" s="11">
        <v>4594016</v>
      </c>
      <c r="C533" s="22" t="str">
        <f t="shared" si="9"/>
        <v>https://support.microsoft.com/kb/4594016</v>
      </c>
      <c r="D533" s="3" t="s">
        <v>936</v>
      </c>
      <c r="E533" s="3" t="s">
        <v>100</v>
      </c>
      <c r="F533" s="3" t="s">
        <v>161</v>
      </c>
      <c r="G533" s="3" t="s">
        <v>102</v>
      </c>
      <c r="H533" s="3">
        <v>2019</v>
      </c>
      <c r="I533" s="3" t="s">
        <v>103</v>
      </c>
      <c r="J533" s="3" t="s">
        <v>59</v>
      </c>
      <c r="K533" s="14">
        <v>44238</v>
      </c>
      <c r="L533" s="3" t="s">
        <v>935</v>
      </c>
    </row>
    <row r="534" spans="1:12" x14ac:dyDescent="0.3">
      <c r="A534" s="11">
        <v>13916584</v>
      </c>
      <c r="B534" s="11">
        <v>5000642</v>
      </c>
      <c r="C534" s="22" t="str">
        <f t="shared" si="9"/>
        <v>https://support.microsoft.com/kb/5000642</v>
      </c>
      <c r="D534" s="3" t="s">
        <v>937</v>
      </c>
      <c r="E534" s="3" t="s">
        <v>100</v>
      </c>
      <c r="F534" s="3" t="s">
        <v>101</v>
      </c>
      <c r="G534" s="3" t="s">
        <v>102</v>
      </c>
      <c r="H534" s="3">
        <v>2019</v>
      </c>
      <c r="I534" s="3" t="s">
        <v>103</v>
      </c>
      <c r="J534" s="3" t="s">
        <v>59</v>
      </c>
      <c r="K534" s="14">
        <v>44238</v>
      </c>
      <c r="L534" s="3" t="s">
        <v>935</v>
      </c>
    </row>
    <row r="535" spans="1:12" x14ac:dyDescent="0.3">
      <c r="A535" s="11">
        <v>13909404</v>
      </c>
      <c r="B535" s="11">
        <v>5000672</v>
      </c>
      <c r="C535" s="22" t="str">
        <f t="shared" si="9"/>
        <v>https://support.microsoft.com/kb/5000672</v>
      </c>
      <c r="D535" s="3" t="s">
        <v>938</v>
      </c>
      <c r="E535" s="3" t="s">
        <v>100</v>
      </c>
      <c r="F535" s="3" t="s">
        <v>579</v>
      </c>
      <c r="G535" s="3" t="s">
        <v>105</v>
      </c>
      <c r="H535" s="3">
        <v>2019</v>
      </c>
      <c r="I535" s="3" t="s">
        <v>103</v>
      </c>
      <c r="J535" s="3" t="s">
        <v>59</v>
      </c>
      <c r="K535" s="14">
        <v>44238</v>
      </c>
      <c r="L535" s="3" t="s">
        <v>935</v>
      </c>
    </row>
    <row r="536" spans="1:12" x14ac:dyDescent="0.3">
      <c r="A536" s="11">
        <v>13909360</v>
      </c>
      <c r="B536" s="11">
        <v>5000671</v>
      </c>
      <c r="C536" s="22" t="str">
        <f t="shared" si="9"/>
        <v>https://support.microsoft.com/kb/5000671</v>
      </c>
      <c r="D536" s="3" t="s">
        <v>939</v>
      </c>
      <c r="E536" s="3" t="s">
        <v>100</v>
      </c>
      <c r="F536" s="3" t="s">
        <v>579</v>
      </c>
      <c r="G536" s="3" t="s">
        <v>105</v>
      </c>
      <c r="H536" s="3">
        <v>2019</v>
      </c>
      <c r="I536" s="3" t="s">
        <v>103</v>
      </c>
      <c r="J536" s="3" t="s">
        <v>59</v>
      </c>
      <c r="K536" s="14">
        <v>44238</v>
      </c>
      <c r="L536" s="3" t="s">
        <v>935</v>
      </c>
    </row>
    <row r="537" spans="1:12" x14ac:dyDescent="0.3">
      <c r="A537" s="11">
        <v>13909240</v>
      </c>
      <c r="B537" s="11">
        <v>5000670</v>
      </c>
      <c r="C537" s="22" t="str">
        <f t="shared" si="9"/>
        <v>https://support.microsoft.com/kb/5000670</v>
      </c>
      <c r="D537" s="3" t="s">
        <v>940</v>
      </c>
      <c r="E537" s="3" t="s">
        <v>100</v>
      </c>
      <c r="F537" s="3" t="s">
        <v>579</v>
      </c>
      <c r="G537" s="3" t="s">
        <v>105</v>
      </c>
      <c r="H537" s="3">
        <v>2019</v>
      </c>
      <c r="I537" s="3" t="s">
        <v>103</v>
      </c>
      <c r="J537" s="3" t="s">
        <v>59</v>
      </c>
      <c r="K537" s="14">
        <v>44238</v>
      </c>
      <c r="L537" s="3" t="s">
        <v>935</v>
      </c>
    </row>
    <row r="538" spans="1:12" x14ac:dyDescent="0.3">
      <c r="A538" s="11">
        <v>13909239</v>
      </c>
      <c r="B538" s="11">
        <v>5000656</v>
      </c>
      <c r="C538" s="22" t="str">
        <f t="shared" si="9"/>
        <v>https://support.microsoft.com/kb/5000656</v>
      </c>
      <c r="D538" s="3" t="s">
        <v>941</v>
      </c>
      <c r="E538" s="3" t="s">
        <v>100</v>
      </c>
      <c r="F538" s="3" t="s">
        <v>137</v>
      </c>
      <c r="G538" s="3" t="s">
        <v>105</v>
      </c>
      <c r="H538" s="3">
        <v>2019</v>
      </c>
      <c r="I538" s="3" t="s">
        <v>103</v>
      </c>
      <c r="J538" s="3" t="s">
        <v>59</v>
      </c>
      <c r="K538" s="14">
        <v>44238</v>
      </c>
      <c r="L538" s="3" t="s">
        <v>935</v>
      </c>
    </row>
    <row r="539" spans="1:12" x14ac:dyDescent="0.3">
      <c r="A539" s="11">
        <v>13909232</v>
      </c>
      <c r="B539" s="11">
        <v>5000655</v>
      </c>
      <c r="C539" s="22" t="str">
        <f t="shared" si="9"/>
        <v>https://support.microsoft.com/kb/5000655</v>
      </c>
      <c r="D539" s="3" t="s">
        <v>942</v>
      </c>
      <c r="E539" s="3" t="s">
        <v>100</v>
      </c>
      <c r="F539" s="3" t="s">
        <v>137</v>
      </c>
      <c r="G539" s="3" t="s">
        <v>105</v>
      </c>
      <c r="H539" s="3">
        <v>2019</v>
      </c>
      <c r="I539" s="3" t="s">
        <v>103</v>
      </c>
      <c r="J539" s="3" t="s">
        <v>59</v>
      </c>
      <c r="K539" s="14">
        <v>44238</v>
      </c>
      <c r="L539" s="3" t="s">
        <v>935</v>
      </c>
    </row>
    <row r="540" spans="1:12" x14ac:dyDescent="0.3">
      <c r="A540" s="11">
        <v>13904898</v>
      </c>
      <c r="B540" s="11">
        <v>4538581</v>
      </c>
      <c r="C540" s="22" t="str">
        <f t="shared" si="9"/>
        <v>https://support.microsoft.com/kb/4538581</v>
      </c>
      <c r="D540" s="3" t="s">
        <v>703</v>
      </c>
      <c r="E540" s="3" t="s">
        <v>100</v>
      </c>
      <c r="F540" s="3" t="s">
        <v>110</v>
      </c>
      <c r="G540" s="3" t="s">
        <v>105</v>
      </c>
      <c r="H540" s="3">
        <v>2019</v>
      </c>
      <c r="I540" s="3" t="s">
        <v>103</v>
      </c>
      <c r="J540" s="3" t="s">
        <v>59</v>
      </c>
      <c r="K540" s="14">
        <v>44238</v>
      </c>
      <c r="L540" s="3" t="s">
        <v>935</v>
      </c>
    </row>
    <row r="541" spans="1:12" x14ac:dyDescent="0.3">
      <c r="A541" s="11">
        <v>13891577</v>
      </c>
      <c r="B541" s="11">
        <v>5000642</v>
      </c>
      <c r="C541" s="22" t="str">
        <f t="shared" si="9"/>
        <v>https://support.microsoft.com/kb/5000642</v>
      </c>
      <c r="D541" s="3" t="s">
        <v>943</v>
      </c>
      <c r="E541" s="3" t="s">
        <v>100</v>
      </c>
      <c r="F541" s="3" t="s">
        <v>165</v>
      </c>
      <c r="G541" s="3" t="s">
        <v>102</v>
      </c>
      <c r="H541" s="3">
        <v>2019</v>
      </c>
      <c r="I541" s="3" t="s">
        <v>103</v>
      </c>
      <c r="J541" s="3" t="s">
        <v>59</v>
      </c>
      <c r="K541" s="14">
        <v>44238</v>
      </c>
      <c r="L541" s="3" t="s">
        <v>935</v>
      </c>
    </row>
    <row r="542" spans="1:12" x14ac:dyDescent="0.3">
      <c r="A542" s="11">
        <v>13891302</v>
      </c>
      <c r="B542" s="11">
        <v>4589350</v>
      </c>
      <c r="C542" s="22" t="str">
        <f t="shared" si="9"/>
        <v>https://support.microsoft.com/kb/4589350</v>
      </c>
      <c r="D542" s="3" t="s">
        <v>920</v>
      </c>
      <c r="E542" s="3" t="s">
        <v>100</v>
      </c>
      <c r="F542" s="3" t="s">
        <v>127</v>
      </c>
      <c r="G542" s="3" t="s">
        <v>102</v>
      </c>
      <c r="H542" s="3">
        <v>2019</v>
      </c>
      <c r="I542" s="3" t="s">
        <v>103</v>
      </c>
      <c r="J542" s="3" t="s">
        <v>59</v>
      </c>
      <c r="K542" s="14">
        <v>44238</v>
      </c>
      <c r="L542" s="3" t="s">
        <v>935</v>
      </c>
    </row>
    <row r="543" spans="1:12" x14ac:dyDescent="0.3">
      <c r="A543" s="11">
        <v>13888649</v>
      </c>
      <c r="B543" s="11">
        <v>5000642</v>
      </c>
      <c r="C543" s="22" t="str">
        <f t="shared" si="9"/>
        <v>https://support.microsoft.com/kb/5000642</v>
      </c>
      <c r="D543" s="3" t="s">
        <v>944</v>
      </c>
      <c r="E543" s="3" t="s">
        <v>380</v>
      </c>
      <c r="F543" s="3" t="s">
        <v>945</v>
      </c>
      <c r="G543" s="3" t="s">
        <v>102</v>
      </c>
      <c r="H543" s="3">
        <v>2019</v>
      </c>
      <c r="I543" s="3" t="s">
        <v>103</v>
      </c>
      <c r="J543" s="3" t="s">
        <v>59</v>
      </c>
      <c r="K543" s="14">
        <v>44238</v>
      </c>
      <c r="L543" s="3" t="s">
        <v>935</v>
      </c>
    </row>
    <row r="544" spans="1:12" x14ac:dyDescent="0.3">
      <c r="A544" s="11">
        <v>13887794</v>
      </c>
      <c r="B544" s="11">
        <v>5000642</v>
      </c>
      <c r="C544" s="22" t="str">
        <f t="shared" si="9"/>
        <v>https://support.microsoft.com/kb/5000642</v>
      </c>
      <c r="D544" s="3" t="s">
        <v>946</v>
      </c>
      <c r="E544" s="3" t="s">
        <v>100</v>
      </c>
      <c r="F544" s="3" t="s">
        <v>125</v>
      </c>
      <c r="G544" s="3" t="s">
        <v>102</v>
      </c>
      <c r="H544" s="3">
        <v>2019</v>
      </c>
      <c r="I544" s="3" t="s">
        <v>103</v>
      </c>
      <c r="J544" s="3" t="s">
        <v>59</v>
      </c>
      <c r="K544" s="14">
        <v>44238</v>
      </c>
      <c r="L544" s="3" t="s">
        <v>935</v>
      </c>
    </row>
    <row r="545" spans="1:12" x14ac:dyDescent="0.3">
      <c r="A545" s="11">
        <v>13887793</v>
      </c>
      <c r="B545" s="11">
        <v>5000642</v>
      </c>
      <c r="C545" s="22" t="str">
        <f t="shared" si="9"/>
        <v>https://support.microsoft.com/kb/5000642</v>
      </c>
      <c r="D545" s="3" t="s">
        <v>947</v>
      </c>
      <c r="E545" s="3" t="s">
        <v>100</v>
      </c>
      <c r="F545" s="3" t="s">
        <v>125</v>
      </c>
      <c r="G545" s="3" t="s">
        <v>116</v>
      </c>
      <c r="H545" s="3">
        <v>2019</v>
      </c>
      <c r="I545" s="3" t="s">
        <v>103</v>
      </c>
      <c r="J545" s="3" t="s">
        <v>59</v>
      </c>
      <c r="K545" s="14">
        <v>44238</v>
      </c>
      <c r="L545" s="3" t="s">
        <v>935</v>
      </c>
    </row>
    <row r="546" spans="1:12" x14ac:dyDescent="0.3">
      <c r="A546" s="11">
        <v>13882987</v>
      </c>
      <c r="B546" s="11">
        <v>5000642</v>
      </c>
      <c r="C546" s="22" t="str">
        <f t="shared" ref="C546:C609" si="10">HYPERLINK("https://support.microsoft.com/kb/"&amp;B546)</f>
        <v>https://support.microsoft.com/kb/5000642</v>
      </c>
      <c r="D546" s="3" t="s">
        <v>876</v>
      </c>
      <c r="E546" s="3" t="s">
        <v>100</v>
      </c>
      <c r="F546" s="3" t="s">
        <v>145</v>
      </c>
      <c r="G546" s="3" t="s">
        <v>105</v>
      </c>
      <c r="H546" s="3">
        <v>2019</v>
      </c>
      <c r="I546" s="3" t="s">
        <v>103</v>
      </c>
      <c r="J546" s="3" t="s">
        <v>59</v>
      </c>
      <c r="K546" s="14">
        <v>44238</v>
      </c>
      <c r="L546" s="3" t="s">
        <v>935</v>
      </c>
    </row>
    <row r="547" spans="1:12" x14ac:dyDescent="0.3">
      <c r="A547" s="11">
        <v>13880798</v>
      </c>
      <c r="B547" s="11">
        <v>5000642</v>
      </c>
      <c r="C547" s="22" t="str">
        <f t="shared" si="10"/>
        <v>https://support.microsoft.com/kb/5000642</v>
      </c>
      <c r="D547" s="3" t="s">
        <v>948</v>
      </c>
      <c r="E547" s="3" t="s">
        <v>100</v>
      </c>
      <c r="F547" s="3" t="s">
        <v>579</v>
      </c>
      <c r="G547" s="3" t="s">
        <v>105</v>
      </c>
      <c r="H547" s="3">
        <v>2019</v>
      </c>
      <c r="I547" s="3" t="s">
        <v>103</v>
      </c>
      <c r="J547" s="3" t="s">
        <v>59</v>
      </c>
      <c r="K547" s="14">
        <v>44238</v>
      </c>
      <c r="L547" s="3" t="s">
        <v>935</v>
      </c>
    </row>
    <row r="548" spans="1:12" x14ac:dyDescent="0.3">
      <c r="A548" s="11">
        <v>13880787</v>
      </c>
      <c r="B548" s="11">
        <v>5000642</v>
      </c>
      <c r="C548" s="22" t="str">
        <f t="shared" si="10"/>
        <v>https://support.microsoft.com/kb/5000642</v>
      </c>
      <c r="D548" s="3" t="s">
        <v>949</v>
      </c>
      <c r="E548" s="3" t="s">
        <v>100</v>
      </c>
      <c r="F548" s="3" t="s">
        <v>579</v>
      </c>
      <c r="G548" s="3" t="s">
        <v>105</v>
      </c>
      <c r="H548" s="3">
        <v>2019</v>
      </c>
      <c r="I548" s="3" t="s">
        <v>103</v>
      </c>
      <c r="J548" s="3" t="s">
        <v>59</v>
      </c>
      <c r="K548" s="14">
        <v>44238</v>
      </c>
      <c r="L548" s="3" t="s">
        <v>935</v>
      </c>
    </row>
    <row r="549" spans="1:12" x14ac:dyDescent="0.3">
      <c r="A549" s="11">
        <v>13878949</v>
      </c>
      <c r="B549" s="11">
        <v>5000642</v>
      </c>
      <c r="C549" s="22" t="str">
        <f t="shared" si="10"/>
        <v>https://support.microsoft.com/kb/5000642</v>
      </c>
      <c r="D549" s="3" t="s">
        <v>950</v>
      </c>
      <c r="E549" s="3" t="s">
        <v>100</v>
      </c>
      <c r="F549" s="3" t="s">
        <v>579</v>
      </c>
      <c r="G549" s="3" t="s">
        <v>105</v>
      </c>
      <c r="H549" s="3">
        <v>2019</v>
      </c>
      <c r="I549" s="3" t="s">
        <v>103</v>
      </c>
      <c r="J549" s="3" t="s">
        <v>59</v>
      </c>
      <c r="K549" s="14">
        <v>44238</v>
      </c>
      <c r="L549" s="3" t="s">
        <v>935</v>
      </c>
    </row>
    <row r="550" spans="1:12" x14ac:dyDescent="0.3">
      <c r="A550" s="11">
        <v>13878941</v>
      </c>
      <c r="B550" s="11">
        <v>5000642</v>
      </c>
      <c r="C550" s="22" t="str">
        <f t="shared" si="10"/>
        <v>https://support.microsoft.com/kb/5000642</v>
      </c>
      <c r="D550" s="3" t="s">
        <v>951</v>
      </c>
      <c r="E550" s="3" t="s">
        <v>100</v>
      </c>
      <c r="F550" s="3" t="s">
        <v>101</v>
      </c>
      <c r="G550" s="3" t="s">
        <v>116</v>
      </c>
      <c r="H550" s="3">
        <v>2019</v>
      </c>
      <c r="I550" s="3" t="s">
        <v>103</v>
      </c>
      <c r="J550" s="3" t="s">
        <v>59</v>
      </c>
      <c r="K550" s="14">
        <v>44238</v>
      </c>
      <c r="L550" s="3" t="s">
        <v>935</v>
      </c>
    </row>
    <row r="551" spans="1:12" x14ac:dyDescent="0.3">
      <c r="A551" s="11">
        <v>13866862</v>
      </c>
      <c r="B551" s="11">
        <v>5000642</v>
      </c>
      <c r="C551" s="22" t="str">
        <f t="shared" si="10"/>
        <v>https://support.microsoft.com/kb/5000642</v>
      </c>
      <c r="D551" s="3" t="s">
        <v>952</v>
      </c>
      <c r="E551" s="3" t="s">
        <v>100</v>
      </c>
      <c r="F551" s="3" t="s">
        <v>725</v>
      </c>
      <c r="G551" s="3" t="s">
        <v>102</v>
      </c>
      <c r="H551" s="3">
        <v>2019</v>
      </c>
      <c r="I551" s="3" t="s">
        <v>103</v>
      </c>
      <c r="J551" s="3" t="s">
        <v>59</v>
      </c>
      <c r="K551" s="14">
        <v>44238</v>
      </c>
      <c r="L551" s="3" t="s">
        <v>935</v>
      </c>
    </row>
    <row r="552" spans="1:12" x14ac:dyDescent="0.3">
      <c r="A552" s="11">
        <v>13865722</v>
      </c>
      <c r="B552" s="11">
        <v>5000642</v>
      </c>
      <c r="C552" s="22" t="str">
        <f t="shared" si="10"/>
        <v>https://support.microsoft.com/kb/5000642</v>
      </c>
      <c r="D552" s="3" t="s">
        <v>953</v>
      </c>
      <c r="E552" s="3" t="s">
        <v>100</v>
      </c>
      <c r="F552" s="3" t="s">
        <v>116</v>
      </c>
      <c r="G552" s="3" t="s">
        <v>116</v>
      </c>
      <c r="H552" s="3">
        <v>2019</v>
      </c>
      <c r="I552" s="3" t="s">
        <v>103</v>
      </c>
      <c r="J552" s="3" t="s">
        <v>59</v>
      </c>
      <c r="K552" s="14">
        <v>44238</v>
      </c>
      <c r="L552" s="3" t="s">
        <v>935</v>
      </c>
    </row>
    <row r="553" spans="1:12" x14ac:dyDescent="0.3">
      <c r="A553" s="11">
        <v>13828883</v>
      </c>
      <c r="B553" s="11">
        <v>5000642</v>
      </c>
      <c r="C553" s="22" t="str">
        <f t="shared" si="10"/>
        <v>https://support.microsoft.com/kb/5000642</v>
      </c>
      <c r="D553" s="3" t="s">
        <v>954</v>
      </c>
      <c r="E553" s="3" t="s">
        <v>100</v>
      </c>
      <c r="F553" s="3" t="s">
        <v>116</v>
      </c>
      <c r="G553" s="3" t="s">
        <v>116</v>
      </c>
      <c r="H553" s="3">
        <v>2019</v>
      </c>
      <c r="I553" s="3" t="s">
        <v>103</v>
      </c>
      <c r="J553" s="3" t="s">
        <v>59</v>
      </c>
      <c r="K553" s="14">
        <v>44238</v>
      </c>
      <c r="L553" s="3" t="s">
        <v>935</v>
      </c>
    </row>
    <row r="554" spans="1:12" x14ac:dyDescent="0.3">
      <c r="A554" s="11">
        <v>13819319</v>
      </c>
      <c r="B554" s="11">
        <v>5000642</v>
      </c>
      <c r="C554" s="22" t="str">
        <f t="shared" si="10"/>
        <v>https://support.microsoft.com/kb/5000642</v>
      </c>
      <c r="D554" s="3" t="s">
        <v>955</v>
      </c>
      <c r="E554" s="3" t="s">
        <v>100</v>
      </c>
      <c r="F554" s="3" t="s">
        <v>123</v>
      </c>
      <c r="G554" s="3" t="s">
        <v>102</v>
      </c>
      <c r="H554" s="3">
        <v>2019</v>
      </c>
      <c r="I554" s="3" t="s">
        <v>103</v>
      </c>
      <c r="J554" s="3" t="s">
        <v>59</v>
      </c>
      <c r="K554" s="14">
        <v>44238</v>
      </c>
      <c r="L554" s="3" t="s">
        <v>935</v>
      </c>
    </row>
    <row r="555" spans="1:12" x14ac:dyDescent="0.3">
      <c r="A555" s="11">
        <v>13817504</v>
      </c>
      <c r="B555" s="11">
        <v>4538688</v>
      </c>
      <c r="C555" s="22" t="str">
        <f t="shared" si="10"/>
        <v>https://support.microsoft.com/kb/4538688</v>
      </c>
      <c r="D555" s="3" t="s">
        <v>731</v>
      </c>
      <c r="E555" s="3" t="s">
        <v>100</v>
      </c>
      <c r="F555" s="3" t="s">
        <v>145</v>
      </c>
      <c r="G555" s="3" t="s">
        <v>102</v>
      </c>
      <c r="H555" s="3">
        <v>2019</v>
      </c>
      <c r="I555" s="3" t="s">
        <v>103</v>
      </c>
      <c r="J555" s="3" t="s">
        <v>59</v>
      </c>
      <c r="K555" s="14">
        <v>44238</v>
      </c>
      <c r="L555" s="3" t="s">
        <v>935</v>
      </c>
    </row>
    <row r="556" spans="1:12" x14ac:dyDescent="0.3">
      <c r="A556" s="11">
        <v>13813500</v>
      </c>
      <c r="B556" s="11">
        <v>5000642</v>
      </c>
      <c r="C556" s="22" t="str">
        <f t="shared" si="10"/>
        <v>https://support.microsoft.com/kb/5000642</v>
      </c>
      <c r="D556" s="3" t="s">
        <v>956</v>
      </c>
      <c r="E556" s="3" t="s">
        <v>100</v>
      </c>
      <c r="F556" s="3" t="s">
        <v>108</v>
      </c>
      <c r="G556" s="3" t="s">
        <v>102</v>
      </c>
      <c r="H556" s="3">
        <v>2019</v>
      </c>
      <c r="I556" s="3" t="s">
        <v>103</v>
      </c>
      <c r="J556" s="3" t="s">
        <v>59</v>
      </c>
      <c r="K556" s="14">
        <v>44238</v>
      </c>
      <c r="L556" s="3" t="s">
        <v>935</v>
      </c>
    </row>
    <row r="557" spans="1:12" x14ac:dyDescent="0.3">
      <c r="A557" s="11">
        <v>13807755</v>
      </c>
      <c r="B557" s="11">
        <v>5000895</v>
      </c>
      <c r="C557" s="22" t="str">
        <f t="shared" si="10"/>
        <v>https://support.microsoft.com/kb/5000895</v>
      </c>
      <c r="D557" s="3" t="s">
        <v>957</v>
      </c>
      <c r="E557" s="3" t="s">
        <v>100</v>
      </c>
      <c r="F557" s="3" t="s">
        <v>214</v>
      </c>
      <c r="G557" s="3" t="s">
        <v>102</v>
      </c>
      <c r="H557" s="3">
        <v>2019</v>
      </c>
      <c r="I557" s="3" t="s">
        <v>103</v>
      </c>
      <c r="J557" s="3" t="s">
        <v>59</v>
      </c>
      <c r="K557" s="14">
        <v>44238</v>
      </c>
      <c r="L557" s="3" t="s">
        <v>935</v>
      </c>
    </row>
    <row r="558" spans="1:12" x14ac:dyDescent="0.3">
      <c r="A558" s="11">
        <v>13784190</v>
      </c>
      <c r="B558" s="11">
        <v>4585971</v>
      </c>
      <c r="C558" s="22" t="str">
        <f t="shared" si="10"/>
        <v>https://support.microsoft.com/kb/4585971</v>
      </c>
      <c r="D558" s="3" t="s">
        <v>958</v>
      </c>
      <c r="E558" s="3" t="s">
        <v>100</v>
      </c>
      <c r="F558" s="3" t="s">
        <v>165</v>
      </c>
      <c r="G558" s="3" t="s">
        <v>102</v>
      </c>
      <c r="H558" s="3">
        <v>2019</v>
      </c>
      <c r="I558" s="3" t="s">
        <v>103</v>
      </c>
      <c r="J558" s="3" t="s">
        <v>59</v>
      </c>
      <c r="K558" s="14">
        <v>44238</v>
      </c>
      <c r="L558" s="3" t="s">
        <v>935</v>
      </c>
    </row>
    <row r="559" spans="1:12" x14ac:dyDescent="0.3">
      <c r="A559" s="11">
        <v>13777701</v>
      </c>
      <c r="B559" s="11">
        <v>4589345</v>
      </c>
      <c r="C559" s="22" t="str">
        <f t="shared" si="10"/>
        <v>https://support.microsoft.com/kb/4589345</v>
      </c>
      <c r="D559" s="3" t="s">
        <v>959</v>
      </c>
      <c r="E559" s="3" t="s">
        <v>100</v>
      </c>
      <c r="F559" s="3" t="s">
        <v>127</v>
      </c>
      <c r="G559" s="3" t="s">
        <v>102</v>
      </c>
      <c r="H559" s="3">
        <v>2019</v>
      </c>
      <c r="I559" s="3" t="s">
        <v>103</v>
      </c>
      <c r="J559" s="3" t="s">
        <v>59</v>
      </c>
      <c r="K559" s="14">
        <v>44238</v>
      </c>
      <c r="L559" s="3" t="s">
        <v>935</v>
      </c>
    </row>
    <row r="560" spans="1:12" x14ac:dyDescent="0.3">
      <c r="A560" s="11">
        <v>13773237</v>
      </c>
      <c r="B560" s="11">
        <v>5000642</v>
      </c>
      <c r="C560" s="22" t="str">
        <f t="shared" si="10"/>
        <v>https://support.microsoft.com/kb/5000642</v>
      </c>
      <c r="D560" s="3" t="s">
        <v>960</v>
      </c>
      <c r="E560" s="3" t="s">
        <v>100</v>
      </c>
      <c r="F560" s="3" t="s">
        <v>139</v>
      </c>
      <c r="G560" s="3" t="s">
        <v>102</v>
      </c>
      <c r="H560" s="3">
        <v>2019</v>
      </c>
      <c r="I560" s="3" t="s">
        <v>103</v>
      </c>
      <c r="J560" s="3" t="s">
        <v>59</v>
      </c>
      <c r="K560" s="14">
        <v>44238</v>
      </c>
      <c r="L560" s="3" t="s">
        <v>935</v>
      </c>
    </row>
    <row r="561" spans="1:12" x14ac:dyDescent="0.3">
      <c r="A561" s="11">
        <v>13771532</v>
      </c>
      <c r="B561" s="11">
        <v>5000642</v>
      </c>
      <c r="C561" s="22" t="str">
        <f t="shared" si="10"/>
        <v>https://support.microsoft.com/kb/5000642</v>
      </c>
      <c r="D561" s="3" t="s">
        <v>961</v>
      </c>
      <c r="E561" s="3" t="s">
        <v>100</v>
      </c>
      <c r="F561" s="3" t="s">
        <v>110</v>
      </c>
      <c r="G561" s="3" t="s">
        <v>102</v>
      </c>
      <c r="H561" s="3">
        <v>2019</v>
      </c>
      <c r="I561" s="3" t="s">
        <v>103</v>
      </c>
      <c r="J561" s="3" t="s">
        <v>59</v>
      </c>
      <c r="K561" s="14">
        <v>44238</v>
      </c>
      <c r="L561" s="3" t="s">
        <v>935</v>
      </c>
    </row>
    <row r="562" spans="1:12" x14ac:dyDescent="0.3">
      <c r="A562" s="11">
        <v>13771348</v>
      </c>
      <c r="B562" s="11">
        <v>5000642</v>
      </c>
      <c r="C562" s="22" t="str">
        <f t="shared" si="10"/>
        <v>https://support.microsoft.com/kb/5000642</v>
      </c>
      <c r="D562" s="3" t="s">
        <v>962</v>
      </c>
      <c r="E562" s="3" t="s">
        <v>100</v>
      </c>
      <c r="F562" s="3" t="s">
        <v>687</v>
      </c>
      <c r="G562" s="3" t="s">
        <v>116</v>
      </c>
      <c r="H562" s="3">
        <v>2019</v>
      </c>
      <c r="I562" s="3" t="s">
        <v>103</v>
      </c>
      <c r="J562" s="3" t="s">
        <v>59</v>
      </c>
      <c r="K562" s="14">
        <v>44238</v>
      </c>
      <c r="L562" s="3" t="s">
        <v>935</v>
      </c>
    </row>
    <row r="563" spans="1:12" x14ac:dyDescent="0.3">
      <c r="A563" s="11">
        <v>13770160</v>
      </c>
      <c r="B563" s="11">
        <v>4588984</v>
      </c>
      <c r="C563" s="22" t="str">
        <f t="shared" si="10"/>
        <v>https://support.microsoft.com/kb/4588984</v>
      </c>
      <c r="D563" s="3" t="s">
        <v>963</v>
      </c>
      <c r="E563" s="3" t="s">
        <v>100</v>
      </c>
      <c r="F563" s="3" t="s">
        <v>145</v>
      </c>
      <c r="G563" s="3" t="s">
        <v>102</v>
      </c>
      <c r="H563" s="3">
        <v>2019</v>
      </c>
      <c r="I563" s="3" t="s">
        <v>103</v>
      </c>
      <c r="J563" s="3" t="s">
        <v>59</v>
      </c>
      <c r="K563" s="14">
        <v>44238</v>
      </c>
      <c r="L563" s="3" t="s">
        <v>935</v>
      </c>
    </row>
    <row r="564" spans="1:12" x14ac:dyDescent="0.3">
      <c r="A564" s="11">
        <v>13770159</v>
      </c>
      <c r="B564" s="11">
        <v>4588983</v>
      </c>
      <c r="C564" s="22" t="str">
        <f t="shared" si="10"/>
        <v>https://support.microsoft.com/kb/4588983</v>
      </c>
      <c r="D564" s="3" t="s">
        <v>964</v>
      </c>
      <c r="E564" s="3" t="s">
        <v>100</v>
      </c>
      <c r="F564" s="3" t="s">
        <v>579</v>
      </c>
      <c r="G564" s="3" t="s">
        <v>105</v>
      </c>
      <c r="H564" s="3">
        <v>2019</v>
      </c>
      <c r="I564" s="3" t="s">
        <v>103</v>
      </c>
      <c r="J564" s="3" t="s">
        <v>59</v>
      </c>
      <c r="K564" s="14">
        <v>44238</v>
      </c>
      <c r="L564" s="3" t="s">
        <v>935</v>
      </c>
    </row>
    <row r="565" spans="1:12" x14ac:dyDescent="0.3">
      <c r="A565" s="11">
        <v>13770158</v>
      </c>
      <c r="B565" s="11">
        <v>4588982</v>
      </c>
      <c r="C565" s="22" t="str">
        <f t="shared" si="10"/>
        <v>https://support.microsoft.com/kb/4588982</v>
      </c>
      <c r="D565" s="3" t="s">
        <v>965</v>
      </c>
      <c r="E565" s="3" t="s">
        <v>100</v>
      </c>
      <c r="F565" s="3" t="s">
        <v>110</v>
      </c>
      <c r="G565" s="3" t="s">
        <v>102</v>
      </c>
      <c r="H565" s="3">
        <v>2019</v>
      </c>
      <c r="I565" s="3" t="s">
        <v>103</v>
      </c>
      <c r="J565" s="3" t="s">
        <v>59</v>
      </c>
      <c r="K565" s="14">
        <v>44238</v>
      </c>
      <c r="L565" s="3" t="s">
        <v>935</v>
      </c>
    </row>
    <row r="566" spans="1:12" x14ac:dyDescent="0.3">
      <c r="A566" s="11">
        <v>13770157</v>
      </c>
      <c r="B566" s="11">
        <v>4588981</v>
      </c>
      <c r="C566" s="22" t="str">
        <f t="shared" si="10"/>
        <v>https://support.microsoft.com/kb/4588981</v>
      </c>
      <c r="D566" s="3" t="s">
        <v>966</v>
      </c>
      <c r="E566" s="3" t="s">
        <v>100</v>
      </c>
      <c r="F566" s="3" t="s">
        <v>101</v>
      </c>
      <c r="G566" s="3" t="s">
        <v>102</v>
      </c>
      <c r="H566" s="3">
        <v>2019</v>
      </c>
      <c r="I566" s="3" t="s">
        <v>103</v>
      </c>
      <c r="J566" s="3" t="s">
        <v>59</v>
      </c>
      <c r="K566" s="14">
        <v>44238</v>
      </c>
      <c r="L566" s="3" t="s">
        <v>935</v>
      </c>
    </row>
    <row r="567" spans="1:12" x14ac:dyDescent="0.3">
      <c r="A567" s="11">
        <v>13770156</v>
      </c>
      <c r="B567" s="11">
        <v>4588980</v>
      </c>
      <c r="C567" s="22" t="str">
        <f t="shared" si="10"/>
        <v>https://support.microsoft.com/kb/4588980</v>
      </c>
      <c r="D567" s="3" t="s">
        <v>967</v>
      </c>
      <c r="E567" s="3" t="s">
        <v>100</v>
      </c>
      <c r="F567" s="3" t="s">
        <v>214</v>
      </c>
      <c r="G567" s="3" t="s">
        <v>105</v>
      </c>
      <c r="H567" s="3">
        <v>2019</v>
      </c>
      <c r="I567" s="3" t="s">
        <v>103</v>
      </c>
      <c r="J567" s="3" t="s">
        <v>59</v>
      </c>
      <c r="K567" s="14">
        <v>44238</v>
      </c>
      <c r="L567" s="3" t="s">
        <v>935</v>
      </c>
    </row>
    <row r="568" spans="1:12" x14ac:dyDescent="0.3">
      <c r="A568" s="11">
        <v>13770154</v>
      </c>
      <c r="B568" s="11">
        <v>4588979</v>
      </c>
      <c r="C568" s="22" t="str">
        <f t="shared" si="10"/>
        <v>https://support.microsoft.com/kb/4588979</v>
      </c>
      <c r="D568" s="3" t="s">
        <v>968</v>
      </c>
      <c r="E568" s="3" t="s">
        <v>100</v>
      </c>
      <c r="F568" s="3" t="s">
        <v>101</v>
      </c>
      <c r="G568" s="3" t="s">
        <v>116</v>
      </c>
      <c r="H568" s="3">
        <v>2019</v>
      </c>
      <c r="I568" s="3" t="s">
        <v>103</v>
      </c>
      <c r="J568" s="3" t="s">
        <v>59</v>
      </c>
      <c r="K568" s="14">
        <v>44238</v>
      </c>
      <c r="L568" s="3" t="s">
        <v>935</v>
      </c>
    </row>
    <row r="569" spans="1:12" x14ac:dyDescent="0.3">
      <c r="A569" s="11">
        <v>13770152</v>
      </c>
      <c r="B569" s="11">
        <v>4588978</v>
      </c>
      <c r="C569" s="22" t="str">
        <f t="shared" si="10"/>
        <v>https://support.microsoft.com/kb/4588978</v>
      </c>
      <c r="D569" s="3" t="s">
        <v>969</v>
      </c>
      <c r="E569" s="3" t="s">
        <v>100</v>
      </c>
      <c r="F569" s="3" t="s">
        <v>579</v>
      </c>
      <c r="G569" s="3" t="s">
        <v>102</v>
      </c>
      <c r="H569" s="3">
        <v>2019</v>
      </c>
      <c r="I569" s="3" t="s">
        <v>103</v>
      </c>
      <c r="J569" s="3" t="s">
        <v>59</v>
      </c>
      <c r="K569" s="14">
        <v>44238</v>
      </c>
      <c r="L569" s="3" t="s">
        <v>935</v>
      </c>
    </row>
    <row r="570" spans="1:12" x14ac:dyDescent="0.3">
      <c r="A570" s="11">
        <v>13770149</v>
      </c>
      <c r="B570" s="11">
        <v>4588977</v>
      </c>
      <c r="C570" s="22" t="str">
        <f t="shared" si="10"/>
        <v>https://support.microsoft.com/kb/4588977</v>
      </c>
      <c r="D570" s="3" t="s">
        <v>970</v>
      </c>
      <c r="E570" s="3" t="s">
        <v>697</v>
      </c>
      <c r="F570" s="3" t="s">
        <v>777</v>
      </c>
      <c r="G570" s="3" t="s">
        <v>116</v>
      </c>
      <c r="H570" s="3">
        <v>2019</v>
      </c>
      <c r="I570" s="3" t="s">
        <v>103</v>
      </c>
      <c r="J570" s="3" t="s">
        <v>59</v>
      </c>
      <c r="K570" s="14">
        <v>44238</v>
      </c>
      <c r="L570" s="3" t="s">
        <v>935</v>
      </c>
    </row>
    <row r="571" spans="1:12" x14ac:dyDescent="0.3">
      <c r="A571" s="11">
        <v>13770147</v>
      </c>
      <c r="B571" s="11">
        <v>4589171</v>
      </c>
      <c r="C571" s="22" t="str">
        <f t="shared" si="10"/>
        <v>https://support.microsoft.com/kb/4589171</v>
      </c>
      <c r="D571" s="3" t="s">
        <v>971</v>
      </c>
      <c r="E571" s="3" t="s">
        <v>180</v>
      </c>
      <c r="F571" s="3" t="s">
        <v>180</v>
      </c>
      <c r="G571" s="3" t="s">
        <v>102</v>
      </c>
      <c r="H571" s="3">
        <v>2019</v>
      </c>
      <c r="I571" s="3" t="s">
        <v>103</v>
      </c>
      <c r="J571" s="3" t="s">
        <v>59</v>
      </c>
      <c r="K571" s="14">
        <v>44238</v>
      </c>
      <c r="L571" s="3" t="s">
        <v>935</v>
      </c>
    </row>
    <row r="572" spans="1:12" x14ac:dyDescent="0.3">
      <c r="A572" s="11">
        <v>13770140</v>
      </c>
      <c r="B572" s="11">
        <v>4589170</v>
      </c>
      <c r="C572" s="22" t="str">
        <f t="shared" si="10"/>
        <v>https://support.microsoft.com/kb/4589170</v>
      </c>
      <c r="D572" s="3" t="s">
        <v>972</v>
      </c>
      <c r="E572" s="3" t="s">
        <v>180</v>
      </c>
      <c r="F572" s="3" t="s">
        <v>180</v>
      </c>
      <c r="G572" s="3" t="s">
        <v>102</v>
      </c>
      <c r="H572" s="3">
        <v>2019</v>
      </c>
      <c r="I572" s="3" t="s">
        <v>103</v>
      </c>
      <c r="J572" s="3" t="s">
        <v>59</v>
      </c>
      <c r="K572" s="14">
        <v>44238</v>
      </c>
      <c r="L572" s="3" t="s">
        <v>935</v>
      </c>
    </row>
    <row r="573" spans="1:12" x14ac:dyDescent="0.3">
      <c r="A573" s="11">
        <v>13770057</v>
      </c>
      <c r="B573" s="11">
        <v>5000642</v>
      </c>
      <c r="C573" s="22" t="str">
        <f t="shared" si="10"/>
        <v>https://support.microsoft.com/kb/5000642</v>
      </c>
      <c r="D573" s="3" t="s">
        <v>973</v>
      </c>
      <c r="E573" s="3" t="s">
        <v>100</v>
      </c>
      <c r="F573" s="3" t="s">
        <v>139</v>
      </c>
      <c r="G573" s="3" t="s">
        <v>105</v>
      </c>
      <c r="H573" s="3">
        <v>2019</v>
      </c>
      <c r="I573" s="3" t="s">
        <v>103</v>
      </c>
      <c r="J573" s="3" t="s">
        <v>59</v>
      </c>
      <c r="K573" s="14">
        <v>44238</v>
      </c>
      <c r="L573" s="3" t="s">
        <v>935</v>
      </c>
    </row>
    <row r="574" spans="1:12" x14ac:dyDescent="0.3">
      <c r="A574" s="11">
        <v>13769810</v>
      </c>
      <c r="B574" s="11">
        <v>5000642</v>
      </c>
      <c r="C574" s="22" t="str">
        <f t="shared" si="10"/>
        <v>https://support.microsoft.com/kb/5000642</v>
      </c>
      <c r="D574" s="3" t="s">
        <v>974</v>
      </c>
      <c r="E574" s="3" t="s">
        <v>100</v>
      </c>
      <c r="F574" s="3" t="s">
        <v>148</v>
      </c>
      <c r="G574" s="3" t="s">
        <v>102</v>
      </c>
      <c r="H574" s="3">
        <v>2019</v>
      </c>
      <c r="I574" s="3" t="s">
        <v>103</v>
      </c>
      <c r="J574" s="3" t="s">
        <v>59</v>
      </c>
      <c r="K574" s="14">
        <v>44238</v>
      </c>
      <c r="L574" s="3" t="s">
        <v>935</v>
      </c>
    </row>
    <row r="575" spans="1:12" x14ac:dyDescent="0.3">
      <c r="A575" s="11">
        <v>13768244</v>
      </c>
      <c r="B575" s="11">
        <v>5000642</v>
      </c>
      <c r="C575" s="22" t="str">
        <f t="shared" si="10"/>
        <v>https://support.microsoft.com/kb/5000642</v>
      </c>
      <c r="D575" s="3" t="s">
        <v>975</v>
      </c>
      <c r="E575" s="3" t="s">
        <v>100</v>
      </c>
      <c r="F575" s="3" t="s">
        <v>123</v>
      </c>
      <c r="G575" s="3" t="s">
        <v>102</v>
      </c>
      <c r="H575" s="3">
        <v>2019</v>
      </c>
      <c r="I575" s="3" t="s">
        <v>103</v>
      </c>
      <c r="J575" s="3" t="s">
        <v>59</v>
      </c>
      <c r="K575" s="14">
        <v>44238</v>
      </c>
      <c r="L575" s="3" t="s">
        <v>935</v>
      </c>
    </row>
    <row r="576" spans="1:12" x14ac:dyDescent="0.3">
      <c r="A576" s="11">
        <v>13760269</v>
      </c>
      <c r="B576" s="11">
        <v>5000642</v>
      </c>
      <c r="C576" s="22" t="str">
        <f t="shared" si="10"/>
        <v>https://support.microsoft.com/kb/5000642</v>
      </c>
      <c r="D576" s="3" t="s">
        <v>976</v>
      </c>
      <c r="E576" s="3" t="s">
        <v>100</v>
      </c>
      <c r="F576" s="3" t="s">
        <v>101</v>
      </c>
      <c r="G576" s="3" t="s">
        <v>102</v>
      </c>
      <c r="H576" s="3">
        <v>2019</v>
      </c>
      <c r="I576" s="3" t="s">
        <v>103</v>
      </c>
      <c r="J576" s="3" t="s">
        <v>59</v>
      </c>
      <c r="K576" s="14">
        <v>44238</v>
      </c>
      <c r="L576" s="3" t="s">
        <v>935</v>
      </c>
    </row>
    <row r="577" spans="1:12" x14ac:dyDescent="0.3">
      <c r="A577" s="11">
        <v>13759515</v>
      </c>
      <c r="B577" s="11">
        <v>5000642</v>
      </c>
      <c r="C577" s="22" t="str">
        <f t="shared" si="10"/>
        <v>https://support.microsoft.com/kb/5000642</v>
      </c>
      <c r="D577" s="3" t="s">
        <v>977</v>
      </c>
      <c r="E577" s="3" t="s">
        <v>100</v>
      </c>
      <c r="F577" s="3" t="s">
        <v>120</v>
      </c>
      <c r="G577" s="3" t="s">
        <v>102</v>
      </c>
      <c r="H577" s="3">
        <v>2019</v>
      </c>
      <c r="I577" s="3" t="s">
        <v>103</v>
      </c>
      <c r="J577" s="3" t="s">
        <v>59</v>
      </c>
      <c r="K577" s="14">
        <v>44238</v>
      </c>
      <c r="L577" s="3" t="s">
        <v>935</v>
      </c>
    </row>
    <row r="578" spans="1:12" x14ac:dyDescent="0.3">
      <c r="A578" s="11">
        <v>13757446</v>
      </c>
      <c r="B578" s="11">
        <v>5000642</v>
      </c>
      <c r="C578" s="22" t="str">
        <f t="shared" si="10"/>
        <v>https://support.microsoft.com/kb/5000642</v>
      </c>
      <c r="D578" s="3" t="s">
        <v>978</v>
      </c>
      <c r="E578" s="3" t="s">
        <v>697</v>
      </c>
      <c r="F578" s="3" t="s">
        <v>211</v>
      </c>
      <c r="G578" s="3" t="s">
        <v>102</v>
      </c>
      <c r="H578" s="3">
        <v>2019</v>
      </c>
      <c r="I578" s="3" t="s">
        <v>103</v>
      </c>
      <c r="J578" s="3" t="s">
        <v>59</v>
      </c>
      <c r="K578" s="14">
        <v>44238</v>
      </c>
      <c r="L578" s="3" t="s">
        <v>935</v>
      </c>
    </row>
    <row r="579" spans="1:12" x14ac:dyDescent="0.3">
      <c r="A579" s="11">
        <v>13756064</v>
      </c>
      <c r="B579" s="11">
        <v>5000669</v>
      </c>
      <c r="C579" s="22" t="str">
        <f t="shared" si="10"/>
        <v>https://support.microsoft.com/kb/5000669</v>
      </c>
      <c r="D579" s="3" t="s">
        <v>979</v>
      </c>
      <c r="E579" s="3" t="s">
        <v>100</v>
      </c>
      <c r="F579" s="3" t="s">
        <v>579</v>
      </c>
      <c r="G579" s="3" t="s">
        <v>116</v>
      </c>
      <c r="H579" s="3">
        <v>2019</v>
      </c>
      <c r="I579" s="3" t="s">
        <v>103</v>
      </c>
      <c r="J579" s="3" t="s">
        <v>59</v>
      </c>
      <c r="K579" s="14">
        <v>44238</v>
      </c>
      <c r="L579" s="3" t="s">
        <v>935</v>
      </c>
    </row>
    <row r="580" spans="1:12" x14ac:dyDescent="0.3">
      <c r="A580" s="11">
        <v>13752426</v>
      </c>
      <c r="B580" s="11">
        <v>5000642</v>
      </c>
      <c r="C580" s="22" t="str">
        <f t="shared" si="10"/>
        <v>https://support.microsoft.com/kb/5000642</v>
      </c>
      <c r="D580" s="3" t="s">
        <v>980</v>
      </c>
      <c r="E580" s="3" t="s">
        <v>100</v>
      </c>
      <c r="F580" s="3" t="s">
        <v>579</v>
      </c>
      <c r="G580" s="3" t="s">
        <v>105</v>
      </c>
      <c r="H580" s="3">
        <v>2019</v>
      </c>
      <c r="I580" s="3" t="s">
        <v>103</v>
      </c>
      <c r="J580" s="3" t="s">
        <v>59</v>
      </c>
      <c r="K580" s="14">
        <v>44238</v>
      </c>
      <c r="L580" s="3" t="s">
        <v>935</v>
      </c>
    </row>
    <row r="581" spans="1:12" x14ac:dyDescent="0.3">
      <c r="A581" s="11">
        <v>13752425</v>
      </c>
      <c r="B581" s="11">
        <v>5000642</v>
      </c>
      <c r="C581" s="22" t="str">
        <f t="shared" si="10"/>
        <v>https://support.microsoft.com/kb/5000642</v>
      </c>
      <c r="D581" s="3" t="s">
        <v>981</v>
      </c>
      <c r="E581" s="3" t="s">
        <v>100</v>
      </c>
      <c r="F581" s="3" t="s">
        <v>579</v>
      </c>
      <c r="G581" s="3" t="s">
        <v>105</v>
      </c>
      <c r="H581" s="3">
        <v>2019</v>
      </c>
      <c r="I581" s="3" t="s">
        <v>103</v>
      </c>
      <c r="J581" s="3" t="s">
        <v>59</v>
      </c>
      <c r="K581" s="14">
        <v>44238</v>
      </c>
      <c r="L581" s="3" t="s">
        <v>935</v>
      </c>
    </row>
    <row r="582" spans="1:12" x14ac:dyDescent="0.3">
      <c r="A582" s="11">
        <v>13752408</v>
      </c>
      <c r="B582" s="11">
        <v>5000642</v>
      </c>
      <c r="C582" s="22" t="str">
        <f t="shared" si="10"/>
        <v>https://support.microsoft.com/kb/5000642</v>
      </c>
      <c r="D582" s="3" t="s">
        <v>982</v>
      </c>
      <c r="E582" s="3" t="s">
        <v>100</v>
      </c>
      <c r="F582" s="3" t="s">
        <v>579</v>
      </c>
      <c r="G582" s="3" t="s">
        <v>105</v>
      </c>
      <c r="H582" s="3">
        <v>2019</v>
      </c>
      <c r="I582" s="3" t="s">
        <v>103</v>
      </c>
      <c r="J582" s="3" t="s">
        <v>59</v>
      </c>
      <c r="K582" s="14">
        <v>44238</v>
      </c>
      <c r="L582" s="3" t="s">
        <v>935</v>
      </c>
    </row>
    <row r="583" spans="1:12" x14ac:dyDescent="0.3">
      <c r="A583" s="11">
        <v>13749461</v>
      </c>
      <c r="B583" s="11">
        <v>5000642</v>
      </c>
      <c r="C583" s="22" t="str">
        <f t="shared" si="10"/>
        <v>https://support.microsoft.com/kb/5000642</v>
      </c>
      <c r="D583" s="3" t="s">
        <v>983</v>
      </c>
      <c r="E583" s="3" t="s">
        <v>100</v>
      </c>
      <c r="F583" s="3" t="s">
        <v>269</v>
      </c>
      <c r="G583" s="3" t="s">
        <v>105</v>
      </c>
      <c r="H583" s="3">
        <v>2019</v>
      </c>
      <c r="I583" s="3" t="s">
        <v>103</v>
      </c>
      <c r="J583" s="3" t="s">
        <v>59</v>
      </c>
      <c r="K583" s="14">
        <v>44238</v>
      </c>
      <c r="L583" s="3" t="s">
        <v>935</v>
      </c>
    </row>
    <row r="584" spans="1:12" x14ac:dyDescent="0.3">
      <c r="A584" s="11">
        <v>13746944</v>
      </c>
      <c r="B584" s="11">
        <v>5000642</v>
      </c>
      <c r="C584" s="22" t="str">
        <f t="shared" si="10"/>
        <v>https://support.microsoft.com/kb/5000642</v>
      </c>
      <c r="D584" s="3" t="s">
        <v>984</v>
      </c>
      <c r="E584" s="3" t="s">
        <v>100</v>
      </c>
      <c r="F584" s="3" t="s">
        <v>269</v>
      </c>
      <c r="G584" s="3" t="s">
        <v>102</v>
      </c>
      <c r="H584" s="3">
        <v>2019</v>
      </c>
      <c r="I584" s="3" t="s">
        <v>103</v>
      </c>
      <c r="J584" s="3" t="s">
        <v>59</v>
      </c>
      <c r="K584" s="14">
        <v>44238</v>
      </c>
      <c r="L584" s="3" t="s">
        <v>935</v>
      </c>
    </row>
    <row r="585" spans="1:12" x14ac:dyDescent="0.3">
      <c r="A585" s="11">
        <v>13746942</v>
      </c>
      <c r="B585" s="11">
        <v>5000642</v>
      </c>
      <c r="C585" s="22" t="str">
        <f t="shared" si="10"/>
        <v>https://support.microsoft.com/kb/5000642</v>
      </c>
      <c r="D585" s="3" t="s">
        <v>985</v>
      </c>
      <c r="E585" s="3" t="s">
        <v>100</v>
      </c>
      <c r="F585" s="3" t="s">
        <v>165</v>
      </c>
      <c r="G585" s="3" t="s">
        <v>102</v>
      </c>
      <c r="H585" s="3">
        <v>2019</v>
      </c>
      <c r="I585" s="3" t="s">
        <v>103</v>
      </c>
      <c r="J585" s="3" t="s">
        <v>59</v>
      </c>
      <c r="K585" s="14">
        <v>44238</v>
      </c>
      <c r="L585" s="3" t="s">
        <v>935</v>
      </c>
    </row>
    <row r="586" spans="1:12" x14ac:dyDescent="0.3">
      <c r="A586" s="11">
        <v>13746938</v>
      </c>
      <c r="B586" s="11">
        <v>5000642</v>
      </c>
      <c r="C586" s="22" t="str">
        <f t="shared" si="10"/>
        <v>https://support.microsoft.com/kb/5000642</v>
      </c>
      <c r="D586" s="3" t="s">
        <v>986</v>
      </c>
      <c r="E586" s="3" t="s">
        <v>100</v>
      </c>
      <c r="F586" s="3" t="s">
        <v>163</v>
      </c>
      <c r="G586" s="3" t="s">
        <v>102</v>
      </c>
      <c r="H586" s="3">
        <v>2019</v>
      </c>
      <c r="I586" s="3" t="s">
        <v>103</v>
      </c>
      <c r="J586" s="3" t="s">
        <v>59</v>
      </c>
      <c r="K586" s="14">
        <v>44238</v>
      </c>
      <c r="L586" s="3" t="s">
        <v>935</v>
      </c>
    </row>
    <row r="587" spans="1:12" x14ac:dyDescent="0.3">
      <c r="A587" s="11">
        <v>13746927</v>
      </c>
      <c r="B587" s="11">
        <v>5000642</v>
      </c>
      <c r="C587" s="22" t="str">
        <f t="shared" si="10"/>
        <v>https://support.microsoft.com/kb/5000642</v>
      </c>
      <c r="D587" s="3" t="s">
        <v>987</v>
      </c>
      <c r="E587" s="3" t="s">
        <v>100</v>
      </c>
      <c r="F587" s="3" t="s">
        <v>123</v>
      </c>
      <c r="G587" s="3" t="s">
        <v>102</v>
      </c>
      <c r="H587" s="3">
        <v>2019</v>
      </c>
      <c r="I587" s="3" t="s">
        <v>103</v>
      </c>
      <c r="J587" s="3" t="s">
        <v>59</v>
      </c>
      <c r="K587" s="14">
        <v>44238</v>
      </c>
      <c r="L587" s="3" t="s">
        <v>935</v>
      </c>
    </row>
    <row r="588" spans="1:12" x14ac:dyDescent="0.3">
      <c r="A588" s="11">
        <v>13746925</v>
      </c>
      <c r="B588" s="11">
        <v>5000642</v>
      </c>
      <c r="C588" s="22" t="str">
        <f t="shared" si="10"/>
        <v>https://support.microsoft.com/kb/5000642</v>
      </c>
      <c r="D588" s="3" t="s">
        <v>988</v>
      </c>
      <c r="E588" s="3" t="s">
        <v>100</v>
      </c>
      <c r="F588" s="3" t="s">
        <v>123</v>
      </c>
      <c r="G588" s="3" t="s">
        <v>102</v>
      </c>
      <c r="H588" s="3">
        <v>2019</v>
      </c>
      <c r="I588" s="3" t="s">
        <v>103</v>
      </c>
      <c r="J588" s="3" t="s">
        <v>59</v>
      </c>
      <c r="K588" s="14">
        <v>44238</v>
      </c>
      <c r="L588" s="3" t="s">
        <v>935</v>
      </c>
    </row>
    <row r="589" spans="1:12" x14ac:dyDescent="0.3">
      <c r="A589" s="11">
        <v>13746921</v>
      </c>
      <c r="B589" s="11">
        <v>4577775</v>
      </c>
      <c r="C589" s="22" t="str">
        <f t="shared" si="10"/>
        <v>https://support.microsoft.com/kb/4577775</v>
      </c>
      <c r="D589" s="3" t="s">
        <v>989</v>
      </c>
      <c r="E589" s="3" t="s">
        <v>100</v>
      </c>
      <c r="F589" s="3" t="s">
        <v>101</v>
      </c>
      <c r="G589" s="3" t="s">
        <v>102</v>
      </c>
      <c r="H589" s="3">
        <v>2019</v>
      </c>
      <c r="I589" s="3" t="s">
        <v>103</v>
      </c>
      <c r="J589" s="3" t="s">
        <v>59</v>
      </c>
      <c r="K589" s="14">
        <v>44238</v>
      </c>
      <c r="L589" s="3" t="s">
        <v>935</v>
      </c>
    </row>
    <row r="590" spans="1:12" x14ac:dyDescent="0.3">
      <c r="A590" s="11">
        <v>13746919</v>
      </c>
      <c r="B590" s="11">
        <v>5000642</v>
      </c>
      <c r="C590" s="22" t="str">
        <f t="shared" si="10"/>
        <v>https://support.microsoft.com/kb/5000642</v>
      </c>
      <c r="D590" s="3" t="s">
        <v>990</v>
      </c>
      <c r="E590" s="3" t="s">
        <v>100</v>
      </c>
      <c r="F590" s="3" t="s">
        <v>153</v>
      </c>
      <c r="G590" s="3" t="s">
        <v>102</v>
      </c>
      <c r="H590" s="3">
        <v>2019</v>
      </c>
      <c r="I590" s="3" t="s">
        <v>103</v>
      </c>
      <c r="J590" s="3" t="s">
        <v>59</v>
      </c>
      <c r="K590" s="14">
        <v>44238</v>
      </c>
      <c r="L590" s="3" t="s">
        <v>935</v>
      </c>
    </row>
    <row r="591" spans="1:12" x14ac:dyDescent="0.3">
      <c r="A591" s="11">
        <v>13745362</v>
      </c>
      <c r="B591" s="11">
        <v>4547890</v>
      </c>
      <c r="C591" s="22" t="str">
        <f t="shared" si="10"/>
        <v>https://support.microsoft.com/kb/4547890</v>
      </c>
      <c r="D591" s="3" t="s">
        <v>991</v>
      </c>
      <c r="E591" s="3" t="s">
        <v>380</v>
      </c>
      <c r="F591" s="3" t="s">
        <v>992</v>
      </c>
      <c r="G591" s="3" t="s">
        <v>102</v>
      </c>
      <c r="H591" s="3">
        <v>2019</v>
      </c>
      <c r="I591" s="3" t="s">
        <v>103</v>
      </c>
      <c r="J591" s="3" t="s">
        <v>59</v>
      </c>
      <c r="K591" s="14">
        <v>44238</v>
      </c>
      <c r="L591" s="3" t="s">
        <v>935</v>
      </c>
    </row>
    <row r="592" spans="1:12" x14ac:dyDescent="0.3">
      <c r="A592" s="11">
        <v>13745358</v>
      </c>
      <c r="B592" s="11">
        <v>4575940</v>
      </c>
      <c r="C592" s="22" t="str">
        <f t="shared" si="10"/>
        <v>https://support.microsoft.com/kb/4575940</v>
      </c>
      <c r="D592" s="3" t="s">
        <v>993</v>
      </c>
      <c r="E592" s="3" t="s">
        <v>100</v>
      </c>
      <c r="F592" s="3" t="s">
        <v>120</v>
      </c>
      <c r="G592" s="3" t="s">
        <v>102</v>
      </c>
      <c r="H592" s="3">
        <v>2019</v>
      </c>
      <c r="I592" s="3" t="s">
        <v>103</v>
      </c>
      <c r="J592" s="3" t="s">
        <v>59</v>
      </c>
      <c r="K592" s="14">
        <v>44238</v>
      </c>
      <c r="L592" s="3" t="s">
        <v>935</v>
      </c>
    </row>
    <row r="593" spans="1:12" x14ac:dyDescent="0.3">
      <c r="A593" s="11">
        <v>13745356</v>
      </c>
      <c r="B593" s="11">
        <v>4569837</v>
      </c>
      <c r="C593" s="22" t="str">
        <f t="shared" si="10"/>
        <v>https://support.microsoft.com/kb/4569837</v>
      </c>
      <c r="D593" s="3" t="s">
        <v>994</v>
      </c>
      <c r="E593" s="3" t="s">
        <v>380</v>
      </c>
      <c r="F593" s="3" t="s">
        <v>945</v>
      </c>
      <c r="G593" s="3" t="s">
        <v>102</v>
      </c>
      <c r="H593" s="3">
        <v>2019</v>
      </c>
      <c r="I593" s="3" t="s">
        <v>103</v>
      </c>
      <c r="J593" s="3" t="s">
        <v>59</v>
      </c>
      <c r="K593" s="14">
        <v>44238</v>
      </c>
      <c r="L593" s="3" t="s">
        <v>935</v>
      </c>
    </row>
    <row r="594" spans="1:12" x14ac:dyDescent="0.3">
      <c r="A594" s="11">
        <v>13745344</v>
      </c>
      <c r="B594" s="11">
        <v>5000642</v>
      </c>
      <c r="C594" s="22" t="str">
        <f t="shared" si="10"/>
        <v>https://support.microsoft.com/kb/5000642</v>
      </c>
      <c r="D594" s="3" t="s">
        <v>995</v>
      </c>
      <c r="E594" s="3" t="s">
        <v>380</v>
      </c>
      <c r="F594" s="3" t="s">
        <v>996</v>
      </c>
      <c r="G594" s="3" t="s">
        <v>102</v>
      </c>
      <c r="H594" s="3">
        <v>2019</v>
      </c>
      <c r="I594" s="3" t="s">
        <v>103</v>
      </c>
      <c r="J594" s="3" t="s">
        <v>59</v>
      </c>
      <c r="K594" s="14">
        <v>44238</v>
      </c>
      <c r="L594" s="3" t="s">
        <v>935</v>
      </c>
    </row>
    <row r="595" spans="1:12" x14ac:dyDescent="0.3">
      <c r="A595" s="11">
        <v>13745342</v>
      </c>
      <c r="B595" s="11">
        <v>5000642</v>
      </c>
      <c r="C595" s="22" t="str">
        <f t="shared" si="10"/>
        <v>https://support.microsoft.com/kb/5000642</v>
      </c>
      <c r="D595" s="3" t="s">
        <v>997</v>
      </c>
      <c r="E595" s="3" t="s">
        <v>100</v>
      </c>
      <c r="F595" s="3" t="s">
        <v>113</v>
      </c>
      <c r="G595" s="3" t="s">
        <v>102</v>
      </c>
      <c r="H595" s="3">
        <v>2019</v>
      </c>
      <c r="I595" s="3" t="s">
        <v>103</v>
      </c>
      <c r="J595" s="3" t="s">
        <v>59</v>
      </c>
      <c r="K595" s="14">
        <v>44238</v>
      </c>
      <c r="L595" s="3" t="s">
        <v>935</v>
      </c>
    </row>
    <row r="596" spans="1:12" x14ac:dyDescent="0.3">
      <c r="A596" s="11">
        <v>13745336</v>
      </c>
      <c r="B596" s="11">
        <v>4575939</v>
      </c>
      <c r="C596" s="22" t="str">
        <f t="shared" si="10"/>
        <v>https://support.microsoft.com/kb/4575939</v>
      </c>
      <c r="D596" s="3" t="s">
        <v>998</v>
      </c>
      <c r="E596" s="3" t="s">
        <v>100</v>
      </c>
      <c r="F596" s="3" t="s">
        <v>120</v>
      </c>
      <c r="G596" s="3" t="s">
        <v>102</v>
      </c>
      <c r="H596" s="3">
        <v>2019</v>
      </c>
      <c r="I596" s="3" t="s">
        <v>103</v>
      </c>
      <c r="J596" s="3" t="s">
        <v>59</v>
      </c>
      <c r="K596" s="14">
        <v>44238</v>
      </c>
      <c r="L596" s="3" t="s">
        <v>935</v>
      </c>
    </row>
    <row r="597" spans="1:12" x14ac:dyDescent="0.3">
      <c r="A597" s="11">
        <v>13745332</v>
      </c>
      <c r="B597" s="11">
        <v>4568447</v>
      </c>
      <c r="C597" s="22" t="str">
        <f t="shared" si="10"/>
        <v>https://support.microsoft.com/kb/4568447</v>
      </c>
      <c r="D597" s="3" t="s">
        <v>999</v>
      </c>
      <c r="E597" s="3" t="s">
        <v>100</v>
      </c>
      <c r="F597" s="3" t="s">
        <v>101</v>
      </c>
      <c r="G597" s="3" t="s">
        <v>102</v>
      </c>
      <c r="H597" s="3">
        <v>2019</v>
      </c>
      <c r="I597" s="3" t="s">
        <v>103</v>
      </c>
      <c r="J597" s="3" t="s">
        <v>59</v>
      </c>
      <c r="K597" s="14">
        <v>44238</v>
      </c>
      <c r="L597" s="3" t="s">
        <v>935</v>
      </c>
    </row>
    <row r="598" spans="1:12" x14ac:dyDescent="0.3">
      <c r="A598" s="11">
        <v>13744390</v>
      </c>
      <c r="B598" s="11">
        <v>5000642</v>
      </c>
      <c r="C598" s="22" t="str">
        <f t="shared" si="10"/>
        <v>https://support.microsoft.com/kb/5000642</v>
      </c>
      <c r="D598" s="3" t="s">
        <v>1000</v>
      </c>
      <c r="E598" s="3" t="s">
        <v>100</v>
      </c>
      <c r="F598" s="3" t="s">
        <v>145</v>
      </c>
      <c r="G598" s="3" t="s">
        <v>105</v>
      </c>
      <c r="H598" s="3">
        <v>2019</v>
      </c>
      <c r="I598" s="3" t="s">
        <v>103</v>
      </c>
      <c r="J598" s="3" t="s">
        <v>59</v>
      </c>
      <c r="K598" s="14">
        <v>44238</v>
      </c>
      <c r="L598" s="3" t="s">
        <v>935</v>
      </c>
    </row>
    <row r="599" spans="1:12" x14ac:dyDescent="0.3">
      <c r="A599" s="11">
        <v>13738992</v>
      </c>
      <c r="B599" s="11">
        <v>5000642</v>
      </c>
      <c r="C599" s="22" t="str">
        <f t="shared" si="10"/>
        <v>https://support.microsoft.com/kb/5000642</v>
      </c>
      <c r="D599" s="3" t="s">
        <v>1001</v>
      </c>
      <c r="E599" s="3" t="s">
        <v>100</v>
      </c>
      <c r="F599" s="3" t="s">
        <v>579</v>
      </c>
      <c r="G599" s="3" t="s">
        <v>105</v>
      </c>
      <c r="H599" s="3">
        <v>2019</v>
      </c>
      <c r="I599" s="3" t="s">
        <v>103</v>
      </c>
      <c r="J599" s="3" t="s">
        <v>59</v>
      </c>
      <c r="K599" s="14">
        <v>44238</v>
      </c>
      <c r="L599" s="3" t="s">
        <v>935</v>
      </c>
    </row>
    <row r="600" spans="1:12" x14ac:dyDescent="0.3">
      <c r="A600" s="11">
        <v>13737331</v>
      </c>
      <c r="B600" s="11">
        <v>5000642</v>
      </c>
      <c r="C600" s="22" t="str">
        <f t="shared" si="10"/>
        <v>https://support.microsoft.com/kb/5000642</v>
      </c>
      <c r="D600" s="3" t="s">
        <v>1002</v>
      </c>
      <c r="E600" s="3" t="s">
        <v>100</v>
      </c>
      <c r="F600" s="3" t="s">
        <v>579</v>
      </c>
      <c r="G600" s="3" t="s">
        <v>105</v>
      </c>
      <c r="H600" s="3">
        <v>2019</v>
      </c>
      <c r="I600" s="3" t="s">
        <v>103</v>
      </c>
      <c r="J600" s="3" t="s">
        <v>59</v>
      </c>
      <c r="K600" s="14">
        <v>44238</v>
      </c>
      <c r="L600" s="3" t="s">
        <v>935</v>
      </c>
    </row>
    <row r="601" spans="1:12" x14ac:dyDescent="0.3">
      <c r="A601" s="11">
        <v>13737330</v>
      </c>
      <c r="B601" s="11">
        <v>5000642</v>
      </c>
      <c r="C601" s="22" t="str">
        <f t="shared" si="10"/>
        <v>https://support.microsoft.com/kb/5000642</v>
      </c>
      <c r="D601" s="3" t="s">
        <v>1003</v>
      </c>
      <c r="E601" s="3" t="s">
        <v>100</v>
      </c>
      <c r="F601" s="3" t="s">
        <v>579</v>
      </c>
      <c r="G601" s="3" t="s">
        <v>105</v>
      </c>
      <c r="H601" s="3">
        <v>2019</v>
      </c>
      <c r="I601" s="3" t="s">
        <v>103</v>
      </c>
      <c r="J601" s="3" t="s">
        <v>59</v>
      </c>
      <c r="K601" s="14">
        <v>44238</v>
      </c>
      <c r="L601" s="3" t="s">
        <v>935</v>
      </c>
    </row>
    <row r="602" spans="1:12" x14ac:dyDescent="0.3">
      <c r="A602" s="11">
        <v>13724507</v>
      </c>
      <c r="B602" s="11">
        <v>5000649</v>
      </c>
      <c r="C602" s="22" t="str">
        <f t="shared" si="10"/>
        <v>https://support.microsoft.com/kb/5000649</v>
      </c>
      <c r="D602" s="3" t="s">
        <v>910</v>
      </c>
      <c r="E602" s="3" t="s">
        <v>100</v>
      </c>
      <c r="F602" s="3" t="s">
        <v>127</v>
      </c>
      <c r="G602" s="3" t="s">
        <v>105</v>
      </c>
      <c r="H602" s="3">
        <v>2019</v>
      </c>
      <c r="I602" s="3" t="s">
        <v>103</v>
      </c>
      <c r="J602" s="3" t="s">
        <v>59</v>
      </c>
      <c r="K602" s="14">
        <v>44238</v>
      </c>
      <c r="L602" s="3" t="s">
        <v>935</v>
      </c>
    </row>
    <row r="603" spans="1:12" x14ac:dyDescent="0.3">
      <c r="A603" s="11">
        <v>13723579</v>
      </c>
      <c r="B603" s="11">
        <v>5000642</v>
      </c>
      <c r="C603" s="22" t="str">
        <f t="shared" si="10"/>
        <v>https://support.microsoft.com/kb/5000642</v>
      </c>
      <c r="D603" s="3" t="s">
        <v>997</v>
      </c>
      <c r="E603" s="3" t="s">
        <v>178</v>
      </c>
      <c r="F603" s="3" t="s">
        <v>178</v>
      </c>
      <c r="G603" s="3" t="s">
        <v>102</v>
      </c>
      <c r="H603" s="3">
        <v>2019</v>
      </c>
      <c r="I603" s="3" t="s">
        <v>103</v>
      </c>
      <c r="J603" s="3" t="s">
        <v>59</v>
      </c>
      <c r="K603" s="14">
        <v>44238</v>
      </c>
      <c r="L603" s="3" t="s">
        <v>935</v>
      </c>
    </row>
    <row r="604" spans="1:12" x14ac:dyDescent="0.3">
      <c r="A604" s="11">
        <v>13722862</v>
      </c>
      <c r="B604" s="11">
        <v>5000642</v>
      </c>
      <c r="C604" s="22" t="str">
        <f t="shared" si="10"/>
        <v>https://support.microsoft.com/kb/5000642</v>
      </c>
      <c r="D604" s="3" t="s">
        <v>1004</v>
      </c>
      <c r="E604" s="3" t="s">
        <v>100</v>
      </c>
      <c r="F604" s="3" t="s">
        <v>113</v>
      </c>
      <c r="G604" s="3" t="s">
        <v>105</v>
      </c>
      <c r="H604" s="3">
        <v>2019</v>
      </c>
      <c r="I604" s="3" t="s">
        <v>103</v>
      </c>
      <c r="J604" s="3" t="s">
        <v>59</v>
      </c>
      <c r="K604" s="14">
        <v>44238</v>
      </c>
      <c r="L604" s="3" t="s">
        <v>935</v>
      </c>
    </row>
    <row r="605" spans="1:12" x14ac:dyDescent="0.3">
      <c r="A605" s="11">
        <v>13718123</v>
      </c>
      <c r="B605" s="11">
        <v>5000642</v>
      </c>
      <c r="C605" s="22" t="str">
        <f t="shared" si="10"/>
        <v>https://support.microsoft.com/kb/5000642</v>
      </c>
      <c r="D605" s="3" t="s">
        <v>1005</v>
      </c>
      <c r="E605" s="3" t="s">
        <v>100</v>
      </c>
      <c r="F605" s="3" t="s">
        <v>127</v>
      </c>
      <c r="G605" s="3" t="s">
        <v>105</v>
      </c>
      <c r="H605" s="3">
        <v>2019</v>
      </c>
      <c r="I605" s="3" t="s">
        <v>103</v>
      </c>
      <c r="J605" s="3" t="s">
        <v>59</v>
      </c>
      <c r="K605" s="14">
        <v>44238</v>
      </c>
      <c r="L605" s="3" t="s">
        <v>935</v>
      </c>
    </row>
    <row r="606" spans="1:12" x14ac:dyDescent="0.3">
      <c r="A606" s="11">
        <v>13718092</v>
      </c>
      <c r="B606" s="11">
        <v>5000642</v>
      </c>
      <c r="C606" s="22" t="str">
        <f t="shared" si="10"/>
        <v>https://support.microsoft.com/kb/5000642</v>
      </c>
      <c r="D606" s="3" t="s">
        <v>1006</v>
      </c>
      <c r="E606" s="3" t="s">
        <v>100</v>
      </c>
      <c r="F606" s="3" t="s">
        <v>127</v>
      </c>
      <c r="G606" s="3" t="s">
        <v>105</v>
      </c>
      <c r="H606" s="3">
        <v>2019</v>
      </c>
      <c r="I606" s="3" t="s">
        <v>103</v>
      </c>
      <c r="J606" s="3" t="s">
        <v>59</v>
      </c>
      <c r="K606" s="14">
        <v>44238</v>
      </c>
      <c r="L606" s="3" t="s">
        <v>935</v>
      </c>
    </row>
    <row r="607" spans="1:12" x14ac:dyDescent="0.3">
      <c r="A607" s="11">
        <v>13717040</v>
      </c>
      <c r="B607" s="11">
        <v>4580397</v>
      </c>
      <c r="C607" s="22" t="str">
        <f t="shared" si="10"/>
        <v>https://support.microsoft.com/kb/4580397</v>
      </c>
      <c r="D607" s="3" t="s">
        <v>1007</v>
      </c>
      <c r="E607" s="3" t="s">
        <v>100</v>
      </c>
      <c r="F607" s="3" t="s">
        <v>233</v>
      </c>
      <c r="G607" s="3" t="s">
        <v>102</v>
      </c>
      <c r="H607" s="3">
        <v>2019</v>
      </c>
      <c r="I607" s="3" t="s">
        <v>103</v>
      </c>
      <c r="J607" s="3" t="s">
        <v>59</v>
      </c>
      <c r="K607" s="14">
        <v>44238</v>
      </c>
      <c r="L607" s="3" t="s">
        <v>935</v>
      </c>
    </row>
    <row r="608" spans="1:12" x14ac:dyDescent="0.3">
      <c r="A608" s="11">
        <v>13717030</v>
      </c>
      <c r="B608" s="11">
        <v>5000642</v>
      </c>
      <c r="C608" s="22" t="str">
        <f t="shared" si="10"/>
        <v>https://support.microsoft.com/kb/5000642</v>
      </c>
      <c r="D608" s="3" t="s">
        <v>1008</v>
      </c>
      <c r="E608" s="3" t="s">
        <v>100</v>
      </c>
      <c r="F608" s="3" t="s">
        <v>1009</v>
      </c>
      <c r="G608" s="3" t="s">
        <v>102</v>
      </c>
      <c r="H608" s="3">
        <v>2019</v>
      </c>
      <c r="I608" s="3" t="s">
        <v>103</v>
      </c>
      <c r="J608" s="3" t="s">
        <v>59</v>
      </c>
      <c r="K608" s="14">
        <v>44238</v>
      </c>
      <c r="L608" s="3" t="s">
        <v>935</v>
      </c>
    </row>
    <row r="609" spans="1:12" x14ac:dyDescent="0.3">
      <c r="A609" s="11">
        <v>13717029</v>
      </c>
      <c r="B609" s="11">
        <v>4577933</v>
      </c>
      <c r="C609" s="22" t="str">
        <f t="shared" si="10"/>
        <v>https://support.microsoft.com/kb/4577933</v>
      </c>
      <c r="D609" s="3" t="s">
        <v>1010</v>
      </c>
      <c r="E609" s="3" t="s">
        <v>100</v>
      </c>
      <c r="F609" s="3" t="s">
        <v>113</v>
      </c>
      <c r="G609" s="3" t="s">
        <v>102</v>
      </c>
      <c r="H609" s="3">
        <v>2019</v>
      </c>
      <c r="I609" s="3" t="s">
        <v>103</v>
      </c>
      <c r="J609" s="3" t="s">
        <v>59</v>
      </c>
      <c r="K609" s="14">
        <v>44238</v>
      </c>
      <c r="L609" s="3" t="s">
        <v>935</v>
      </c>
    </row>
    <row r="610" spans="1:12" x14ac:dyDescent="0.3">
      <c r="A610" s="11">
        <v>13717028</v>
      </c>
      <c r="B610" s="11">
        <v>4577976</v>
      </c>
      <c r="C610" s="22" t="str">
        <f t="shared" ref="C610:C673" si="11">HYPERLINK("https://support.microsoft.com/kb/"&amp;B610)</f>
        <v>https://support.microsoft.com/kb/4577976</v>
      </c>
      <c r="D610" s="3" t="s">
        <v>1011</v>
      </c>
      <c r="E610" s="3" t="s">
        <v>100</v>
      </c>
      <c r="F610" s="3" t="s">
        <v>113</v>
      </c>
      <c r="G610" s="3" t="s">
        <v>102</v>
      </c>
      <c r="H610" s="3">
        <v>2019</v>
      </c>
      <c r="I610" s="3" t="s">
        <v>103</v>
      </c>
      <c r="J610" s="3" t="s">
        <v>59</v>
      </c>
      <c r="K610" s="14">
        <v>44238</v>
      </c>
      <c r="L610" s="3" t="s">
        <v>935</v>
      </c>
    </row>
    <row r="611" spans="1:12" x14ac:dyDescent="0.3">
      <c r="A611" s="11">
        <v>13717026</v>
      </c>
      <c r="B611" s="11">
        <v>5000642</v>
      </c>
      <c r="C611" s="22" t="str">
        <f t="shared" si="11"/>
        <v>https://support.microsoft.com/kb/5000642</v>
      </c>
      <c r="D611" s="3" t="s">
        <v>1012</v>
      </c>
      <c r="E611" s="3" t="s">
        <v>100</v>
      </c>
      <c r="F611" s="3" t="s">
        <v>120</v>
      </c>
      <c r="G611" s="3" t="s">
        <v>102</v>
      </c>
      <c r="H611" s="3">
        <v>2019</v>
      </c>
      <c r="I611" s="3" t="s">
        <v>103</v>
      </c>
      <c r="J611" s="3" t="s">
        <v>59</v>
      </c>
      <c r="K611" s="14">
        <v>44238</v>
      </c>
      <c r="L611" s="3" t="s">
        <v>935</v>
      </c>
    </row>
    <row r="612" spans="1:12" x14ac:dyDescent="0.3">
      <c r="A612" s="11">
        <v>13717021</v>
      </c>
      <c r="B612" s="11">
        <v>4575689</v>
      </c>
      <c r="C612" s="22" t="str">
        <f t="shared" si="11"/>
        <v>https://support.microsoft.com/kb/4575689</v>
      </c>
      <c r="D612" s="3" t="s">
        <v>1013</v>
      </c>
      <c r="E612" s="3" t="s">
        <v>100</v>
      </c>
      <c r="F612" s="3" t="s">
        <v>113</v>
      </c>
      <c r="G612" s="3" t="s">
        <v>102</v>
      </c>
      <c r="H612" s="3">
        <v>2019</v>
      </c>
      <c r="I612" s="3" t="s">
        <v>103</v>
      </c>
      <c r="J612" s="3" t="s">
        <v>59</v>
      </c>
      <c r="K612" s="14">
        <v>44238</v>
      </c>
      <c r="L612" s="3" t="s">
        <v>935</v>
      </c>
    </row>
    <row r="613" spans="1:12" x14ac:dyDescent="0.3">
      <c r="A613" s="11">
        <v>13717020</v>
      </c>
      <c r="B613" s="11">
        <v>4577932</v>
      </c>
      <c r="C613" s="22" t="str">
        <f t="shared" si="11"/>
        <v>https://support.microsoft.com/kb/4577932</v>
      </c>
      <c r="D613" s="3" t="s">
        <v>1014</v>
      </c>
      <c r="E613" s="3" t="s">
        <v>100</v>
      </c>
      <c r="F613" s="3" t="s">
        <v>101</v>
      </c>
      <c r="G613" s="3" t="s">
        <v>102</v>
      </c>
      <c r="H613" s="3">
        <v>2019</v>
      </c>
      <c r="I613" s="3" t="s">
        <v>103</v>
      </c>
      <c r="J613" s="3" t="s">
        <v>59</v>
      </c>
      <c r="K613" s="14">
        <v>44238</v>
      </c>
      <c r="L613" s="3" t="s">
        <v>935</v>
      </c>
    </row>
    <row r="614" spans="1:12" x14ac:dyDescent="0.3">
      <c r="A614" s="11">
        <v>13704071</v>
      </c>
      <c r="B614" s="11">
        <v>5000642</v>
      </c>
      <c r="C614" s="22" t="str">
        <f t="shared" si="11"/>
        <v>https://support.microsoft.com/kb/5000642</v>
      </c>
      <c r="D614" s="3" t="s">
        <v>1015</v>
      </c>
      <c r="E614" s="3" t="s">
        <v>380</v>
      </c>
      <c r="F614" s="3" t="s">
        <v>1016</v>
      </c>
      <c r="G614" s="3" t="s">
        <v>102</v>
      </c>
      <c r="H614" s="3">
        <v>2019</v>
      </c>
      <c r="I614" s="3" t="s">
        <v>103</v>
      </c>
      <c r="J614" s="3" t="s">
        <v>59</v>
      </c>
      <c r="K614" s="14">
        <v>44238</v>
      </c>
      <c r="L614" s="3" t="s">
        <v>935</v>
      </c>
    </row>
    <row r="615" spans="1:12" x14ac:dyDescent="0.3">
      <c r="A615" s="11">
        <v>13668231</v>
      </c>
      <c r="B615" s="11">
        <v>5000642</v>
      </c>
      <c r="C615" s="22" t="str">
        <f t="shared" si="11"/>
        <v>https://support.microsoft.com/kb/5000642</v>
      </c>
      <c r="D615" s="3" t="s">
        <v>1017</v>
      </c>
      <c r="E615" s="3" t="s">
        <v>100</v>
      </c>
      <c r="F615" s="3" t="s">
        <v>110</v>
      </c>
      <c r="G615" s="3" t="s">
        <v>102</v>
      </c>
      <c r="H615" s="3">
        <v>2019</v>
      </c>
      <c r="I615" s="3" t="s">
        <v>103</v>
      </c>
      <c r="J615" s="3" t="s">
        <v>59</v>
      </c>
      <c r="K615" s="14">
        <v>44238</v>
      </c>
      <c r="L615" s="3" t="s">
        <v>935</v>
      </c>
    </row>
    <row r="616" spans="1:12" x14ac:dyDescent="0.3">
      <c r="A616" s="11">
        <v>13651862</v>
      </c>
      <c r="B616" s="11">
        <v>5000663</v>
      </c>
      <c r="C616" s="22" t="str">
        <f t="shared" si="11"/>
        <v>https://support.microsoft.com/kb/5000663</v>
      </c>
      <c r="D616" s="3" t="s">
        <v>1018</v>
      </c>
      <c r="E616" s="3" t="s">
        <v>100</v>
      </c>
      <c r="F616" s="3" t="s">
        <v>108</v>
      </c>
      <c r="G616" s="3" t="s">
        <v>116</v>
      </c>
      <c r="H616" s="3">
        <v>2019</v>
      </c>
      <c r="I616" s="3" t="s">
        <v>103</v>
      </c>
      <c r="J616" s="3" t="s">
        <v>59</v>
      </c>
      <c r="K616" s="14">
        <v>44238</v>
      </c>
      <c r="L616" s="3" t="s">
        <v>935</v>
      </c>
    </row>
    <row r="617" spans="1:12" x14ac:dyDescent="0.3">
      <c r="A617" s="11">
        <v>13651126</v>
      </c>
      <c r="B617" s="11">
        <v>5000642</v>
      </c>
      <c r="C617" s="22" t="str">
        <f t="shared" si="11"/>
        <v>https://support.microsoft.com/kb/5000642</v>
      </c>
      <c r="D617" s="3" t="s">
        <v>1019</v>
      </c>
      <c r="E617" s="3" t="s">
        <v>100</v>
      </c>
      <c r="F617" s="3" t="s">
        <v>101</v>
      </c>
      <c r="G617" s="3" t="s">
        <v>102</v>
      </c>
      <c r="H617" s="3">
        <v>2019</v>
      </c>
      <c r="I617" s="3" t="s">
        <v>103</v>
      </c>
      <c r="J617" s="3" t="s">
        <v>59</v>
      </c>
      <c r="K617" s="14">
        <v>44238</v>
      </c>
      <c r="L617" s="3" t="s">
        <v>935</v>
      </c>
    </row>
    <row r="618" spans="1:12" x14ac:dyDescent="0.3">
      <c r="A618" s="11">
        <v>13647678</v>
      </c>
      <c r="B618" s="11">
        <v>5000642</v>
      </c>
      <c r="C618" s="22" t="str">
        <f t="shared" si="11"/>
        <v>https://support.microsoft.com/kb/5000642</v>
      </c>
      <c r="D618" s="3" t="s">
        <v>1020</v>
      </c>
      <c r="E618" s="3" t="s">
        <v>100</v>
      </c>
      <c r="F618" s="3" t="s">
        <v>113</v>
      </c>
      <c r="G618" s="3" t="s">
        <v>102</v>
      </c>
      <c r="H618" s="3">
        <v>2019</v>
      </c>
      <c r="I618" s="3" t="s">
        <v>103</v>
      </c>
      <c r="J618" s="3" t="s">
        <v>59</v>
      </c>
      <c r="K618" s="14">
        <v>44238</v>
      </c>
      <c r="L618" s="3" t="s">
        <v>935</v>
      </c>
    </row>
    <row r="619" spans="1:12" x14ac:dyDescent="0.3">
      <c r="A619" s="11">
        <v>13607162</v>
      </c>
      <c r="B619" s="11">
        <v>4565944</v>
      </c>
      <c r="C619" s="22" t="str">
        <f t="shared" si="11"/>
        <v>https://support.microsoft.com/kb/4565944</v>
      </c>
      <c r="D619" s="3" t="s">
        <v>1021</v>
      </c>
      <c r="E619" s="3" t="s">
        <v>100</v>
      </c>
      <c r="F619" s="3" t="s">
        <v>101</v>
      </c>
      <c r="G619" s="3" t="s">
        <v>102</v>
      </c>
      <c r="H619" s="3">
        <v>2019</v>
      </c>
      <c r="I619" s="3" t="s">
        <v>103</v>
      </c>
      <c r="J619" s="3" t="s">
        <v>59</v>
      </c>
      <c r="K619" s="14">
        <v>44238</v>
      </c>
      <c r="L619" s="3" t="s">
        <v>935</v>
      </c>
    </row>
    <row r="620" spans="1:12" x14ac:dyDescent="0.3">
      <c r="A620" s="11">
        <v>13607161</v>
      </c>
      <c r="B620" s="11">
        <v>5000642</v>
      </c>
      <c r="C620" s="22" t="str">
        <f t="shared" si="11"/>
        <v>https://support.microsoft.com/kb/5000642</v>
      </c>
      <c r="D620" s="3" t="s">
        <v>1022</v>
      </c>
      <c r="E620" s="3" t="s">
        <v>380</v>
      </c>
      <c r="F620" s="3" t="s">
        <v>689</v>
      </c>
      <c r="G620" s="3" t="s">
        <v>102</v>
      </c>
      <c r="H620" s="3">
        <v>2019</v>
      </c>
      <c r="I620" s="3" t="s">
        <v>103</v>
      </c>
      <c r="J620" s="3" t="s">
        <v>59</v>
      </c>
      <c r="K620" s="14">
        <v>44238</v>
      </c>
      <c r="L620" s="3" t="s">
        <v>935</v>
      </c>
    </row>
    <row r="621" spans="1:12" x14ac:dyDescent="0.3">
      <c r="A621" s="11">
        <v>13599202</v>
      </c>
      <c r="B621" s="11">
        <v>5000642</v>
      </c>
      <c r="C621" s="22" t="str">
        <f t="shared" si="11"/>
        <v>https://support.microsoft.com/kb/5000642</v>
      </c>
      <c r="D621" s="3" t="s">
        <v>1023</v>
      </c>
      <c r="E621" s="3" t="s">
        <v>100</v>
      </c>
      <c r="F621" s="3" t="s">
        <v>145</v>
      </c>
      <c r="G621" s="3" t="s">
        <v>116</v>
      </c>
      <c r="H621" s="3">
        <v>2019</v>
      </c>
      <c r="I621" s="3" t="s">
        <v>103</v>
      </c>
      <c r="J621" s="3" t="s">
        <v>59</v>
      </c>
      <c r="K621" s="14">
        <v>44238</v>
      </c>
      <c r="L621" s="3" t="s">
        <v>935</v>
      </c>
    </row>
    <row r="622" spans="1:12" x14ac:dyDescent="0.3">
      <c r="A622" s="11">
        <v>13714531</v>
      </c>
      <c r="B622" s="11">
        <v>4577194</v>
      </c>
      <c r="C622" s="22" t="str">
        <f t="shared" si="11"/>
        <v>https://support.microsoft.com/kb/4577194</v>
      </c>
      <c r="D622" s="3" t="s">
        <v>1024</v>
      </c>
      <c r="E622" s="3" t="s">
        <v>180</v>
      </c>
      <c r="F622" s="3" t="s">
        <v>180</v>
      </c>
      <c r="G622" s="3" t="s">
        <v>102</v>
      </c>
      <c r="H622" s="3">
        <v>2019</v>
      </c>
      <c r="I622" s="3" t="s">
        <v>103</v>
      </c>
      <c r="J622" s="3" t="s">
        <v>65</v>
      </c>
      <c r="K622" s="14">
        <v>44105</v>
      </c>
      <c r="L622" s="3" t="s">
        <v>533</v>
      </c>
    </row>
    <row r="623" spans="1:12" x14ac:dyDescent="0.3">
      <c r="A623" s="11">
        <v>13713444</v>
      </c>
      <c r="B623" s="11">
        <v>4577194</v>
      </c>
      <c r="C623" s="22" t="str">
        <f t="shared" si="11"/>
        <v>https://support.microsoft.com/kb/4577194</v>
      </c>
      <c r="D623" s="3" t="s">
        <v>1025</v>
      </c>
      <c r="E623" s="3" t="s">
        <v>100</v>
      </c>
      <c r="F623" s="3" t="s">
        <v>165</v>
      </c>
      <c r="G623" s="3" t="s">
        <v>105</v>
      </c>
      <c r="H623" s="3">
        <v>2019</v>
      </c>
      <c r="I623" s="3" t="s">
        <v>103</v>
      </c>
      <c r="J623" s="3" t="s">
        <v>65</v>
      </c>
      <c r="K623" s="14">
        <v>44105</v>
      </c>
      <c r="L623" s="3" t="s">
        <v>533</v>
      </c>
    </row>
    <row r="624" spans="1:12" x14ac:dyDescent="0.3">
      <c r="A624" s="11">
        <v>13708440</v>
      </c>
      <c r="B624" s="11">
        <v>4577194</v>
      </c>
      <c r="C624" s="22" t="str">
        <f t="shared" si="11"/>
        <v>https://support.microsoft.com/kb/4577194</v>
      </c>
      <c r="D624" s="3" t="s">
        <v>1026</v>
      </c>
      <c r="E624" s="3" t="s">
        <v>100</v>
      </c>
      <c r="F624" s="3" t="s">
        <v>101</v>
      </c>
      <c r="G624" s="3" t="s">
        <v>105</v>
      </c>
      <c r="H624" s="3">
        <v>2019</v>
      </c>
      <c r="I624" s="3" t="s">
        <v>103</v>
      </c>
      <c r="J624" s="3" t="s">
        <v>65</v>
      </c>
      <c r="K624" s="14">
        <v>44105</v>
      </c>
      <c r="L624" s="3" t="s">
        <v>533</v>
      </c>
    </row>
    <row r="625" spans="1:12" x14ac:dyDescent="0.3">
      <c r="A625" s="11">
        <v>13704325</v>
      </c>
      <c r="B625" s="11">
        <v>4580639</v>
      </c>
      <c r="C625" s="22" t="str">
        <f t="shared" si="11"/>
        <v>https://support.microsoft.com/kb/4580639</v>
      </c>
      <c r="D625" s="3" t="s">
        <v>1027</v>
      </c>
      <c r="E625" s="3" t="s">
        <v>100</v>
      </c>
      <c r="F625" s="3" t="s">
        <v>579</v>
      </c>
      <c r="G625" s="3" t="s">
        <v>105</v>
      </c>
      <c r="H625" s="3">
        <v>2019</v>
      </c>
      <c r="I625" s="3" t="s">
        <v>103</v>
      </c>
      <c r="J625" s="3" t="s">
        <v>65</v>
      </c>
      <c r="K625" s="14">
        <v>44105</v>
      </c>
      <c r="L625" s="3" t="s">
        <v>533</v>
      </c>
    </row>
    <row r="626" spans="1:12" x14ac:dyDescent="0.3">
      <c r="A626" s="11">
        <v>13703268</v>
      </c>
      <c r="B626" s="11">
        <v>4580915</v>
      </c>
      <c r="C626" s="22" t="str">
        <f t="shared" si="11"/>
        <v>https://support.microsoft.com/kb/4580915</v>
      </c>
      <c r="D626" s="3" t="s">
        <v>1028</v>
      </c>
      <c r="E626" s="3" t="s">
        <v>100</v>
      </c>
      <c r="F626" s="3" t="s">
        <v>165</v>
      </c>
      <c r="G626" s="3" t="s">
        <v>102</v>
      </c>
      <c r="H626" s="3">
        <v>2019</v>
      </c>
      <c r="I626" s="3" t="s">
        <v>103</v>
      </c>
      <c r="J626" s="3" t="s">
        <v>65</v>
      </c>
      <c r="K626" s="14">
        <v>44105</v>
      </c>
      <c r="L626" s="3" t="s">
        <v>533</v>
      </c>
    </row>
    <row r="627" spans="1:12" x14ac:dyDescent="0.3">
      <c r="A627" s="11">
        <v>13703115</v>
      </c>
      <c r="B627" s="11">
        <v>4577194</v>
      </c>
      <c r="C627" s="22" t="str">
        <f t="shared" si="11"/>
        <v>https://support.microsoft.com/kb/4577194</v>
      </c>
      <c r="D627" s="3" t="s">
        <v>1029</v>
      </c>
      <c r="E627" s="3" t="s">
        <v>100</v>
      </c>
      <c r="F627" s="3" t="s">
        <v>101</v>
      </c>
      <c r="G627" s="3" t="s">
        <v>105</v>
      </c>
      <c r="H627" s="3">
        <v>2019</v>
      </c>
      <c r="I627" s="3" t="s">
        <v>103</v>
      </c>
      <c r="J627" s="3" t="s">
        <v>65</v>
      </c>
      <c r="K627" s="14">
        <v>44105</v>
      </c>
      <c r="L627" s="3" t="s">
        <v>533</v>
      </c>
    </row>
    <row r="628" spans="1:12" x14ac:dyDescent="0.3">
      <c r="A628" s="11">
        <v>13703114</v>
      </c>
      <c r="B628" s="11">
        <v>4580413</v>
      </c>
      <c r="C628" s="22" t="str">
        <f t="shared" si="11"/>
        <v>https://support.microsoft.com/kb/4580413</v>
      </c>
      <c r="D628" s="3" t="s">
        <v>1030</v>
      </c>
      <c r="E628" s="3" t="s">
        <v>100</v>
      </c>
      <c r="F628" s="3" t="s">
        <v>101</v>
      </c>
      <c r="G628" s="3" t="s">
        <v>105</v>
      </c>
      <c r="H628" s="3">
        <v>2019</v>
      </c>
      <c r="I628" s="3" t="s">
        <v>103</v>
      </c>
      <c r="J628" s="3" t="s">
        <v>65</v>
      </c>
      <c r="K628" s="14">
        <v>44105</v>
      </c>
      <c r="L628" s="3" t="s">
        <v>533</v>
      </c>
    </row>
    <row r="629" spans="1:12" x14ac:dyDescent="0.3">
      <c r="A629" s="11">
        <v>13703025</v>
      </c>
      <c r="B629" s="11">
        <v>4580397</v>
      </c>
      <c r="C629" s="22" t="str">
        <f t="shared" si="11"/>
        <v>https://support.microsoft.com/kb/4580397</v>
      </c>
      <c r="D629" s="3" t="s">
        <v>1031</v>
      </c>
      <c r="E629" s="3" t="s">
        <v>100</v>
      </c>
      <c r="F629" s="3" t="s">
        <v>233</v>
      </c>
      <c r="G629" s="3" t="s">
        <v>102</v>
      </c>
      <c r="H629" s="3">
        <v>2019</v>
      </c>
      <c r="I629" s="3" t="s">
        <v>103</v>
      </c>
      <c r="J629" s="3" t="s">
        <v>65</v>
      </c>
      <c r="K629" s="14">
        <v>44105</v>
      </c>
      <c r="L629" s="3" t="s">
        <v>533</v>
      </c>
    </row>
    <row r="630" spans="1:12" x14ac:dyDescent="0.3">
      <c r="A630" s="11">
        <v>13697891</v>
      </c>
      <c r="B630" s="11">
        <v>4577194</v>
      </c>
      <c r="C630" s="22" t="str">
        <f t="shared" si="11"/>
        <v>https://support.microsoft.com/kb/4577194</v>
      </c>
      <c r="D630" s="3" t="s">
        <v>1032</v>
      </c>
      <c r="E630" s="3" t="s">
        <v>178</v>
      </c>
      <c r="F630" s="3" t="s">
        <v>775</v>
      </c>
      <c r="G630" s="3" t="s">
        <v>102</v>
      </c>
      <c r="H630" s="3">
        <v>2019</v>
      </c>
      <c r="I630" s="3" t="s">
        <v>103</v>
      </c>
      <c r="J630" s="3" t="s">
        <v>65</v>
      </c>
      <c r="K630" s="14">
        <v>44105</v>
      </c>
      <c r="L630" s="3" t="s">
        <v>533</v>
      </c>
    </row>
    <row r="631" spans="1:12" x14ac:dyDescent="0.3">
      <c r="A631" s="11">
        <v>13696226</v>
      </c>
      <c r="B631" s="11">
        <v>4577194</v>
      </c>
      <c r="C631" s="22" t="str">
        <f t="shared" si="11"/>
        <v>https://support.microsoft.com/kb/4577194</v>
      </c>
      <c r="D631" s="3" t="s">
        <v>1033</v>
      </c>
      <c r="E631" s="3" t="s">
        <v>180</v>
      </c>
      <c r="F631" s="3" t="s">
        <v>180</v>
      </c>
      <c r="G631" s="3" t="s">
        <v>102</v>
      </c>
      <c r="H631" s="3">
        <v>2019</v>
      </c>
      <c r="I631" s="3" t="s">
        <v>103</v>
      </c>
      <c r="J631" s="3" t="s">
        <v>65</v>
      </c>
      <c r="K631" s="14">
        <v>44105</v>
      </c>
      <c r="L631" s="3" t="s">
        <v>533</v>
      </c>
    </row>
    <row r="632" spans="1:12" x14ac:dyDescent="0.3">
      <c r="A632" s="11">
        <v>13695986</v>
      </c>
      <c r="B632" s="11">
        <v>4577194</v>
      </c>
      <c r="C632" s="22" t="str">
        <f t="shared" si="11"/>
        <v>https://support.microsoft.com/kb/4577194</v>
      </c>
      <c r="D632" s="3" t="s">
        <v>1034</v>
      </c>
      <c r="E632" s="3" t="s">
        <v>100</v>
      </c>
      <c r="F632" s="3" t="s">
        <v>233</v>
      </c>
      <c r="G632" s="3" t="s">
        <v>102</v>
      </c>
      <c r="H632" s="3">
        <v>2019</v>
      </c>
      <c r="I632" s="3" t="s">
        <v>103</v>
      </c>
      <c r="J632" s="3" t="s">
        <v>65</v>
      </c>
      <c r="K632" s="14">
        <v>44105</v>
      </c>
      <c r="L632" s="3" t="s">
        <v>533</v>
      </c>
    </row>
    <row r="633" spans="1:12" x14ac:dyDescent="0.3">
      <c r="A633" s="11">
        <v>13694925</v>
      </c>
      <c r="B633" s="11">
        <v>4538688</v>
      </c>
      <c r="C633" s="22" t="str">
        <f t="shared" si="11"/>
        <v>https://support.microsoft.com/kb/4538688</v>
      </c>
      <c r="D633" s="3" t="s">
        <v>731</v>
      </c>
      <c r="E633" s="3" t="s">
        <v>100</v>
      </c>
      <c r="F633" s="3" t="s">
        <v>145</v>
      </c>
      <c r="G633" s="3" t="s">
        <v>102</v>
      </c>
      <c r="H633" s="3">
        <v>2019</v>
      </c>
      <c r="I633" s="3" t="s">
        <v>103</v>
      </c>
      <c r="J633" s="3" t="s">
        <v>65</v>
      </c>
      <c r="K633" s="14">
        <v>44105</v>
      </c>
      <c r="L633" s="3" t="s">
        <v>533</v>
      </c>
    </row>
    <row r="634" spans="1:12" x14ac:dyDescent="0.3">
      <c r="A634" s="11">
        <v>13693311</v>
      </c>
      <c r="B634" s="11">
        <v>4580648</v>
      </c>
      <c r="C634" s="22" t="str">
        <f t="shared" si="11"/>
        <v>https://support.microsoft.com/kb/4580648</v>
      </c>
      <c r="D634" s="3" t="s">
        <v>1035</v>
      </c>
      <c r="E634" s="3" t="s">
        <v>100</v>
      </c>
      <c r="F634" s="3" t="s">
        <v>579</v>
      </c>
      <c r="G634" s="3" t="s">
        <v>105</v>
      </c>
      <c r="H634" s="3">
        <v>2019</v>
      </c>
      <c r="I634" s="3" t="s">
        <v>103</v>
      </c>
      <c r="J634" s="3" t="s">
        <v>65</v>
      </c>
      <c r="K634" s="14">
        <v>44105</v>
      </c>
      <c r="L634" s="3" t="s">
        <v>533</v>
      </c>
    </row>
    <row r="635" spans="1:12" x14ac:dyDescent="0.3">
      <c r="A635" s="11">
        <v>13691465</v>
      </c>
      <c r="B635" s="11">
        <v>4579223</v>
      </c>
      <c r="C635" s="22" t="str">
        <f t="shared" si="11"/>
        <v>https://support.microsoft.com/kb/4579223</v>
      </c>
      <c r="D635" s="3" t="s">
        <v>1036</v>
      </c>
      <c r="E635" s="3" t="s">
        <v>100</v>
      </c>
      <c r="F635" s="3" t="s">
        <v>579</v>
      </c>
      <c r="G635" s="3" t="s">
        <v>105</v>
      </c>
      <c r="H635" s="3">
        <v>2019</v>
      </c>
      <c r="I635" s="3" t="s">
        <v>103</v>
      </c>
      <c r="J635" s="3" t="s">
        <v>65</v>
      </c>
      <c r="K635" s="14">
        <v>44105</v>
      </c>
      <c r="L635" s="3" t="s">
        <v>533</v>
      </c>
    </row>
    <row r="636" spans="1:12" x14ac:dyDescent="0.3">
      <c r="A636" s="11">
        <v>13684475</v>
      </c>
      <c r="B636" s="11">
        <v>4577194</v>
      </c>
      <c r="C636" s="22" t="str">
        <f t="shared" si="11"/>
        <v>https://support.microsoft.com/kb/4577194</v>
      </c>
      <c r="D636" s="3" t="s">
        <v>1037</v>
      </c>
      <c r="E636" s="3" t="s">
        <v>100</v>
      </c>
      <c r="F636" s="3" t="s">
        <v>579</v>
      </c>
      <c r="G636" s="3" t="s">
        <v>105</v>
      </c>
      <c r="H636" s="3">
        <v>2019</v>
      </c>
      <c r="I636" s="3" t="s">
        <v>103</v>
      </c>
      <c r="J636" s="3" t="s">
        <v>65</v>
      </c>
      <c r="K636" s="14">
        <v>44105</v>
      </c>
      <c r="L636" s="3" t="s">
        <v>533</v>
      </c>
    </row>
    <row r="637" spans="1:12" x14ac:dyDescent="0.3">
      <c r="A637" s="11">
        <v>13680555</v>
      </c>
      <c r="B637" s="11">
        <v>4577194</v>
      </c>
      <c r="C637" s="22" t="str">
        <f t="shared" si="11"/>
        <v>https://support.microsoft.com/kb/4577194</v>
      </c>
      <c r="D637" s="3" t="s">
        <v>1038</v>
      </c>
      <c r="E637" s="3" t="s">
        <v>180</v>
      </c>
      <c r="F637" s="3" t="s">
        <v>180</v>
      </c>
      <c r="G637" s="3" t="s">
        <v>102</v>
      </c>
      <c r="H637" s="3">
        <v>2019</v>
      </c>
      <c r="I637" s="3" t="s">
        <v>103</v>
      </c>
      <c r="J637" s="3" t="s">
        <v>65</v>
      </c>
      <c r="K637" s="14">
        <v>44105</v>
      </c>
      <c r="L637" s="3" t="s">
        <v>533</v>
      </c>
    </row>
    <row r="638" spans="1:12" x14ac:dyDescent="0.3">
      <c r="A638" s="11">
        <v>13679282</v>
      </c>
      <c r="B638" s="11">
        <v>4578579</v>
      </c>
      <c r="C638" s="22" t="str">
        <f t="shared" si="11"/>
        <v>https://support.microsoft.com/kb/4578579</v>
      </c>
      <c r="D638" s="3" t="s">
        <v>1039</v>
      </c>
      <c r="E638" s="3" t="s">
        <v>100</v>
      </c>
      <c r="F638" s="3" t="s">
        <v>101</v>
      </c>
      <c r="G638" s="3" t="s">
        <v>102</v>
      </c>
      <c r="H638" s="3">
        <v>2019</v>
      </c>
      <c r="I638" s="3" t="s">
        <v>103</v>
      </c>
      <c r="J638" s="3" t="s">
        <v>65</v>
      </c>
      <c r="K638" s="14">
        <v>44105</v>
      </c>
      <c r="L638" s="3" t="s">
        <v>533</v>
      </c>
    </row>
    <row r="639" spans="1:12" x14ac:dyDescent="0.3">
      <c r="A639" s="11">
        <v>13678273</v>
      </c>
      <c r="B639" s="11">
        <v>4589352</v>
      </c>
      <c r="C639" s="22" t="str">
        <f t="shared" si="11"/>
        <v>https://support.microsoft.com/kb/4589352</v>
      </c>
      <c r="D639" s="3" t="s">
        <v>1040</v>
      </c>
      <c r="E639" s="3" t="s">
        <v>100</v>
      </c>
      <c r="F639" s="3" t="s">
        <v>110</v>
      </c>
      <c r="G639" s="3" t="s">
        <v>102</v>
      </c>
      <c r="H639" s="3">
        <v>2019</v>
      </c>
      <c r="I639" s="3" t="s">
        <v>103</v>
      </c>
      <c r="J639" s="3" t="s">
        <v>65</v>
      </c>
      <c r="K639" s="14">
        <v>44105</v>
      </c>
      <c r="L639" s="3" t="s">
        <v>533</v>
      </c>
    </row>
    <row r="640" spans="1:12" x14ac:dyDescent="0.3">
      <c r="A640" s="11">
        <v>13671396</v>
      </c>
      <c r="B640" s="11">
        <v>4577194</v>
      </c>
      <c r="C640" s="22" t="str">
        <f t="shared" si="11"/>
        <v>https://support.microsoft.com/kb/4577194</v>
      </c>
      <c r="D640" s="3" t="s">
        <v>1041</v>
      </c>
      <c r="E640" s="3" t="s">
        <v>697</v>
      </c>
      <c r="F640" s="3" t="s">
        <v>777</v>
      </c>
      <c r="G640" s="3" t="s">
        <v>102</v>
      </c>
      <c r="H640" s="3">
        <v>2019</v>
      </c>
      <c r="I640" s="3" t="s">
        <v>103</v>
      </c>
      <c r="J640" s="3" t="s">
        <v>65</v>
      </c>
      <c r="K640" s="14">
        <v>44105</v>
      </c>
      <c r="L640" s="3" t="s">
        <v>533</v>
      </c>
    </row>
    <row r="641" spans="1:12" x14ac:dyDescent="0.3">
      <c r="A641" s="11">
        <v>13667151</v>
      </c>
      <c r="B641" s="11">
        <v>4581886</v>
      </c>
      <c r="C641" s="22" t="str">
        <f t="shared" si="11"/>
        <v>https://support.microsoft.com/kb/4581886</v>
      </c>
      <c r="D641" s="3" t="s">
        <v>1042</v>
      </c>
      <c r="E641" s="3" t="s">
        <v>100</v>
      </c>
      <c r="F641" s="3" t="s">
        <v>579</v>
      </c>
      <c r="G641" s="3" t="s">
        <v>102</v>
      </c>
      <c r="H641" s="3">
        <v>2019</v>
      </c>
      <c r="I641" s="3" t="s">
        <v>103</v>
      </c>
      <c r="J641" s="3" t="s">
        <v>65</v>
      </c>
      <c r="K641" s="14">
        <v>44105</v>
      </c>
      <c r="L641" s="3" t="s">
        <v>533</v>
      </c>
    </row>
    <row r="642" spans="1:12" x14ac:dyDescent="0.3">
      <c r="A642" s="11">
        <v>13663200</v>
      </c>
      <c r="B642" s="11">
        <v>4577194</v>
      </c>
      <c r="C642" s="22" t="str">
        <f t="shared" si="11"/>
        <v>https://support.microsoft.com/kb/4577194</v>
      </c>
      <c r="D642" s="3" t="s">
        <v>1043</v>
      </c>
      <c r="E642" s="3" t="s">
        <v>100</v>
      </c>
      <c r="F642" s="3" t="s">
        <v>269</v>
      </c>
      <c r="G642" s="3" t="s">
        <v>105</v>
      </c>
      <c r="H642" s="3">
        <v>2019</v>
      </c>
      <c r="I642" s="3" t="s">
        <v>103</v>
      </c>
      <c r="J642" s="3" t="s">
        <v>65</v>
      </c>
      <c r="K642" s="14">
        <v>44105</v>
      </c>
      <c r="L642" s="3" t="s">
        <v>533</v>
      </c>
    </row>
    <row r="643" spans="1:12" x14ac:dyDescent="0.3">
      <c r="A643" s="11">
        <v>13659834</v>
      </c>
      <c r="B643" s="11">
        <v>4577194</v>
      </c>
      <c r="C643" s="22" t="str">
        <f t="shared" si="11"/>
        <v>https://support.microsoft.com/kb/4577194</v>
      </c>
      <c r="D643" s="3" t="s">
        <v>1044</v>
      </c>
      <c r="E643" s="3" t="s">
        <v>178</v>
      </c>
      <c r="F643" s="3" t="s">
        <v>775</v>
      </c>
      <c r="G643" s="3" t="s">
        <v>102</v>
      </c>
      <c r="H643" s="3">
        <v>2019</v>
      </c>
      <c r="I643" s="3" t="s">
        <v>103</v>
      </c>
      <c r="J643" s="3" t="s">
        <v>65</v>
      </c>
      <c r="K643" s="14">
        <v>44105</v>
      </c>
      <c r="L643" s="3" t="s">
        <v>533</v>
      </c>
    </row>
    <row r="644" spans="1:12" x14ac:dyDescent="0.3">
      <c r="A644" s="11">
        <v>13644860</v>
      </c>
      <c r="B644" s="11">
        <v>4582558</v>
      </c>
      <c r="C644" s="22" t="str">
        <f t="shared" si="11"/>
        <v>https://support.microsoft.com/kb/4582558</v>
      </c>
      <c r="D644" s="3" t="s">
        <v>1045</v>
      </c>
      <c r="E644" s="3" t="s">
        <v>100</v>
      </c>
      <c r="F644" s="3" t="s">
        <v>116</v>
      </c>
      <c r="G644" s="3" t="s">
        <v>116</v>
      </c>
      <c r="H644" s="3">
        <v>2019</v>
      </c>
      <c r="I644" s="3" t="s">
        <v>103</v>
      </c>
      <c r="J644" s="3" t="s">
        <v>65</v>
      </c>
      <c r="K644" s="14">
        <v>44105</v>
      </c>
      <c r="L644" s="3" t="s">
        <v>533</v>
      </c>
    </row>
    <row r="645" spans="1:12" x14ac:dyDescent="0.3">
      <c r="A645" s="11">
        <v>13642562</v>
      </c>
      <c r="B645" s="11">
        <v>4577194</v>
      </c>
      <c r="C645" s="22" t="str">
        <f t="shared" si="11"/>
        <v>https://support.microsoft.com/kb/4577194</v>
      </c>
      <c r="D645" s="3" t="s">
        <v>1046</v>
      </c>
      <c r="E645" s="3" t="s">
        <v>100</v>
      </c>
      <c r="F645" s="3" t="s">
        <v>110</v>
      </c>
      <c r="G645" s="3" t="s">
        <v>105</v>
      </c>
      <c r="H645" s="3">
        <v>2019</v>
      </c>
      <c r="I645" s="3" t="s">
        <v>103</v>
      </c>
      <c r="J645" s="3" t="s">
        <v>65</v>
      </c>
      <c r="K645" s="14">
        <v>44105</v>
      </c>
      <c r="L645" s="3" t="s">
        <v>533</v>
      </c>
    </row>
    <row r="646" spans="1:12" x14ac:dyDescent="0.3">
      <c r="A646" s="11">
        <v>13624044</v>
      </c>
      <c r="B646" s="11">
        <v>4578267</v>
      </c>
      <c r="C646" s="22" t="str">
        <f t="shared" si="11"/>
        <v>https://support.microsoft.com/kb/4578267</v>
      </c>
      <c r="D646" s="3" t="s">
        <v>1047</v>
      </c>
      <c r="E646" s="3" t="s">
        <v>100</v>
      </c>
      <c r="F646" s="3" t="s">
        <v>110</v>
      </c>
      <c r="G646" s="3" t="s">
        <v>102</v>
      </c>
      <c r="H646" s="3">
        <v>2019</v>
      </c>
      <c r="I646" s="3" t="s">
        <v>103</v>
      </c>
      <c r="J646" s="3" t="s">
        <v>65</v>
      </c>
      <c r="K646" s="14">
        <v>44105</v>
      </c>
      <c r="L646" s="3" t="s">
        <v>533</v>
      </c>
    </row>
    <row r="647" spans="1:12" x14ac:dyDescent="0.3">
      <c r="A647" s="11">
        <v>13598903</v>
      </c>
      <c r="B647" s="11">
        <v>4577194</v>
      </c>
      <c r="C647" s="22" t="str">
        <f t="shared" si="11"/>
        <v>https://support.microsoft.com/kb/4577194</v>
      </c>
      <c r="D647" s="3" t="s">
        <v>1048</v>
      </c>
      <c r="E647" s="3" t="s">
        <v>380</v>
      </c>
      <c r="F647" s="3" t="s">
        <v>945</v>
      </c>
      <c r="G647" s="3" t="s">
        <v>102</v>
      </c>
      <c r="H647" s="3">
        <v>2019</v>
      </c>
      <c r="I647" s="3" t="s">
        <v>103</v>
      </c>
      <c r="J647" s="3" t="s">
        <v>65</v>
      </c>
      <c r="K647" s="14">
        <v>44105</v>
      </c>
      <c r="L647" s="3" t="s">
        <v>533</v>
      </c>
    </row>
    <row r="648" spans="1:12" x14ac:dyDescent="0.3">
      <c r="A648" s="11">
        <v>13582779</v>
      </c>
      <c r="B648" s="11">
        <v>4577194</v>
      </c>
      <c r="C648" s="22" t="str">
        <f t="shared" si="11"/>
        <v>https://support.microsoft.com/kb/4577194</v>
      </c>
      <c r="D648" s="3" t="s">
        <v>1049</v>
      </c>
      <c r="E648" s="3" t="s">
        <v>100</v>
      </c>
      <c r="F648" s="3" t="s">
        <v>145</v>
      </c>
      <c r="G648" s="3" t="s">
        <v>105</v>
      </c>
      <c r="H648" s="3">
        <v>2019</v>
      </c>
      <c r="I648" s="3" t="s">
        <v>103</v>
      </c>
      <c r="J648" s="3" t="s">
        <v>65</v>
      </c>
      <c r="K648" s="14">
        <v>44105</v>
      </c>
      <c r="L648" s="3" t="s">
        <v>533</v>
      </c>
    </row>
    <row r="649" spans="1:12" x14ac:dyDescent="0.3">
      <c r="A649" s="11">
        <v>13521037</v>
      </c>
      <c r="B649" s="11">
        <v>4580949</v>
      </c>
      <c r="C649" s="22" t="str">
        <f t="shared" si="11"/>
        <v>https://support.microsoft.com/kb/4580949</v>
      </c>
      <c r="D649" s="3" t="s">
        <v>1050</v>
      </c>
      <c r="E649" s="3" t="s">
        <v>100</v>
      </c>
      <c r="F649" s="3" t="s">
        <v>120</v>
      </c>
      <c r="G649" s="3" t="s">
        <v>102</v>
      </c>
      <c r="H649" s="3">
        <v>2019</v>
      </c>
      <c r="I649" s="3" t="s">
        <v>103</v>
      </c>
      <c r="J649" s="3" t="s">
        <v>65</v>
      </c>
      <c r="K649" s="14">
        <v>44105</v>
      </c>
      <c r="L649" s="3" t="s">
        <v>533</v>
      </c>
    </row>
    <row r="650" spans="1:12" x14ac:dyDescent="0.3">
      <c r="A650" s="11">
        <v>13669080</v>
      </c>
      <c r="B650" s="11">
        <v>4577836</v>
      </c>
      <c r="C650" s="22" t="str">
        <f t="shared" si="11"/>
        <v>https://support.microsoft.com/kb/4577836</v>
      </c>
      <c r="D650" s="3" t="s">
        <v>1051</v>
      </c>
      <c r="E650" s="3" t="s">
        <v>100</v>
      </c>
      <c r="F650" s="3" t="s">
        <v>214</v>
      </c>
      <c r="G650" s="3" t="s">
        <v>105</v>
      </c>
      <c r="H650" s="3">
        <v>2019</v>
      </c>
      <c r="I650" s="3" t="s">
        <v>103</v>
      </c>
      <c r="J650" s="3" t="s">
        <v>68</v>
      </c>
      <c r="K650" s="14">
        <v>44076</v>
      </c>
      <c r="L650" s="3" t="s">
        <v>534</v>
      </c>
    </row>
    <row r="651" spans="1:12" x14ac:dyDescent="0.3">
      <c r="A651" s="11">
        <v>13667907</v>
      </c>
      <c r="B651" s="11">
        <v>4570012</v>
      </c>
      <c r="C651" s="22" t="str">
        <f t="shared" si="11"/>
        <v>https://support.microsoft.com/kb/4570012</v>
      </c>
      <c r="D651" s="3" t="s">
        <v>1052</v>
      </c>
      <c r="E651" s="3" t="s">
        <v>100</v>
      </c>
      <c r="F651" s="3" t="s">
        <v>127</v>
      </c>
      <c r="G651" s="3" t="s">
        <v>102</v>
      </c>
      <c r="H651" s="3">
        <v>2019</v>
      </c>
      <c r="I651" s="3" t="s">
        <v>103</v>
      </c>
      <c r="J651" s="3" t="s">
        <v>68</v>
      </c>
      <c r="K651" s="14">
        <v>44076</v>
      </c>
      <c r="L651" s="3" t="s">
        <v>534</v>
      </c>
    </row>
    <row r="652" spans="1:12" x14ac:dyDescent="0.3">
      <c r="A652" s="11">
        <v>13647889</v>
      </c>
      <c r="B652" s="11">
        <v>4570012</v>
      </c>
      <c r="C652" s="22" t="str">
        <f t="shared" si="11"/>
        <v>https://support.microsoft.com/kb/4570012</v>
      </c>
      <c r="D652" s="3" t="s">
        <v>1053</v>
      </c>
      <c r="E652" s="3" t="s">
        <v>100</v>
      </c>
      <c r="F652" s="3" t="s">
        <v>125</v>
      </c>
      <c r="G652" s="3" t="s">
        <v>105</v>
      </c>
      <c r="H652" s="3">
        <v>2019</v>
      </c>
      <c r="I652" s="3" t="s">
        <v>103</v>
      </c>
      <c r="J652" s="3" t="s">
        <v>68</v>
      </c>
      <c r="K652" s="14">
        <v>44076</v>
      </c>
      <c r="L652" s="3" t="s">
        <v>534</v>
      </c>
    </row>
    <row r="653" spans="1:12" x14ac:dyDescent="0.3">
      <c r="A653" s="11">
        <v>13647491</v>
      </c>
      <c r="B653" s="11">
        <v>4576778</v>
      </c>
      <c r="C653" s="22" t="str">
        <f t="shared" si="11"/>
        <v>https://support.microsoft.com/kb/4576778</v>
      </c>
      <c r="D653" s="3" t="s">
        <v>1054</v>
      </c>
      <c r="E653" s="3" t="s">
        <v>100</v>
      </c>
      <c r="F653" s="3" t="s">
        <v>110</v>
      </c>
      <c r="G653" s="3" t="s">
        <v>105</v>
      </c>
      <c r="H653" s="3">
        <v>2019</v>
      </c>
      <c r="I653" s="3" t="s">
        <v>103</v>
      </c>
      <c r="J653" s="3" t="s">
        <v>68</v>
      </c>
      <c r="K653" s="14">
        <v>44076</v>
      </c>
      <c r="L653" s="3" t="s">
        <v>534</v>
      </c>
    </row>
    <row r="654" spans="1:12" x14ac:dyDescent="0.3">
      <c r="A654" s="11">
        <v>13643805</v>
      </c>
      <c r="B654" s="11">
        <v>4577594</v>
      </c>
      <c r="C654" s="22" t="str">
        <f t="shared" si="11"/>
        <v>https://support.microsoft.com/kb/4577594</v>
      </c>
      <c r="D654" s="3" t="s">
        <v>1055</v>
      </c>
      <c r="E654" s="3" t="s">
        <v>100</v>
      </c>
      <c r="F654" s="3" t="s">
        <v>125</v>
      </c>
      <c r="G654" s="3" t="s">
        <v>105</v>
      </c>
      <c r="H654" s="3">
        <v>2019</v>
      </c>
      <c r="I654" s="3" t="s">
        <v>103</v>
      </c>
      <c r="J654" s="3" t="s">
        <v>68</v>
      </c>
      <c r="K654" s="14">
        <v>44076</v>
      </c>
      <c r="L654" s="3" t="s">
        <v>534</v>
      </c>
    </row>
    <row r="655" spans="1:12" x14ac:dyDescent="0.3">
      <c r="A655" s="11">
        <v>13643390</v>
      </c>
      <c r="B655" s="11">
        <v>4570012</v>
      </c>
      <c r="C655" s="22" t="str">
        <f t="shared" si="11"/>
        <v>https://support.microsoft.com/kb/4570012</v>
      </c>
      <c r="D655" s="3" t="s">
        <v>1056</v>
      </c>
      <c r="E655" s="3" t="s">
        <v>100</v>
      </c>
      <c r="F655" s="3" t="s">
        <v>125</v>
      </c>
      <c r="G655" s="3" t="s">
        <v>105</v>
      </c>
      <c r="H655" s="3">
        <v>2019</v>
      </c>
      <c r="I655" s="3" t="s">
        <v>103</v>
      </c>
      <c r="J655" s="3" t="s">
        <v>68</v>
      </c>
      <c r="K655" s="14">
        <v>44076</v>
      </c>
      <c r="L655" s="3" t="s">
        <v>534</v>
      </c>
    </row>
    <row r="656" spans="1:12" x14ac:dyDescent="0.3">
      <c r="A656" s="11">
        <v>13643332</v>
      </c>
      <c r="B656" s="11">
        <v>4538581</v>
      </c>
      <c r="C656" s="22" t="str">
        <f t="shared" si="11"/>
        <v>https://support.microsoft.com/kb/4538581</v>
      </c>
      <c r="D656" s="3" t="s">
        <v>703</v>
      </c>
      <c r="E656" s="3" t="s">
        <v>100</v>
      </c>
      <c r="F656" s="3" t="s">
        <v>110</v>
      </c>
      <c r="G656" s="3" t="s">
        <v>105</v>
      </c>
      <c r="H656" s="3">
        <v>2019</v>
      </c>
      <c r="I656" s="3" t="s">
        <v>103</v>
      </c>
      <c r="J656" s="3" t="s">
        <v>68</v>
      </c>
      <c r="K656" s="14">
        <v>44076</v>
      </c>
      <c r="L656" s="3" t="s">
        <v>534</v>
      </c>
    </row>
    <row r="657" spans="1:12" x14ac:dyDescent="0.3">
      <c r="A657" s="11">
        <v>13636909</v>
      </c>
      <c r="B657" s="11">
        <v>4034376</v>
      </c>
      <c r="C657" s="22" t="str">
        <f t="shared" si="11"/>
        <v>https://support.microsoft.com/kb/4034376</v>
      </c>
      <c r="D657" s="3" t="s">
        <v>133</v>
      </c>
      <c r="E657" s="3" t="s">
        <v>100</v>
      </c>
      <c r="F657" s="3" t="s">
        <v>120</v>
      </c>
      <c r="G657" s="3" t="s">
        <v>1057</v>
      </c>
      <c r="H657" s="3">
        <v>2019</v>
      </c>
      <c r="I657" s="3" t="s">
        <v>103</v>
      </c>
      <c r="J657" s="3" t="s">
        <v>68</v>
      </c>
      <c r="K657" s="14">
        <v>44076</v>
      </c>
      <c r="L657" s="3" t="s">
        <v>534</v>
      </c>
    </row>
    <row r="658" spans="1:12" x14ac:dyDescent="0.3">
      <c r="A658" s="11">
        <v>13635355</v>
      </c>
      <c r="B658" s="11">
        <v>4578395</v>
      </c>
      <c r="C658" s="22" t="str">
        <f t="shared" si="11"/>
        <v>https://support.microsoft.com/kb/4578395</v>
      </c>
      <c r="D658" s="3" t="s">
        <v>1058</v>
      </c>
      <c r="E658" s="3" t="s">
        <v>100</v>
      </c>
      <c r="F658" s="3" t="s">
        <v>137</v>
      </c>
      <c r="G658" s="3" t="s">
        <v>105</v>
      </c>
      <c r="H658" s="3">
        <v>2019</v>
      </c>
      <c r="I658" s="3" t="s">
        <v>103</v>
      </c>
      <c r="J658" s="3" t="s">
        <v>68</v>
      </c>
      <c r="K658" s="14">
        <v>44076</v>
      </c>
      <c r="L658" s="3" t="s">
        <v>534</v>
      </c>
    </row>
    <row r="659" spans="1:12" x14ac:dyDescent="0.3">
      <c r="A659" s="11">
        <v>13634075</v>
      </c>
      <c r="B659" s="11">
        <v>4577590</v>
      </c>
      <c r="C659" s="22" t="str">
        <f t="shared" si="11"/>
        <v>https://support.microsoft.com/kb/4577590</v>
      </c>
      <c r="D659" s="3" t="s">
        <v>1059</v>
      </c>
      <c r="E659" s="3" t="s">
        <v>100</v>
      </c>
      <c r="F659" s="3" t="s">
        <v>579</v>
      </c>
      <c r="G659" s="3" t="s">
        <v>116</v>
      </c>
      <c r="H659" s="3">
        <v>2019</v>
      </c>
      <c r="I659" s="3" t="s">
        <v>103</v>
      </c>
      <c r="J659" s="3" t="s">
        <v>68</v>
      </c>
      <c r="K659" s="14">
        <v>44076</v>
      </c>
      <c r="L659" s="3" t="s">
        <v>534</v>
      </c>
    </row>
    <row r="660" spans="1:12" x14ac:dyDescent="0.3">
      <c r="A660" s="11">
        <v>13632226</v>
      </c>
      <c r="B660" s="11">
        <v>4570012</v>
      </c>
      <c r="C660" s="22" t="str">
        <f t="shared" si="11"/>
        <v>https://support.microsoft.com/kb/4570012</v>
      </c>
      <c r="D660" s="3" t="s">
        <v>1060</v>
      </c>
      <c r="E660" s="3" t="s">
        <v>178</v>
      </c>
      <c r="F660" s="3" t="s">
        <v>178</v>
      </c>
      <c r="G660" s="3" t="s">
        <v>102</v>
      </c>
      <c r="H660" s="3">
        <v>2019</v>
      </c>
      <c r="I660" s="3" t="s">
        <v>103</v>
      </c>
      <c r="J660" s="3" t="s">
        <v>68</v>
      </c>
      <c r="K660" s="14">
        <v>44076</v>
      </c>
      <c r="L660" s="3" t="s">
        <v>534</v>
      </c>
    </row>
    <row r="661" spans="1:12" x14ac:dyDescent="0.3">
      <c r="A661" s="11">
        <v>13628489</v>
      </c>
      <c r="B661" s="11">
        <v>4577591</v>
      </c>
      <c r="C661" s="22" t="str">
        <f t="shared" si="11"/>
        <v>https://support.microsoft.com/kb/4577591</v>
      </c>
      <c r="D661" s="3" t="s">
        <v>1061</v>
      </c>
      <c r="E661" s="3" t="s">
        <v>100</v>
      </c>
      <c r="F661" s="3" t="s">
        <v>579</v>
      </c>
      <c r="G661" s="3" t="s">
        <v>116</v>
      </c>
      <c r="H661" s="3">
        <v>2019</v>
      </c>
      <c r="I661" s="3" t="s">
        <v>103</v>
      </c>
      <c r="J661" s="3" t="s">
        <v>68</v>
      </c>
      <c r="K661" s="14">
        <v>44076</v>
      </c>
      <c r="L661" s="3" t="s">
        <v>534</v>
      </c>
    </row>
    <row r="662" spans="1:12" x14ac:dyDescent="0.3">
      <c r="A662" s="11">
        <v>13627086</v>
      </c>
      <c r="B662" s="11">
        <v>4570012</v>
      </c>
      <c r="C662" s="22" t="str">
        <f t="shared" si="11"/>
        <v>https://support.microsoft.com/kb/4570012</v>
      </c>
      <c r="D662" s="3" t="s">
        <v>1062</v>
      </c>
      <c r="E662" s="3" t="s">
        <v>100</v>
      </c>
      <c r="F662" s="3" t="s">
        <v>116</v>
      </c>
      <c r="G662" s="3" t="s">
        <v>116</v>
      </c>
      <c r="H662" s="3">
        <v>2019</v>
      </c>
      <c r="I662" s="3" t="s">
        <v>103</v>
      </c>
      <c r="J662" s="3" t="s">
        <v>68</v>
      </c>
      <c r="K662" s="14">
        <v>44076</v>
      </c>
      <c r="L662" s="3" t="s">
        <v>534</v>
      </c>
    </row>
    <row r="663" spans="1:12" x14ac:dyDescent="0.3">
      <c r="A663" s="11">
        <v>13626378</v>
      </c>
      <c r="B663" s="11">
        <v>4570012</v>
      </c>
      <c r="C663" s="22" t="str">
        <f t="shared" si="11"/>
        <v>https://support.microsoft.com/kb/4570012</v>
      </c>
      <c r="D663" s="3" t="s">
        <v>1063</v>
      </c>
      <c r="E663" s="3" t="s">
        <v>178</v>
      </c>
      <c r="F663" s="3" t="s">
        <v>775</v>
      </c>
      <c r="G663" s="3" t="s">
        <v>102</v>
      </c>
      <c r="H663" s="3">
        <v>2019</v>
      </c>
      <c r="I663" s="3" t="s">
        <v>103</v>
      </c>
      <c r="J663" s="3" t="s">
        <v>68</v>
      </c>
      <c r="K663" s="14">
        <v>44076</v>
      </c>
      <c r="L663" s="3" t="s">
        <v>534</v>
      </c>
    </row>
    <row r="664" spans="1:12" x14ac:dyDescent="0.3">
      <c r="A664" s="11">
        <v>13621665</v>
      </c>
      <c r="B664" s="11">
        <v>4574801</v>
      </c>
      <c r="C664" s="22" t="str">
        <f t="shared" si="11"/>
        <v>https://support.microsoft.com/kb/4574801</v>
      </c>
      <c r="D664" s="3" t="s">
        <v>1064</v>
      </c>
      <c r="E664" s="3" t="s">
        <v>100</v>
      </c>
      <c r="F664" s="3" t="s">
        <v>579</v>
      </c>
      <c r="G664" s="3" t="s">
        <v>105</v>
      </c>
      <c r="H664" s="3">
        <v>2019</v>
      </c>
      <c r="I664" s="3" t="s">
        <v>103</v>
      </c>
      <c r="J664" s="3" t="s">
        <v>68</v>
      </c>
      <c r="K664" s="14">
        <v>44076</v>
      </c>
      <c r="L664" s="3" t="s">
        <v>534</v>
      </c>
    </row>
    <row r="665" spans="1:12" x14ac:dyDescent="0.3">
      <c r="A665" s="11">
        <v>13619478</v>
      </c>
      <c r="B665" s="11">
        <v>4570012</v>
      </c>
      <c r="C665" s="22" t="str">
        <f t="shared" si="11"/>
        <v>https://support.microsoft.com/kb/4570012</v>
      </c>
      <c r="D665" s="3" t="s">
        <v>1065</v>
      </c>
      <c r="E665" s="3" t="s">
        <v>100</v>
      </c>
      <c r="F665" s="3" t="s">
        <v>125</v>
      </c>
      <c r="G665" s="3" t="s">
        <v>102</v>
      </c>
      <c r="H665" s="3">
        <v>2019</v>
      </c>
      <c r="I665" s="3" t="s">
        <v>103</v>
      </c>
      <c r="J665" s="3" t="s">
        <v>68</v>
      </c>
      <c r="K665" s="14">
        <v>44076</v>
      </c>
      <c r="L665" s="3" t="s">
        <v>534</v>
      </c>
    </row>
    <row r="666" spans="1:12" x14ac:dyDescent="0.3">
      <c r="A666" s="11">
        <v>13616383</v>
      </c>
      <c r="B666" s="11">
        <v>4570012</v>
      </c>
      <c r="C666" s="22" t="str">
        <f t="shared" si="11"/>
        <v>https://support.microsoft.com/kb/4570012</v>
      </c>
      <c r="D666" s="3" t="s">
        <v>1066</v>
      </c>
      <c r="E666" s="3" t="s">
        <v>100</v>
      </c>
      <c r="F666" s="3" t="s">
        <v>127</v>
      </c>
      <c r="G666" s="3" t="s">
        <v>102</v>
      </c>
      <c r="H666" s="3">
        <v>2019</v>
      </c>
      <c r="I666" s="3" t="s">
        <v>103</v>
      </c>
      <c r="J666" s="3" t="s">
        <v>68</v>
      </c>
      <c r="K666" s="14">
        <v>44076</v>
      </c>
      <c r="L666" s="3" t="s">
        <v>534</v>
      </c>
    </row>
    <row r="667" spans="1:12" x14ac:dyDescent="0.3">
      <c r="A667" s="11">
        <v>13607160</v>
      </c>
      <c r="B667" s="11">
        <v>4570012</v>
      </c>
      <c r="C667" s="22" t="str">
        <f t="shared" si="11"/>
        <v>https://support.microsoft.com/kb/4570012</v>
      </c>
      <c r="D667" s="3" t="s">
        <v>1067</v>
      </c>
      <c r="E667" s="3" t="s">
        <v>178</v>
      </c>
      <c r="F667" s="3" t="s">
        <v>178</v>
      </c>
      <c r="G667" s="3" t="s">
        <v>102</v>
      </c>
      <c r="H667" s="3">
        <v>2019</v>
      </c>
      <c r="I667" s="3" t="s">
        <v>103</v>
      </c>
      <c r="J667" s="3" t="s">
        <v>68</v>
      </c>
      <c r="K667" s="14">
        <v>44076</v>
      </c>
      <c r="L667" s="3" t="s">
        <v>534</v>
      </c>
    </row>
    <row r="668" spans="1:12" x14ac:dyDescent="0.3">
      <c r="A668" s="11">
        <v>13607158</v>
      </c>
      <c r="B668" s="11">
        <v>4570012</v>
      </c>
      <c r="C668" s="22" t="str">
        <f t="shared" si="11"/>
        <v>https://support.microsoft.com/kb/4570012</v>
      </c>
      <c r="D668" s="3" t="s">
        <v>1068</v>
      </c>
      <c r="E668" s="3" t="s">
        <v>100</v>
      </c>
      <c r="F668" s="3" t="s">
        <v>113</v>
      </c>
      <c r="G668" s="3" t="s">
        <v>105</v>
      </c>
      <c r="H668" s="3">
        <v>2019</v>
      </c>
      <c r="I668" s="3" t="s">
        <v>103</v>
      </c>
      <c r="J668" s="3" t="s">
        <v>68</v>
      </c>
      <c r="K668" s="14">
        <v>44076</v>
      </c>
      <c r="L668" s="3" t="s">
        <v>534</v>
      </c>
    </row>
    <row r="669" spans="1:12" x14ac:dyDescent="0.3">
      <c r="A669" s="11">
        <v>13607145</v>
      </c>
      <c r="B669" s="11">
        <v>4570012</v>
      </c>
      <c r="C669" s="22" t="str">
        <f t="shared" si="11"/>
        <v>https://support.microsoft.com/kb/4570012</v>
      </c>
      <c r="D669" s="3" t="s">
        <v>1069</v>
      </c>
      <c r="E669" s="3" t="s">
        <v>180</v>
      </c>
      <c r="F669" s="3" t="s">
        <v>180</v>
      </c>
      <c r="G669" s="3" t="s">
        <v>102</v>
      </c>
      <c r="H669" s="3">
        <v>2019</v>
      </c>
      <c r="I669" s="3" t="s">
        <v>103</v>
      </c>
      <c r="J669" s="3" t="s">
        <v>68</v>
      </c>
      <c r="K669" s="14">
        <v>44076</v>
      </c>
      <c r="L669" s="3" t="s">
        <v>534</v>
      </c>
    </row>
    <row r="670" spans="1:12" x14ac:dyDescent="0.3">
      <c r="A670" s="11">
        <v>13607144</v>
      </c>
      <c r="B670" s="11">
        <v>4570012</v>
      </c>
      <c r="C670" s="22" t="str">
        <f t="shared" si="11"/>
        <v>https://support.microsoft.com/kb/4570012</v>
      </c>
      <c r="D670" s="3" t="s">
        <v>1070</v>
      </c>
      <c r="E670" s="3" t="s">
        <v>380</v>
      </c>
      <c r="F670" s="3" t="s">
        <v>689</v>
      </c>
      <c r="G670" s="3" t="s">
        <v>102</v>
      </c>
      <c r="H670" s="3">
        <v>2019</v>
      </c>
      <c r="I670" s="3" t="s">
        <v>103</v>
      </c>
      <c r="J670" s="3" t="s">
        <v>68</v>
      </c>
      <c r="K670" s="14">
        <v>44076</v>
      </c>
      <c r="L670" s="3" t="s">
        <v>534</v>
      </c>
    </row>
    <row r="671" spans="1:12" x14ac:dyDescent="0.3">
      <c r="A671" s="11">
        <v>13607143</v>
      </c>
      <c r="B671" s="11">
        <v>4570012</v>
      </c>
      <c r="C671" s="22" t="str">
        <f t="shared" si="11"/>
        <v>https://support.microsoft.com/kb/4570012</v>
      </c>
      <c r="D671" s="3" t="s">
        <v>1071</v>
      </c>
      <c r="E671" s="3" t="s">
        <v>100</v>
      </c>
      <c r="F671" s="3" t="s">
        <v>113</v>
      </c>
      <c r="G671" s="3" t="s">
        <v>102</v>
      </c>
      <c r="H671" s="3">
        <v>2019</v>
      </c>
      <c r="I671" s="3" t="s">
        <v>103</v>
      </c>
      <c r="J671" s="3" t="s">
        <v>68</v>
      </c>
      <c r="K671" s="14">
        <v>44076</v>
      </c>
      <c r="L671" s="3" t="s">
        <v>534</v>
      </c>
    </row>
    <row r="672" spans="1:12" x14ac:dyDescent="0.3">
      <c r="A672" s="11">
        <v>13607142</v>
      </c>
      <c r="B672" s="11">
        <v>4569424</v>
      </c>
      <c r="C672" s="22" t="str">
        <f t="shared" si="11"/>
        <v>https://support.microsoft.com/kb/4569424</v>
      </c>
      <c r="D672" s="3" t="s">
        <v>1072</v>
      </c>
      <c r="E672" s="3" t="s">
        <v>100</v>
      </c>
      <c r="F672" s="3" t="s">
        <v>101</v>
      </c>
      <c r="G672" s="3" t="s">
        <v>116</v>
      </c>
      <c r="H672" s="3">
        <v>2019</v>
      </c>
      <c r="I672" s="3" t="s">
        <v>103</v>
      </c>
      <c r="J672" s="3" t="s">
        <v>68</v>
      </c>
      <c r="K672" s="14">
        <v>44076</v>
      </c>
      <c r="L672" s="3" t="s">
        <v>534</v>
      </c>
    </row>
    <row r="673" spans="1:12" x14ac:dyDescent="0.3">
      <c r="A673" s="11">
        <v>13607141</v>
      </c>
      <c r="B673" s="11">
        <v>4570012</v>
      </c>
      <c r="C673" s="22" t="str">
        <f t="shared" si="11"/>
        <v>https://support.microsoft.com/kb/4570012</v>
      </c>
      <c r="D673" s="3" t="s">
        <v>1073</v>
      </c>
      <c r="E673" s="3" t="s">
        <v>100</v>
      </c>
      <c r="F673" s="3" t="s">
        <v>101</v>
      </c>
      <c r="G673" s="3" t="s">
        <v>105</v>
      </c>
      <c r="H673" s="3">
        <v>2019</v>
      </c>
      <c r="I673" s="3" t="s">
        <v>103</v>
      </c>
      <c r="J673" s="3" t="s">
        <v>68</v>
      </c>
      <c r="K673" s="14">
        <v>44076</v>
      </c>
      <c r="L673" s="3" t="s">
        <v>534</v>
      </c>
    </row>
    <row r="674" spans="1:12" x14ac:dyDescent="0.3">
      <c r="A674" s="11">
        <v>13607140</v>
      </c>
      <c r="B674" s="11">
        <v>4570012</v>
      </c>
      <c r="C674" s="22" t="str">
        <f t="shared" ref="C674:C737" si="12">HYPERLINK("https://support.microsoft.com/kb/"&amp;B674)</f>
        <v>https://support.microsoft.com/kb/4570012</v>
      </c>
      <c r="D674" s="3" t="s">
        <v>1074</v>
      </c>
      <c r="E674" s="3" t="s">
        <v>100</v>
      </c>
      <c r="F674" s="3" t="s">
        <v>101</v>
      </c>
      <c r="G674" s="3" t="s">
        <v>116</v>
      </c>
      <c r="H674" s="3">
        <v>2019</v>
      </c>
      <c r="I674" s="3" t="s">
        <v>103</v>
      </c>
      <c r="J674" s="3" t="s">
        <v>68</v>
      </c>
      <c r="K674" s="14">
        <v>44076</v>
      </c>
      <c r="L674" s="3" t="s">
        <v>534</v>
      </c>
    </row>
    <row r="675" spans="1:12" x14ac:dyDescent="0.3">
      <c r="A675" s="11">
        <v>13607136</v>
      </c>
      <c r="B675" s="11">
        <v>4570012</v>
      </c>
      <c r="C675" s="22" t="str">
        <f t="shared" si="12"/>
        <v>https://support.microsoft.com/kb/4570012</v>
      </c>
      <c r="D675" s="3" t="s">
        <v>1075</v>
      </c>
      <c r="E675" s="3" t="s">
        <v>180</v>
      </c>
      <c r="F675" s="3" t="s">
        <v>180</v>
      </c>
      <c r="G675" s="3" t="s">
        <v>102</v>
      </c>
      <c r="H675" s="3">
        <v>2019</v>
      </c>
      <c r="I675" s="3" t="s">
        <v>103</v>
      </c>
      <c r="J675" s="3" t="s">
        <v>68</v>
      </c>
      <c r="K675" s="14">
        <v>44076</v>
      </c>
      <c r="L675" s="3" t="s">
        <v>534</v>
      </c>
    </row>
    <row r="676" spans="1:12" x14ac:dyDescent="0.3">
      <c r="A676" s="11">
        <v>13607135</v>
      </c>
      <c r="B676" s="11">
        <v>4567166</v>
      </c>
      <c r="C676" s="22" t="str">
        <f t="shared" si="12"/>
        <v>https://support.microsoft.com/kb/4567166</v>
      </c>
      <c r="D676" s="3" t="s">
        <v>1076</v>
      </c>
      <c r="E676" s="3" t="s">
        <v>100</v>
      </c>
      <c r="F676" s="3" t="s">
        <v>161</v>
      </c>
      <c r="G676" s="3" t="s">
        <v>102</v>
      </c>
      <c r="H676" s="3">
        <v>2019</v>
      </c>
      <c r="I676" s="3" t="s">
        <v>103</v>
      </c>
      <c r="J676" s="3" t="s">
        <v>68</v>
      </c>
      <c r="K676" s="14">
        <v>44076</v>
      </c>
      <c r="L676" s="3" t="s">
        <v>534</v>
      </c>
    </row>
    <row r="677" spans="1:12" x14ac:dyDescent="0.3">
      <c r="A677" s="11">
        <v>13607134</v>
      </c>
      <c r="B677" s="11">
        <v>4569425</v>
      </c>
      <c r="C677" s="22" t="str">
        <f t="shared" si="12"/>
        <v>https://support.microsoft.com/kb/4569425</v>
      </c>
      <c r="D677" s="3" t="s">
        <v>1077</v>
      </c>
      <c r="E677" s="3" t="s">
        <v>100</v>
      </c>
      <c r="F677" s="3" t="s">
        <v>120</v>
      </c>
      <c r="G677" s="3" t="s">
        <v>102</v>
      </c>
      <c r="H677" s="3">
        <v>2019</v>
      </c>
      <c r="I677" s="3" t="s">
        <v>103</v>
      </c>
      <c r="J677" s="3" t="s">
        <v>68</v>
      </c>
      <c r="K677" s="14">
        <v>44076</v>
      </c>
      <c r="L677" s="3" t="s">
        <v>534</v>
      </c>
    </row>
    <row r="678" spans="1:12" x14ac:dyDescent="0.3">
      <c r="A678" s="11">
        <v>13606684</v>
      </c>
      <c r="B678" s="11">
        <v>4570012</v>
      </c>
      <c r="C678" s="22" t="str">
        <f t="shared" si="12"/>
        <v>https://support.microsoft.com/kb/4570012</v>
      </c>
      <c r="D678" s="3" t="s">
        <v>1078</v>
      </c>
      <c r="E678" s="3" t="s">
        <v>100</v>
      </c>
      <c r="F678" s="3" t="s">
        <v>214</v>
      </c>
      <c r="G678" s="3" t="s">
        <v>105</v>
      </c>
      <c r="H678" s="3">
        <v>2019</v>
      </c>
      <c r="I678" s="3" t="s">
        <v>103</v>
      </c>
      <c r="J678" s="3" t="s">
        <v>68</v>
      </c>
      <c r="K678" s="14">
        <v>44076</v>
      </c>
      <c r="L678" s="3" t="s">
        <v>534</v>
      </c>
    </row>
    <row r="679" spans="1:12" x14ac:dyDescent="0.3">
      <c r="A679" s="11">
        <v>13606017</v>
      </c>
      <c r="B679" s="11">
        <v>4570012</v>
      </c>
      <c r="C679" s="22" t="str">
        <f t="shared" si="12"/>
        <v>https://support.microsoft.com/kb/4570012</v>
      </c>
      <c r="D679" s="3" t="s">
        <v>1079</v>
      </c>
      <c r="E679" s="3" t="s">
        <v>178</v>
      </c>
      <c r="F679" s="3" t="s">
        <v>178</v>
      </c>
      <c r="G679" s="3" t="s">
        <v>102</v>
      </c>
      <c r="H679" s="3">
        <v>2019</v>
      </c>
      <c r="I679" s="3" t="s">
        <v>103</v>
      </c>
      <c r="J679" s="3" t="s">
        <v>68</v>
      </c>
      <c r="K679" s="14">
        <v>44076</v>
      </c>
      <c r="L679" s="3" t="s">
        <v>534</v>
      </c>
    </row>
    <row r="680" spans="1:12" x14ac:dyDescent="0.3">
      <c r="A680" s="11">
        <v>13602806</v>
      </c>
      <c r="B680" s="11">
        <v>4570012</v>
      </c>
      <c r="C680" s="22" t="str">
        <f t="shared" si="12"/>
        <v>https://support.microsoft.com/kb/4570012</v>
      </c>
      <c r="D680" s="3" t="s">
        <v>1080</v>
      </c>
      <c r="E680" s="3" t="s">
        <v>217</v>
      </c>
      <c r="F680" s="3" t="s">
        <v>276</v>
      </c>
      <c r="G680" s="3" t="s">
        <v>102</v>
      </c>
      <c r="H680" s="3">
        <v>2019</v>
      </c>
      <c r="I680" s="3" t="s">
        <v>103</v>
      </c>
      <c r="J680" s="3" t="s">
        <v>68</v>
      </c>
      <c r="K680" s="14">
        <v>44076</v>
      </c>
      <c r="L680" s="3" t="s">
        <v>534</v>
      </c>
    </row>
    <row r="681" spans="1:12" x14ac:dyDescent="0.3">
      <c r="A681" s="11">
        <v>13598937</v>
      </c>
      <c r="B681" s="11">
        <v>4570012</v>
      </c>
      <c r="C681" s="22" t="str">
        <f t="shared" si="12"/>
        <v>https://support.microsoft.com/kb/4570012</v>
      </c>
      <c r="D681" s="3" t="s">
        <v>1081</v>
      </c>
      <c r="E681" s="3" t="s">
        <v>100</v>
      </c>
      <c r="F681" s="3" t="s">
        <v>127</v>
      </c>
      <c r="G681" s="3" t="s">
        <v>102</v>
      </c>
      <c r="H681" s="3">
        <v>2019</v>
      </c>
      <c r="I681" s="3" t="s">
        <v>103</v>
      </c>
      <c r="J681" s="3" t="s">
        <v>68</v>
      </c>
      <c r="K681" s="14">
        <v>44076</v>
      </c>
      <c r="L681" s="3" t="s">
        <v>534</v>
      </c>
    </row>
    <row r="682" spans="1:12" x14ac:dyDescent="0.3">
      <c r="A682" s="11">
        <v>13598933</v>
      </c>
      <c r="B682" s="11">
        <v>4570012</v>
      </c>
      <c r="C682" s="22" t="str">
        <f t="shared" si="12"/>
        <v>https://support.microsoft.com/kb/4570012</v>
      </c>
      <c r="D682" s="3" t="s">
        <v>1082</v>
      </c>
      <c r="E682" s="3" t="s">
        <v>100</v>
      </c>
      <c r="F682" s="3" t="s">
        <v>101</v>
      </c>
      <c r="G682" s="3" t="s">
        <v>102</v>
      </c>
      <c r="H682" s="3">
        <v>2019</v>
      </c>
      <c r="I682" s="3" t="s">
        <v>103</v>
      </c>
      <c r="J682" s="3" t="s">
        <v>68</v>
      </c>
      <c r="K682" s="14">
        <v>44076</v>
      </c>
      <c r="L682" s="3" t="s">
        <v>534</v>
      </c>
    </row>
    <row r="683" spans="1:12" x14ac:dyDescent="0.3">
      <c r="A683" s="11">
        <v>13598931</v>
      </c>
      <c r="B683" s="11">
        <v>4561305</v>
      </c>
      <c r="C683" s="22" t="str">
        <f t="shared" si="12"/>
        <v>https://support.microsoft.com/kb/4561305</v>
      </c>
      <c r="D683" s="3" t="s">
        <v>1083</v>
      </c>
      <c r="E683" s="3" t="s">
        <v>100</v>
      </c>
      <c r="F683" s="3" t="s">
        <v>214</v>
      </c>
      <c r="G683" s="3" t="s">
        <v>105</v>
      </c>
      <c r="H683" s="3">
        <v>2019</v>
      </c>
      <c r="I683" s="3" t="s">
        <v>103</v>
      </c>
      <c r="J683" s="3" t="s">
        <v>68</v>
      </c>
      <c r="K683" s="14">
        <v>44076</v>
      </c>
      <c r="L683" s="3" t="s">
        <v>534</v>
      </c>
    </row>
    <row r="684" spans="1:12" x14ac:dyDescent="0.3">
      <c r="A684" s="11">
        <v>13598927</v>
      </c>
      <c r="B684" s="11">
        <v>4560183</v>
      </c>
      <c r="C684" s="22" t="str">
        <f t="shared" si="12"/>
        <v>https://support.microsoft.com/kb/4560183</v>
      </c>
      <c r="D684" s="3" t="s">
        <v>1084</v>
      </c>
      <c r="E684" s="3" t="s">
        <v>100</v>
      </c>
      <c r="F684" s="3" t="s">
        <v>165</v>
      </c>
      <c r="G684" s="3" t="s">
        <v>102</v>
      </c>
      <c r="H684" s="3">
        <v>2019</v>
      </c>
      <c r="I684" s="3" t="s">
        <v>103</v>
      </c>
      <c r="J684" s="3" t="s">
        <v>68</v>
      </c>
      <c r="K684" s="14">
        <v>44076</v>
      </c>
      <c r="L684" s="3" t="s">
        <v>534</v>
      </c>
    </row>
    <row r="685" spans="1:12" x14ac:dyDescent="0.3">
      <c r="A685" s="11">
        <v>13598925</v>
      </c>
      <c r="B685" s="11">
        <v>4570012</v>
      </c>
      <c r="C685" s="22" t="str">
        <f t="shared" si="12"/>
        <v>https://support.microsoft.com/kb/4570012</v>
      </c>
      <c r="D685" s="3" t="s">
        <v>1085</v>
      </c>
      <c r="E685" s="3" t="s">
        <v>100</v>
      </c>
      <c r="F685" s="3" t="s">
        <v>153</v>
      </c>
      <c r="G685" s="3" t="s">
        <v>102</v>
      </c>
      <c r="H685" s="3">
        <v>2019</v>
      </c>
      <c r="I685" s="3" t="s">
        <v>103</v>
      </c>
      <c r="J685" s="3" t="s">
        <v>68</v>
      </c>
      <c r="K685" s="14">
        <v>44076</v>
      </c>
      <c r="L685" s="3" t="s">
        <v>534</v>
      </c>
    </row>
    <row r="686" spans="1:12" x14ac:dyDescent="0.3">
      <c r="A686" s="11">
        <v>13598911</v>
      </c>
      <c r="B686" s="11">
        <v>4563115</v>
      </c>
      <c r="C686" s="22" t="str">
        <f t="shared" si="12"/>
        <v>https://support.microsoft.com/kb/4563115</v>
      </c>
      <c r="D686" s="3" t="s">
        <v>1086</v>
      </c>
      <c r="E686" s="3" t="s">
        <v>100</v>
      </c>
      <c r="F686" s="3" t="s">
        <v>120</v>
      </c>
      <c r="G686" s="3" t="s">
        <v>102</v>
      </c>
      <c r="H686" s="3">
        <v>2019</v>
      </c>
      <c r="I686" s="3" t="s">
        <v>103</v>
      </c>
      <c r="J686" s="3" t="s">
        <v>68</v>
      </c>
      <c r="K686" s="14">
        <v>44076</v>
      </c>
      <c r="L686" s="3" t="s">
        <v>534</v>
      </c>
    </row>
    <row r="687" spans="1:12" x14ac:dyDescent="0.3">
      <c r="A687" s="11">
        <v>13598909</v>
      </c>
      <c r="B687" s="11">
        <v>4511771</v>
      </c>
      <c r="C687" s="22" t="str">
        <f t="shared" si="12"/>
        <v>https://support.microsoft.com/kb/4511771</v>
      </c>
      <c r="D687" s="3" t="s">
        <v>1087</v>
      </c>
      <c r="E687" s="3" t="s">
        <v>100</v>
      </c>
      <c r="F687" s="3" t="s">
        <v>148</v>
      </c>
      <c r="G687" s="3" t="s">
        <v>102</v>
      </c>
      <c r="H687" s="3">
        <v>2019</v>
      </c>
      <c r="I687" s="3" t="s">
        <v>103</v>
      </c>
      <c r="J687" s="3" t="s">
        <v>68</v>
      </c>
      <c r="K687" s="14">
        <v>44076</v>
      </c>
      <c r="L687" s="3" t="s">
        <v>534</v>
      </c>
    </row>
    <row r="688" spans="1:12" x14ac:dyDescent="0.3">
      <c r="A688" s="11">
        <v>13598907</v>
      </c>
      <c r="B688" s="11">
        <v>4570012</v>
      </c>
      <c r="C688" s="22" t="str">
        <f t="shared" si="12"/>
        <v>https://support.microsoft.com/kb/4570012</v>
      </c>
      <c r="D688" s="3" t="s">
        <v>1088</v>
      </c>
      <c r="E688" s="3" t="s">
        <v>100</v>
      </c>
      <c r="F688" s="3" t="s">
        <v>110</v>
      </c>
      <c r="G688" s="3" t="s">
        <v>102</v>
      </c>
      <c r="H688" s="3">
        <v>2019</v>
      </c>
      <c r="I688" s="3" t="s">
        <v>103</v>
      </c>
      <c r="J688" s="3" t="s">
        <v>68</v>
      </c>
      <c r="K688" s="14">
        <v>44076</v>
      </c>
      <c r="L688" s="3" t="s">
        <v>534</v>
      </c>
    </row>
    <row r="689" spans="1:12" x14ac:dyDescent="0.3">
      <c r="A689" s="11">
        <v>13598905</v>
      </c>
      <c r="B689" s="11">
        <v>4570012</v>
      </c>
      <c r="C689" s="22" t="str">
        <f t="shared" si="12"/>
        <v>https://support.microsoft.com/kb/4570012</v>
      </c>
      <c r="D689" s="3" t="s">
        <v>1089</v>
      </c>
      <c r="E689" s="3" t="s">
        <v>100</v>
      </c>
      <c r="F689" s="3" t="s">
        <v>120</v>
      </c>
      <c r="G689" s="3" t="s">
        <v>102</v>
      </c>
      <c r="H689" s="3">
        <v>2019</v>
      </c>
      <c r="I689" s="3" t="s">
        <v>103</v>
      </c>
      <c r="J689" s="3" t="s">
        <v>68</v>
      </c>
      <c r="K689" s="14">
        <v>44076</v>
      </c>
      <c r="L689" s="3" t="s">
        <v>534</v>
      </c>
    </row>
    <row r="690" spans="1:12" x14ac:dyDescent="0.3">
      <c r="A690" s="11">
        <v>13598899</v>
      </c>
      <c r="B690" s="11">
        <v>4570012</v>
      </c>
      <c r="C690" s="22" t="str">
        <f t="shared" si="12"/>
        <v>https://support.microsoft.com/kb/4570012</v>
      </c>
      <c r="D690" s="3" t="s">
        <v>1090</v>
      </c>
      <c r="E690" s="3" t="s">
        <v>100</v>
      </c>
      <c r="F690" s="3" t="s">
        <v>332</v>
      </c>
      <c r="G690" s="3" t="s">
        <v>102</v>
      </c>
      <c r="H690" s="3">
        <v>2019</v>
      </c>
      <c r="I690" s="3" t="s">
        <v>103</v>
      </c>
      <c r="J690" s="3" t="s">
        <v>68</v>
      </c>
      <c r="K690" s="14">
        <v>44076</v>
      </c>
      <c r="L690" s="3" t="s">
        <v>534</v>
      </c>
    </row>
    <row r="691" spans="1:12" x14ac:dyDescent="0.3">
      <c r="A691" s="11">
        <v>13598896</v>
      </c>
      <c r="B691" s="11">
        <v>4570012</v>
      </c>
      <c r="C691" s="22" t="str">
        <f t="shared" si="12"/>
        <v>https://support.microsoft.com/kb/4570012</v>
      </c>
      <c r="D691" s="3" t="s">
        <v>1091</v>
      </c>
      <c r="E691" s="3" t="s">
        <v>100</v>
      </c>
      <c r="F691" s="3" t="s">
        <v>725</v>
      </c>
      <c r="G691" s="3" t="s">
        <v>102</v>
      </c>
      <c r="H691" s="3">
        <v>2019</v>
      </c>
      <c r="I691" s="3" t="s">
        <v>103</v>
      </c>
      <c r="J691" s="3" t="s">
        <v>68</v>
      </c>
      <c r="K691" s="14">
        <v>44076</v>
      </c>
      <c r="L691" s="3" t="s">
        <v>534</v>
      </c>
    </row>
    <row r="692" spans="1:12" x14ac:dyDescent="0.3">
      <c r="A692" s="11">
        <v>13598885</v>
      </c>
      <c r="B692" s="11">
        <v>4570012</v>
      </c>
      <c r="C692" s="22" t="str">
        <f t="shared" si="12"/>
        <v>https://support.microsoft.com/kb/4570012</v>
      </c>
      <c r="D692" s="3" t="s">
        <v>1092</v>
      </c>
      <c r="E692" s="3" t="s">
        <v>100</v>
      </c>
      <c r="F692" s="3" t="s">
        <v>153</v>
      </c>
      <c r="G692" s="3" t="s">
        <v>102</v>
      </c>
      <c r="H692" s="3">
        <v>2019</v>
      </c>
      <c r="I692" s="3" t="s">
        <v>103</v>
      </c>
      <c r="J692" s="3" t="s">
        <v>68</v>
      </c>
      <c r="K692" s="14">
        <v>44076</v>
      </c>
      <c r="L692" s="3" t="s">
        <v>534</v>
      </c>
    </row>
    <row r="693" spans="1:12" x14ac:dyDescent="0.3">
      <c r="A693" s="11">
        <v>13586253</v>
      </c>
      <c r="B693" s="11">
        <v>4578110</v>
      </c>
      <c r="C693" s="22" t="str">
        <f t="shared" si="12"/>
        <v>https://support.microsoft.com/kb/4578110</v>
      </c>
      <c r="D693" s="3" t="s">
        <v>1093</v>
      </c>
      <c r="E693" s="3" t="s">
        <v>100</v>
      </c>
      <c r="F693" s="3" t="s">
        <v>163</v>
      </c>
      <c r="G693" s="3" t="s">
        <v>102</v>
      </c>
      <c r="H693" s="3">
        <v>2019</v>
      </c>
      <c r="I693" s="3" t="s">
        <v>103</v>
      </c>
      <c r="J693" s="3" t="s">
        <v>68</v>
      </c>
      <c r="K693" s="14">
        <v>44076</v>
      </c>
      <c r="L693" s="3" t="s">
        <v>534</v>
      </c>
    </row>
    <row r="694" spans="1:12" x14ac:dyDescent="0.3">
      <c r="A694" s="11">
        <v>13585628</v>
      </c>
      <c r="B694" s="11">
        <v>4570012</v>
      </c>
      <c r="C694" s="22" t="str">
        <f t="shared" si="12"/>
        <v>https://support.microsoft.com/kb/4570012</v>
      </c>
      <c r="D694" s="3" t="s">
        <v>1094</v>
      </c>
      <c r="E694" s="3" t="s">
        <v>380</v>
      </c>
      <c r="F694" s="3" t="s">
        <v>945</v>
      </c>
      <c r="G694" s="3" t="s">
        <v>102</v>
      </c>
      <c r="H694" s="3">
        <v>2019</v>
      </c>
      <c r="I694" s="3" t="s">
        <v>103</v>
      </c>
      <c r="J694" s="3" t="s">
        <v>68</v>
      </c>
      <c r="K694" s="14">
        <v>44076</v>
      </c>
      <c r="L694" s="3" t="s">
        <v>534</v>
      </c>
    </row>
    <row r="695" spans="1:12" x14ac:dyDescent="0.3">
      <c r="A695" s="11">
        <v>13583547</v>
      </c>
      <c r="B695" s="11">
        <v>4577561</v>
      </c>
      <c r="C695" s="22" t="str">
        <f t="shared" si="12"/>
        <v>https://support.microsoft.com/kb/4577561</v>
      </c>
      <c r="D695" s="3" t="s">
        <v>1095</v>
      </c>
      <c r="E695" s="3" t="s">
        <v>178</v>
      </c>
      <c r="F695" s="3" t="s">
        <v>178</v>
      </c>
      <c r="G695" s="3" t="s">
        <v>102</v>
      </c>
      <c r="H695" s="3">
        <v>2019</v>
      </c>
      <c r="I695" s="3" t="s">
        <v>103</v>
      </c>
      <c r="J695" s="3" t="s">
        <v>68</v>
      </c>
      <c r="K695" s="14">
        <v>44076</v>
      </c>
      <c r="L695" s="3" t="s">
        <v>534</v>
      </c>
    </row>
    <row r="696" spans="1:12" x14ac:dyDescent="0.3">
      <c r="A696" s="11">
        <v>13578549</v>
      </c>
      <c r="B696" s="11">
        <v>4570012</v>
      </c>
      <c r="C696" s="22" t="str">
        <f t="shared" si="12"/>
        <v>https://support.microsoft.com/kb/4570012</v>
      </c>
      <c r="D696" s="3" t="s">
        <v>1096</v>
      </c>
      <c r="E696" s="3" t="s">
        <v>100</v>
      </c>
      <c r="F696" s="3" t="s">
        <v>579</v>
      </c>
      <c r="G696" s="3" t="s">
        <v>116</v>
      </c>
      <c r="H696" s="3">
        <v>2019</v>
      </c>
      <c r="I696" s="3" t="s">
        <v>103</v>
      </c>
      <c r="J696" s="3" t="s">
        <v>68</v>
      </c>
      <c r="K696" s="14">
        <v>44076</v>
      </c>
      <c r="L696" s="3" t="s">
        <v>534</v>
      </c>
    </row>
    <row r="697" spans="1:12" x14ac:dyDescent="0.3">
      <c r="A697" s="11">
        <v>13567739</v>
      </c>
      <c r="B697" s="11">
        <v>4570012</v>
      </c>
      <c r="C697" s="22" t="str">
        <f t="shared" si="12"/>
        <v>https://support.microsoft.com/kb/4570012</v>
      </c>
      <c r="D697" s="3" t="s">
        <v>1097</v>
      </c>
      <c r="E697" s="3" t="s">
        <v>100</v>
      </c>
      <c r="F697" s="3" t="s">
        <v>101</v>
      </c>
      <c r="G697" s="3" t="s">
        <v>102</v>
      </c>
      <c r="H697" s="3">
        <v>2019</v>
      </c>
      <c r="I697" s="3" t="s">
        <v>103</v>
      </c>
      <c r="J697" s="3" t="s">
        <v>68</v>
      </c>
      <c r="K697" s="14">
        <v>44076</v>
      </c>
      <c r="L697" s="3" t="s">
        <v>534</v>
      </c>
    </row>
    <row r="698" spans="1:12" x14ac:dyDescent="0.3">
      <c r="A698" s="11">
        <v>13512207</v>
      </c>
      <c r="B698" s="11">
        <v>4575453</v>
      </c>
      <c r="C698" s="22" t="str">
        <f t="shared" si="12"/>
        <v>https://support.microsoft.com/kb/4575453</v>
      </c>
      <c r="D698" s="3" t="s">
        <v>1098</v>
      </c>
      <c r="E698" s="3" t="s">
        <v>697</v>
      </c>
      <c r="F698" s="3" t="s">
        <v>777</v>
      </c>
      <c r="G698" s="3" t="s">
        <v>116</v>
      </c>
      <c r="H698" s="3">
        <v>2019</v>
      </c>
      <c r="I698" s="3" t="s">
        <v>103</v>
      </c>
      <c r="J698" s="3" t="s">
        <v>68</v>
      </c>
      <c r="K698" s="14">
        <v>44076</v>
      </c>
      <c r="L698" s="3" t="s">
        <v>534</v>
      </c>
    </row>
    <row r="699" spans="1:12" x14ac:dyDescent="0.3">
      <c r="A699" s="11">
        <v>13491695</v>
      </c>
      <c r="B699" s="11">
        <v>4578011</v>
      </c>
      <c r="C699" s="22" t="str">
        <f t="shared" si="12"/>
        <v>https://support.microsoft.com/kb/4578011</v>
      </c>
      <c r="D699" s="3" t="s">
        <v>1099</v>
      </c>
      <c r="E699" s="3" t="s">
        <v>100</v>
      </c>
      <c r="F699" s="3" t="s">
        <v>153</v>
      </c>
      <c r="G699" s="3" t="s">
        <v>116</v>
      </c>
      <c r="H699" s="3">
        <v>2019</v>
      </c>
      <c r="I699" s="3" t="s">
        <v>103</v>
      </c>
      <c r="J699" s="3" t="s">
        <v>68</v>
      </c>
      <c r="K699" s="14">
        <v>44076</v>
      </c>
      <c r="L699" s="3" t="s">
        <v>534</v>
      </c>
    </row>
    <row r="700" spans="1:12" x14ac:dyDescent="0.3">
      <c r="A700" s="11">
        <v>13633260</v>
      </c>
      <c r="B700" s="11">
        <v>4563110</v>
      </c>
      <c r="C700" s="22" t="str">
        <f t="shared" si="12"/>
        <v>https://support.microsoft.com/kb/4563110</v>
      </c>
      <c r="D700" s="3" t="s">
        <v>1100</v>
      </c>
      <c r="E700" s="3" t="s">
        <v>100</v>
      </c>
      <c r="F700" s="3" t="s">
        <v>110</v>
      </c>
      <c r="G700" s="3" t="s">
        <v>102</v>
      </c>
      <c r="H700" s="3">
        <v>2019</v>
      </c>
      <c r="I700" s="3" t="s">
        <v>103</v>
      </c>
      <c r="J700" s="3" t="s">
        <v>71</v>
      </c>
      <c r="K700" s="14">
        <v>44047</v>
      </c>
      <c r="L700" s="3" t="s">
        <v>535</v>
      </c>
    </row>
    <row r="701" spans="1:12" x14ac:dyDescent="0.3">
      <c r="A701" s="11">
        <v>13603758</v>
      </c>
      <c r="B701" s="11">
        <v>4563110</v>
      </c>
      <c r="C701" s="22" t="str">
        <f t="shared" si="12"/>
        <v>https://support.microsoft.com/kb/4563110</v>
      </c>
      <c r="D701" s="3" t="s">
        <v>1101</v>
      </c>
      <c r="E701" s="3" t="s">
        <v>100</v>
      </c>
      <c r="F701" s="3" t="s">
        <v>687</v>
      </c>
      <c r="G701" s="3" t="s">
        <v>116</v>
      </c>
      <c r="H701" s="3">
        <v>2019</v>
      </c>
      <c r="I701" s="3" t="s">
        <v>103</v>
      </c>
      <c r="J701" s="3" t="s">
        <v>71</v>
      </c>
      <c r="K701" s="14">
        <v>44047</v>
      </c>
      <c r="L701" s="3" t="s">
        <v>535</v>
      </c>
    </row>
    <row r="702" spans="1:12" x14ac:dyDescent="0.3">
      <c r="A702" s="11">
        <v>13601596</v>
      </c>
      <c r="B702" s="11">
        <v>4577562</v>
      </c>
      <c r="C702" s="22" t="str">
        <f t="shared" si="12"/>
        <v>https://support.microsoft.com/kb/4577562</v>
      </c>
      <c r="D702" s="3" t="s">
        <v>1102</v>
      </c>
      <c r="E702" s="3" t="s">
        <v>100</v>
      </c>
      <c r="F702" s="3" t="s">
        <v>687</v>
      </c>
      <c r="G702" s="3" t="s">
        <v>116</v>
      </c>
      <c r="H702" s="3">
        <v>2019</v>
      </c>
      <c r="I702" s="3" t="s">
        <v>103</v>
      </c>
      <c r="J702" s="3" t="s">
        <v>71</v>
      </c>
      <c r="K702" s="14">
        <v>44047</v>
      </c>
      <c r="L702" s="3" t="s">
        <v>535</v>
      </c>
    </row>
    <row r="703" spans="1:12" x14ac:dyDescent="0.3">
      <c r="A703" s="11">
        <v>13594832</v>
      </c>
      <c r="B703" s="11">
        <v>4563110</v>
      </c>
      <c r="C703" s="22" t="str">
        <f t="shared" si="12"/>
        <v>https://support.microsoft.com/kb/4563110</v>
      </c>
      <c r="D703" s="3" t="s">
        <v>1103</v>
      </c>
      <c r="E703" s="3" t="s">
        <v>100</v>
      </c>
      <c r="F703" s="3" t="s">
        <v>125</v>
      </c>
      <c r="G703" s="3" t="s">
        <v>102</v>
      </c>
      <c r="H703" s="3">
        <v>2019</v>
      </c>
      <c r="I703" s="3" t="s">
        <v>103</v>
      </c>
      <c r="J703" s="3" t="s">
        <v>71</v>
      </c>
      <c r="K703" s="14">
        <v>44047</v>
      </c>
      <c r="L703" s="3" t="s">
        <v>535</v>
      </c>
    </row>
    <row r="704" spans="1:12" x14ac:dyDescent="0.3">
      <c r="A704" s="11">
        <v>13594414</v>
      </c>
      <c r="B704" s="11">
        <v>4563110</v>
      </c>
      <c r="C704" s="22" t="str">
        <f t="shared" si="12"/>
        <v>https://support.microsoft.com/kb/4563110</v>
      </c>
      <c r="D704" s="3" t="s">
        <v>1104</v>
      </c>
      <c r="E704" s="3" t="s">
        <v>100</v>
      </c>
      <c r="F704" s="3" t="s">
        <v>137</v>
      </c>
      <c r="G704" s="3" t="s">
        <v>105</v>
      </c>
      <c r="H704" s="3">
        <v>2019</v>
      </c>
      <c r="I704" s="3" t="s">
        <v>103</v>
      </c>
      <c r="J704" s="3" t="s">
        <v>71</v>
      </c>
      <c r="K704" s="14">
        <v>44047</v>
      </c>
      <c r="L704" s="3" t="s">
        <v>535</v>
      </c>
    </row>
    <row r="705" spans="1:12" x14ac:dyDescent="0.3">
      <c r="A705" s="11">
        <v>13593722</v>
      </c>
      <c r="B705" s="11">
        <v>4563110</v>
      </c>
      <c r="C705" s="22" t="str">
        <f t="shared" si="12"/>
        <v>https://support.microsoft.com/kb/4563110</v>
      </c>
      <c r="D705" s="3" t="s">
        <v>1105</v>
      </c>
      <c r="E705" s="3" t="s">
        <v>100</v>
      </c>
      <c r="F705" s="3" t="s">
        <v>137</v>
      </c>
      <c r="G705" s="3" t="s">
        <v>102</v>
      </c>
      <c r="H705" s="3">
        <v>2019</v>
      </c>
      <c r="I705" s="3" t="s">
        <v>103</v>
      </c>
      <c r="J705" s="3" t="s">
        <v>71</v>
      </c>
      <c r="K705" s="14">
        <v>44047</v>
      </c>
      <c r="L705" s="3" t="s">
        <v>535</v>
      </c>
    </row>
    <row r="706" spans="1:12" x14ac:dyDescent="0.3">
      <c r="A706" s="11">
        <v>13592980</v>
      </c>
      <c r="B706" s="11">
        <v>4563110</v>
      </c>
      <c r="C706" s="22" t="str">
        <f t="shared" si="12"/>
        <v>https://support.microsoft.com/kb/4563110</v>
      </c>
      <c r="D706" s="3" t="s">
        <v>1106</v>
      </c>
      <c r="E706" s="3" t="s">
        <v>100</v>
      </c>
      <c r="F706" s="3" t="s">
        <v>579</v>
      </c>
      <c r="G706" s="3" t="s">
        <v>105</v>
      </c>
      <c r="H706" s="3">
        <v>2019</v>
      </c>
      <c r="I706" s="3" t="s">
        <v>103</v>
      </c>
      <c r="J706" s="3" t="s">
        <v>71</v>
      </c>
      <c r="K706" s="14">
        <v>44047</v>
      </c>
      <c r="L706" s="3" t="s">
        <v>535</v>
      </c>
    </row>
    <row r="707" spans="1:12" x14ac:dyDescent="0.3">
      <c r="A707" s="11">
        <v>13592713</v>
      </c>
      <c r="B707" s="11">
        <v>4563110</v>
      </c>
      <c r="C707" s="22" t="str">
        <f t="shared" si="12"/>
        <v>https://support.microsoft.com/kb/4563110</v>
      </c>
      <c r="D707" s="3" t="s">
        <v>1107</v>
      </c>
      <c r="E707" s="3" t="s">
        <v>100</v>
      </c>
      <c r="F707" s="3" t="s">
        <v>101</v>
      </c>
      <c r="G707" s="3" t="s">
        <v>105</v>
      </c>
      <c r="H707" s="3">
        <v>2019</v>
      </c>
      <c r="I707" s="3" t="s">
        <v>103</v>
      </c>
      <c r="J707" s="3" t="s">
        <v>71</v>
      </c>
      <c r="K707" s="14">
        <v>44047</v>
      </c>
      <c r="L707" s="3" t="s">
        <v>535</v>
      </c>
    </row>
    <row r="708" spans="1:12" x14ac:dyDescent="0.3">
      <c r="A708" s="11">
        <v>13592393</v>
      </c>
      <c r="B708" s="11">
        <v>4570433</v>
      </c>
      <c r="C708" s="22" t="str">
        <f t="shared" si="12"/>
        <v>https://support.microsoft.com/kb/4570433</v>
      </c>
      <c r="D708" s="3" t="s">
        <v>1108</v>
      </c>
      <c r="E708" s="3" t="s">
        <v>100</v>
      </c>
      <c r="F708" s="3" t="s">
        <v>579</v>
      </c>
      <c r="G708" s="3" t="s">
        <v>102</v>
      </c>
      <c r="H708" s="3">
        <v>2019</v>
      </c>
      <c r="I708" s="3" t="s">
        <v>103</v>
      </c>
      <c r="J708" s="3" t="s">
        <v>71</v>
      </c>
      <c r="K708" s="14">
        <v>44047</v>
      </c>
      <c r="L708" s="3" t="s">
        <v>535</v>
      </c>
    </row>
    <row r="709" spans="1:12" x14ac:dyDescent="0.3">
      <c r="A709" s="11">
        <v>13592120</v>
      </c>
      <c r="B709" s="11">
        <v>4570679</v>
      </c>
      <c r="C709" s="22" t="str">
        <f t="shared" si="12"/>
        <v>https://support.microsoft.com/kb/4570679</v>
      </c>
      <c r="D709" s="3" t="s">
        <v>1109</v>
      </c>
      <c r="E709" s="3" t="s">
        <v>100</v>
      </c>
      <c r="F709" s="3" t="s">
        <v>579</v>
      </c>
      <c r="G709" s="3" t="s">
        <v>116</v>
      </c>
      <c r="H709" s="3">
        <v>2019</v>
      </c>
      <c r="I709" s="3" t="s">
        <v>103</v>
      </c>
      <c r="J709" s="3" t="s">
        <v>71</v>
      </c>
      <c r="K709" s="14">
        <v>44047</v>
      </c>
      <c r="L709" s="3" t="s">
        <v>535</v>
      </c>
    </row>
    <row r="710" spans="1:12" x14ac:dyDescent="0.3">
      <c r="A710" s="11">
        <v>13590483</v>
      </c>
      <c r="B710" s="11">
        <v>4538581</v>
      </c>
      <c r="C710" s="22" t="str">
        <f t="shared" si="12"/>
        <v>https://support.microsoft.com/kb/4538581</v>
      </c>
      <c r="D710" s="3" t="s">
        <v>703</v>
      </c>
      <c r="E710" s="3" t="s">
        <v>100</v>
      </c>
      <c r="F710" s="3" t="s">
        <v>110</v>
      </c>
      <c r="G710" s="3" t="s">
        <v>105</v>
      </c>
      <c r="H710" s="3">
        <v>2019</v>
      </c>
      <c r="I710" s="3" t="s">
        <v>103</v>
      </c>
      <c r="J710" s="3" t="s">
        <v>71</v>
      </c>
      <c r="K710" s="14">
        <v>44047</v>
      </c>
      <c r="L710" s="3" t="s">
        <v>535</v>
      </c>
    </row>
    <row r="711" spans="1:12" ht="16.5" customHeight="1" x14ac:dyDescent="0.3">
      <c r="A711" s="11">
        <v>13588307</v>
      </c>
      <c r="B711" s="11">
        <v>4575275</v>
      </c>
      <c r="C711" s="22" t="str">
        <f t="shared" si="12"/>
        <v>https://support.microsoft.com/kb/4575275</v>
      </c>
      <c r="D711" s="3" t="s">
        <v>1110</v>
      </c>
      <c r="E711" s="3" t="s">
        <v>100</v>
      </c>
      <c r="F711" s="3" t="s">
        <v>139</v>
      </c>
      <c r="G711" s="3" t="s">
        <v>102</v>
      </c>
      <c r="H711" s="3">
        <v>2019</v>
      </c>
      <c r="I711" s="3" t="s">
        <v>103</v>
      </c>
      <c r="J711" s="3" t="s">
        <v>71</v>
      </c>
      <c r="K711" s="14">
        <v>44047</v>
      </c>
      <c r="L711" s="3" t="s">
        <v>535</v>
      </c>
    </row>
    <row r="712" spans="1:12" x14ac:dyDescent="0.3">
      <c r="A712" s="11">
        <v>13586194</v>
      </c>
      <c r="B712" s="11">
        <v>4563110</v>
      </c>
      <c r="C712" s="22" t="str">
        <f t="shared" si="12"/>
        <v>https://support.microsoft.com/kb/4563110</v>
      </c>
      <c r="D712" s="3" t="s">
        <v>1111</v>
      </c>
      <c r="E712" s="3" t="s">
        <v>100</v>
      </c>
      <c r="F712" s="3" t="s">
        <v>579</v>
      </c>
      <c r="G712" s="3" t="s">
        <v>116</v>
      </c>
      <c r="H712" s="3">
        <v>2019</v>
      </c>
      <c r="I712" s="3" t="s">
        <v>103</v>
      </c>
      <c r="J712" s="3" t="s">
        <v>71</v>
      </c>
      <c r="K712" s="14">
        <v>44047</v>
      </c>
      <c r="L712" s="3" t="s">
        <v>535</v>
      </c>
    </row>
    <row r="713" spans="1:12" x14ac:dyDescent="0.3">
      <c r="A713" s="11">
        <v>13584821</v>
      </c>
      <c r="B713" s="11">
        <v>4563110</v>
      </c>
      <c r="C713" s="22" t="str">
        <f t="shared" si="12"/>
        <v>https://support.microsoft.com/kb/4563110</v>
      </c>
      <c r="D713" s="3" t="s">
        <v>1112</v>
      </c>
      <c r="E713" s="3" t="s">
        <v>100</v>
      </c>
      <c r="F713" s="3" t="s">
        <v>579</v>
      </c>
      <c r="G713" s="3" t="s">
        <v>105</v>
      </c>
      <c r="H713" s="3">
        <v>2019</v>
      </c>
      <c r="I713" s="3" t="s">
        <v>103</v>
      </c>
      <c r="J713" s="3" t="s">
        <v>71</v>
      </c>
      <c r="K713" s="14">
        <v>44047</v>
      </c>
      <c r="L713" s="3" t="s">
        <v>535</v>
      </c>
    </row>
    <row r="714" spans="1:12" x14ac:dyDescent="0.3">
      <c r="A714" s="11">
        <v>13584506</v>
      </c>
      <c r="B714" s="11">
        <v>4568653</v>
      </c>
      <c r="C714" s="22" t="str">
        <f t="shared" si="12"/>
        <v>https://support.microsoft.com/kb/4568653</v>
      </c>
      <c r="D714" s="3" t="s">
        <v>1113</v>
      </c>
      <c r="E714" s="3" t="s">
        <v>100</v>
      </c>
      <c r="F714" s="3" t="s">
        <v>125</v>
      </c>
      <c r="G714" s="3" t="s">
        <v>105</v>
      </c>
      <c r="H714" s="3">
        <v>2019</v>
      </c>
      <c r="I714" s="3" t="s">
        <v>103</v>
      </c>
      <c r="J714" s="3" t="s">
        <v>71</v>
      </c>
      <c r="K714" s="14">
        <v>44047</v>
      </c>
      <c r="L714" s="3" t="s">
        <v>535</v>
      </c>
    </row>
    <row r="715" spans="1:12" ht="16.5" customHeight="1" x14ac:dyDescent="0.3">
      <c r="A715" s="11">
        <v>13582824</v>
      </c>
      <c r="B715" s="11">
        <v>4563110</v>
      </c>
      <c r="C715" s="22" t="str">
        <f t="shared" si="12"/>
        <v>https://support.microsoft.com/kb/4563110</v>
      </c>
      <c r="D715" s="3" t="s">
        <v>1114</v>
      </c>
      <c r="E715" s="3" t="s">
        <v>100</v>
      </c>
      <c r="F715" s="3" t="s">
        <v>101</v>
      </c>
      <c r="G715" s="3" t="s">
        <v>105</v>
      </c>
      <c r="H715" s="3">
        <v>2019</v>
      </c>
      <c r="I715" s="3" t="s">
        <v>103</v>
      </c>
      <c r="J715" s="3" t="s">
        <v>71</v>
      </c>
      <c r="K715" s="14">
        <v>44047</v>
      </c>
      <c r="L715" s="3" t="s">
        <v>535</v>
      </c>
    </row>
    <row r="716" spans="1:12" x14ac:dyDescent="0.3">
      <c r="A716" s="11">
        <v>13581481</v>
      </c>
      <c r="B716" s="11">
        <v>4563110</v>
      </c>
      <c r="C716" s="22" t="str">
        <f t="shared" si="12"/>
        <v>https://support.microsoft.com/kb/4563110</v>
      </c>
      <c r="D716" s="3" t="s">
        <v>1115</v>
      </c>
      <c r="E716" s="3" t="s">
        <v>100</v>
      </c>
      <c r="F716" s="3" t="s">
        <v>579</v>
      </c>
      <c r="G716" s="3" t="s">
        <v>105</v>
      </c>
      <c r="H716" s="3">
        <v>2019</v>
      </c>
      <c r="I716" s="3" t="s">
        <v>103</v>
      </c>
      <c r="J716" s="3" t="s">
        <v>71</v>
      </c>
      <c r="K716" s="14">
        <v>44047</v>
      </c>
      <c r="L716" s="3" t="s">
        <v>535</v>
      </c>
    </row>
    <row r="717" spans="1:12" x14ac:dyDescent="0.3">
      <c r="A717" s="11">
        <v>13580008</v>
      </c>
      <c r="B717" s="11">
        <v>4563110</v>
      </c>
      <c r="C717" s="22" t="str">
        <f t="shared" si="12"/>
        <v>https://support.microsoft.com/kb/4563110</v>
      </c>
      <c r="D717" s="3" t="s">
        <v>1116</v>
      </c>
      <c r="E717" s="3" t="s">
        <v>100</v>
      </c>
      <c r="F717" s="3" t="s">
        <v>687</v>
      </c>
      <c r="G717" s="3" t="s">
        <v>116</v>
      </c>
      <c r="H717" s="3">
        <v>2019</v>
      </c>
      <c r="I717" s="3" t="s">
        <v>103</v>
      </c>
      <c r="J717" s="3" t="s">
        <v>71</v>
      </c>
      <c r="K717" s="14">
        <v>44047</v>
      </c>
      <c r="L717" s="3" t="s">
        <v>535</v>
      </c>
    </row>
    <row r="718" spans="1:12" x14ac:dyDescent="0.3">
      <c r="A718" s="11">
        <v>13576520</v>
      </c>
      <c r="B718" s="11">
        <v>4563110</v>
      </c>
      <c r="C718" s="22" t="str">
        <f t="shared" si="12"/>
        <v>https://support.microsoft.com/kb/4563110</v>
      </c>
      <c r="D718" s="3" t="s">
        <v>1117</v>
      </c>
      <c r="E718" s="3" t="s">
        <v>100</v>
      </c>
      <c r="F718" s="3" t="s">
        <v>579</v>
      </c>
      <c r="G718" s="3" t="s">
        <v>116</v>
      </c>
      <c r="H718" s="3">
        <v>2019</v>
      </c>
      <c r="I718" s="3" t="s">
        <v>103</v>
      </c>
      <c r="J718" s="3" t="s">
        <v>71</v>
      </c>
      <c r="K718" s="14">
        <v>44047</v>
      </c>
      <c r="L718" s="3" t="s">
        <v>535</v>
      </c>
    </row>
    <row r="719" spans="1:12" x14ac:dyDescent="0.3">
      <c r="A719" s="11">
        <v>13575481</v>
      </c>
      <c r="B719" s="11">
        <v>4563110</v>
      </c>
      <c r="C719" s="22" t="str">
        <f t="shared" si="12"/>
        <v>https://support.microsoft.com/kb/4563110</v>
      </c>
      <c r="D719" s="3" t="s">
        <v>1118</v>
      </c>
      <c r="E719" s="3" t="s">
        <v>100</v>
      </c>
      <c r="F719" s="3" t="s">
        <v>579</v>
      </c>
      <c r="G719" s="3" t="s">
        <v>116</v>
      </c>
      <c r="H719" s="3">
        <v>2019</v>
      </c>
      <c r="I719" s="3" t="s">
        <v>103</v>
      </c>
      <c r="J719" s="3" t="s">
        <v>71</v>
      </c>
      <c r="K719" s="14">
        <v>44047</v>
      </c>
      <c r="L719" s="3" t="s">
        <v>535</v>
      </c>
    </row>
    <row r="720" spans="1:12" x14ac:dyDescent="0.3">
      <c r="A720" s="11">
        <v>13575426</v>
      </c>
      <c r="B720" s="11">
        <v>4563110</v>
      </c>
      <c r="C720" s="22" t="str">
        <f t="shared" si="12"/>
        <v>https://support.microsoft.com/kb/4563110</v>
      </c>
      <c r="D720" s="3" t="s">
        <v>1119</v>
      </c>
      <c r="E720" s="3" t="s">
        <v>100</v>
      </c>
      <c r="F720" s="3" t="s">
        <v>125</v>
      </c>
      <c r="G720" s="3" t="s">
        <v>105</v>
      </c>
      <c r="H720" s="3">
        <v>2019</v>
      </c>
      <c r="I720" s="3" t="s">
        <v>103</v>
      </c>
      <c r="J720" s="3" t="s">
        <v>71</v>
      </c>
      <c r="K720" s="14">
        <v>44047</v>
      </c>
      <c r="L720" s="3" t="s">
        <v>535</v>
      </c>
    </row>
    <row r="721" spans="1:12" x14ac:dyDescent="0.3">
      <c r="A721" s="11">
        <v>13571700</v>
      </c>
      <c r="B721" s="11">
        <v>4570355</v>
      </c>
      <c r="C721" s="22" t="str">
        <f t="shared" si="12"/>
        <v>https://support.microsoft.com/kb/4570355</v>
      </c>
      <c r="D721" s="3" t="s">
        <v>1120</v>
      </c>
      <c r="E721" s="3" t="s">
        <v>100</v>
      </c>
      <c r="F721" s="3" t="s">
        <v>579</v>
      </c>
      <c r="G721" s="3" t="s">
        <v>116</v>
      </c>
      <c r="H721" s="3">
        <v>2019</v>
      </c>
      <c r="I721" s="3" t="s">
        <v>103</v>
      </c>
      <c r="J721" s="3" t="s">
        <v>71</v>
      </c>
      <c r="K721" s="14">
        <v>44047</v>
      </c>
      <c r="L721" s="3" t="s">
        <v>535</v>
      </c>
    </row>
    <row r="722" spans="1:12" x14ac:dyDescent="0.3">
      <c r="A722" s="11">
        <v>13571478</v>
      </c>
      <c r="B722" s="11">
        <v>4563110</v>
      </c>
      <c r="C722" s="22" t="str">
        <f t="shared" si="12"/>
        <v>https://support.microsoft.com/kb/4563110</v>
      </c>
      <c r="D722" s="3" t="s">
        <v>1121</v>
      </c>
      <c r="E722" s="3" t="s">
        <v>100</v>
      </c>
      <c r="F722" s="3" t="s">
        <v>125</v>
      </c>
      <c r="G722" s="3" t="s">
        <v>102</v>
      </c>
      <c r="H722" s="3">
        <v>2019</v>
      </c>
      <c r="I722" s="3" t="s">
        <v>103</v>
      </c>
      <c r="J722" s="3" t="s">
        <v>71</v>
      </c>
      <c r="K722" s="14">
        <v>44047</v>
      </c>
      <c r="L722" s="3" t="s">
        <v>535</v>
      </c>
    </row>
    <row r="723" spans="1:12" x14ac:dyDescent="0.3">
      <c r="A723" s="11">
        <v>13563533</v>
      </c>
      <c r="B723" s="11">
        <v>4563110</v>
      </c>
      <c r="C723" s="22" t="str">
        <f t="shared" si="12"/>
        <v>https://support.microsoft.com/kb/4563110</v>
      </c>
      <c r="D723" s="3" t="s">
        <v>1122</v>
      </c>
      <c r="E723" s="3" t="s">
        <v>100</v>
      </c>
      <c r="F723" s="3" t="s">
        <v>145</v>
      </c>
      <c r="G723" s="3" t="s">
        <v>102</v>
      </c>
      <c r="H723" s="3">
        <v>2019</v>
      </c>
      <c r="I723" s="3" t="s">
        <v>103</v>
      </c>
      <c r="J723" s="3" t="s">
        <v>71</v>
      </c>
      <c r="K723" s="14">
        <v>44047</v>
      </c>
      <c r="L723" s="3" t="s">
        <v>535</v>
      </c>
    </row>
    <row r="724" spans="1:12" x14ac:dyDescent="0.3">
      <c r="A724" s="11">
        <v>13563157</v>
      </c>
      <c r="B724" s="11">
        <v>4570571</v>
      </c>
      <c r="C724" s="22" t="str">
        <f t="shared" si="12"/>
        <v>https://support.microsoft.com/kb/4570571</v>
      </c>
      <c r="D724" s="3" t="s">
        <v>1123</v>
      </c>
      <c r="E724" s="3" t="s">
        <v>100</v>
      </c>
      <c r="F724" s="3" t="s">
        <v>101</v>
      </c>
      <c r="G724" s="3" t="s">
        <v>102</v>
      </c>
      <c r="H724" s="3">
        <v>2019</v>
      </c>
      <c r="I724" s="3" t="s">
        <v>103</v>
      </c>
      <c r="J724" s="3" t="s">
        <v>71</v>
      </c>
      <c r="K724" s="14">
        <v>44047</v>
      </c>
      <c r="L724" s="3" t="s">
        <v>535</v>
      </c>
    </row>
    <row r="725" spans="1:12" x14ac:dyDescent="0.3">
      <c r="A725" s="11">
        <v>13562930</v>
      </c>
      <c r="B725" s="11">
        <v>4563110</v>
      </c>
      <c r="C725" s="22" t="str">
        <f t="shared" si="12"/>
        <v>https://support.microsoft.com/kb/4563110</v>
      </c>
      <c r="D725" s="3" t="s">
        <v>1124</v>
      </c>
      <c r="E725" s="3" t="s">
        <v>100</v>
      </c>
      <c r="F725" s="3" t="s">
        <v>113</v>
      </c>
      <c r="G725" s="3" t="s">
        <v>102</v>
      </c>
      <c r="H725" s="3">
        <v>2019</v>
      </c>
      <c r="I725" s="3" t="s">
        <v>103</v>
      </c>
      <c r="J725" s="3" t="s">
        <v>71</v>
      </c>
      <c r="K725" s="14">
        <v>44047</v>
      </c>
      <c r="L725" s="3" t="s">
        <v>535</v>
      </c>
    </row>
    <row r="726" spans="1:12" x14ac:dyDescent="0.3">
      <c r="A726" s="11">
        <v>13554533</v>
      </c>
      <c r="B726" s="11">
        <v>4563110</v>
      </c>
      <c r="C726" s="22" t="str">
        <f t="shared" si="12"/>
        <v>https://support.microsoft.com/kb/4563110</v>
      </c>
      <c r="D726" s="3" t="s">
        <v>1125</v>
      </c>
      <c r="E726" s="3" t="s">
        <v>100</v>
      </c>
      <c r="F726" s="3" t="s">
        <v>579</v>
      </c>
      <c r="G726" s="3" t="s">
        <v>105</v>
      </c>
      <c r="H726" s="3">
        <v>2019</v>
      </c>
      <c r="I726" s="3" t="s">
        <v>103</v>
      </c>
      <c r="J726" s="3" t="s">
        <v>71</v>
      </c>
      <c r="K726" s="14">
        <v>44047</v>
      </c>
      <c r="L726" s="3" t="s">
        <v>535</v>
      </c>
    </row>
    <row r="727" spans="1:12" x14ac:dyDescent="0.3">
      <c r="A727" s="11">
        <v>13554274</v>
      </c>
      <c r="B727" s="11">
        <v>4563110</v>
      </c>
      <c r="C727" s="22" t="str">
        <f t="shared" si="12"/>
        <v>https://support.microsoft.com/kb/4563110</v>
      </c>
      <c r="D727" s="3" t="s">
        <v>1126</v>
      </c>
      <c r="E727" s="3" t="s">
        <v>100</v>
      </c>
      <c r="F727" s="3" t="s">
        <v>101</v>
      </c>
      <c r="G727" s="3" t="s">
        <v>105</v>
      </c>
      <c r="H727" s="3">
        <v>2019</v>
      </c>
      <c r="I727" s="3" t="s">
        <v>103</v>
      </c>
      <c r="J727" s="3" t="s">
        <v>71</v>
      </c>
      <c r="K727" s="14">
        <v>44047</v>
      </c>
      <c r="L727" s="3" t="s">
        <v>535</v>
      </c>
    </row>
    <row r="728" spans="1:12" x14ac:dyDescent="0.3">
      <c r="A728" s="11">
        <v>13551991</v>
      </c>
      <c r="B728" s="11">
        <v>4563110</v>
      </c>
      <c r="C728" s="22" t="str">
        <f t="shared" si="12"/>
        <v>https://support.microsoft.com/kb/4563110</v>
      </c>
      <c r="D728" s="3" t="s">
        <v>1127</v>
      </c>
      <c r="E728" s="3" t="s">
        <v>100</v>
      </c>
      <c r="F728" s="3" t="s">
        <v>579</v>
      </c>
      <c r="G728" s="3" t="s">
        <v>105</v>
      </c>
      <c r="H728" s="3">
        <v>2019</v>
      </c>
      <c r="I728" s="3" t="s">
        <v>103</v>
      </c>
      <c r="J728" s="3" t="s">
        <v>71</v>
      </c>
      <c r="K728" s="14">
        <v>44047</v>
      </c>
      <c r="L728" s="3" t="s">
        <v>535</v>
      </c>
    </row>
    <row r="729" spans="1:12" x14ac:dyDescent="0.3">
      <c r="A729" s="11">
        <v>13544859</v>
      </c>
      <c r="B729" s="11">
        <v>4563110</v>
      </c>
      <c r="C729" s="22" t="str">
        <f t="shared" si="12"/>
        <v>https://support.microsoft.com/kb/4563110</v>
      </c>
      <c r="D729" s="3" t="s">
        <v>1128</v>
      </c>
      <c r="E729" s="3" t="s">
        <v>100</v>
      </c>
      <c r="F729" s="3" t="s">
        <v>332</v>
      </c>
      <c r="G729" s="3" t="s">
        <v>102</v>
      </c>
      <c r="H729" s="3">
        <v>2019</v>
      </c>
      <c r="I729" s="3" t="s">
        <v>103</v>
      </c>
      <c r="J729" s="3" t="s">
        <v>71</v>
      </c>
      <c r="K729" s="14">
        <v>44047</v>
      </c>
      <c r="L729" s="3" t="s">
        <v>535</v>
      </c>
    </row>
    <row r="730" spans="1:12" x14ac:dyDescent="0.3">
      <c r="A730" s="11">
        <v>13540086</v>
      </c>
      <c r="B730" s="11">
        <v>4563110</v>
      </c>
      <c r="C730" s="22" t="str">
        <f t="shared" si="12"/>
        <v>https://support.microsoft.com/kb/4563110</v>
      </c>
      <c r="D730" s="3" t="s">
        <v>1129</v>
      </c>
      <c r="E730" s="3" t="s">
        <v>380</v>
      </c>
      <c r="F730" s="3" t="s">
        <v>945</v>
      </c>
      <c r="G730" s="3" t="s">
        <v>102</v>
      </c>
      <c r="H730" s="3">
        <v>2019</v>
      </c>
      <c r="I730" s="3" t="s">
        <v>103</v>
      </c>
      <c r="J730" s="3" t="s">
        <v>71</v>
      </c>
      <c r="K730" s="14">
        <v>44047</v>
      </c>
      <c r="L730" s="3" t="s">
        <v>535</v>
      </c>
    </row>
    <row r="731" spans="1:12" x14ac:dyDescent="0.3">
      <c r="A731" s="11">
        <v>13534591</v>
      </c>
      <c r="B731" s="11">
        <v>4563110</v>
      </c>
      <c r="C731" s="22" t="str">
        <f t="shared" si="12"/>
        <v>https://support.microsoft.com/kb/4563110</v>
      </c>
      <c r="D731" s="3" t="s">
        <v>1130</v>
      </c>
      <c r="E731" s="3" t="s">
        <v>100</v>
      </c>
      <c r="F731" s="3" t="s">
        <v>101</v>
      </c>
      <c r="G731" s="3" t="s">
        <v>105</v>
      </c>
      <c r="H731" s="3">
        <v>2019</v>
      </c>
      <c r="I731" s="3" t="s">
        <v>103</v>
      </c>
      <c r="J731" s="3" t="s">
        <v>71</v>
      </c>
      <c r="K731" s="14">
        <v>44047</v>
      </c>
      <c r="L731" s="3" t="s">
        <v>535</v>
      </c>
    </row>
    <row r="732" spans="1:12" x14ac:dyDescent="0.3">
      <c r="A732" s="11">
        <v>13528240</v>
      </c>
      <c r="B732" s="11">
        <v>4563110</v>
      </c>
      <c r="C732" s="22" t="str">
        <f t="shared" si="12"/>
        <v>https://support.microsoft.com/kb/4563110</v>
      </c>
      <c r="D732" s="3" t="s">
        <v>1131</v>
      </c>
      <c r="E732" s="3" t="s">
        <v>178</v>
      </c>
      <c r="F732" s="3" t="s">
        <v>775</v>
      </c>
      <c r="G732" s="3" t="s">
        <v>102</v>
      </c>
      <c r="H732" s="3">
        <v>2019</v>
      </c>
      <c r="I732" s="3" t="s">
        <v>103</v>
      </c>
      <c r="J732" s="3" t="s">
        <v>71</v>
      </c>
      <c r="K732" s="14">
        <v>44047</v>
      </c>
      <c r="L732" s="3" t="s">
        <v>535</v>
      </c>
    </row>
    <row r="733" spans="1:12" x14ac:dyDescent="0.3">
      <c r="A733" s="11">
        <v>13525673</v>
      </c>
      <c r="B733" s="11">
        <v>4563597</v>
      </c>
      <c r="C733" s="22" t="str">
        <f t="shared" si="12"/>
        <v>https://support.microsoft.com/kb/4563597</v>
      </c>
      <c r="D733" s="3" t="s">
        <v>1132</v>
      </c>
      <c r="E733" s="3" t="s">
        <v>100</v>
      </c>
      <c r="F733" s="3" t="s">
        <v>120</v>
      </c>
      <c r="G733" s="3" t="s">
        <v>102</v>
      </c>
      <c r="H733" s="3">
        <v>2019</v>
      </c>
      <c r="I733" s="3" t="s">
        <v>103</v>
      </c>
      <c r="J733" s="3" t="s">
        <v>71</v>
      </c>
      <c r="K733" s="14">
        <v>44047</v>
      </c>
      <c r="L733" s="3" t="s">
        <v>535</v>
      </c>
    </row>
    <row r="734" spans="1:12" x14ac:dyDescent="0.3">
      <c r="A734" s="11">
        <v>13521097</v>
      </c>
      <c r="B734" s="11">
        <v>4563110</v>
      </c>
      <c r="C734" s="22" t="str">
        <f t="shared" si="12"/>
        <v>https://support.microsoft.com/kb/4563110</v>
      </c>
      <c r="D734" s="3" t="s">
        <v>1133</v>
      </c>
      <c r="E734" s="3" t="s">
        <v>180</v>
      </c>
      <c r="F734" s="3" t="s">
        <v>180</v>
      </c>
      <c r="G734" s="3" t="s">
        <v>102</v>
      </c>
      <c r="H734" s="3">
        <v>2019</v>
      </c>
      <c r="I734" s="3" t="s">
        <v>103</v>
      </c>
      <c r="J734" s="3" t="s">
        <v>71</v>
      </c>
      <c r="K734" s="14">
        <v>44047</v>
      </c>
      <c r="L734" s="3" t="s">
        <v>535</v>
      </c>
    </row>
    <row r="735" spans="1:12" x14ac:dyDescent="0.3">
      <c r="A735" s="11">
        <v>13520896</v>
      </c>
      <c r="B735" s="11">
        <v>4563110</v>
      </c>
      <c r="C735" s="22" t="str">
        <f t="shared" si="12"/>
        <v>https://support.microsoft.com/kb/4563110</v>
      </c>
      <c r="D735" s="3" t="s">
        <v>1134</v>
      </c>
      <c r="E735" s="3" t="s">
        <v>100</v>
      </c>
      <c r="F735" s="3" t="s">
        <v>113</v>
      </c>
      <c r="G735" s="3" t="s">
        <v>116</v>
      </c>
      <c r="H735" s="3">
        <v>2019</v>
      </c>
      <c r="I735" s="3" t="s">
        <v>103</v>
      </c>
      <c r="J735" s="3" t="s">
        <v>71</v>
      </c>
      <c r="K735" s="14">
        <v>44047</v>
      </c>
      <c r="L735" s="3" t="s">
        <v>535</v>
      </c>
    </row>
    <row r="736" spans="1:12" x14ac:dyDescent="0.3">
      <c r="A736" s="11">
        <v>13518086</v>
      </c>
      <c r="B736" s="11">
        <v>4563110</v>
      </c>
      <c r="C736" s="22" t="str">
        <f t="shared" si="12"/>
        <v>https://support.microsoft.com/kb/4563110</v>
      </c>
      <c r="D736" s="3" t="s">
        <v>1135</v>
      </c>
      <c r="E736" s="3" t="s">
        <v>100</v>
      </c>
      <c r="F736" s="3" t="s">
        <v>145</v>
      </c>
      <c r="G736" s="3" t="s">
        <v>116</v>
      </c>
      <c r="H736" s="3">
        <v>2019</v>
      </c>
      <c r="I736" s="3" t="s">
        <v>103</v>
      </c>
      <c r="J736" s="3" t="s">
        <v>71</v>
      </c>
      <c r="K736" s="14">
        <v>44047</v>
      </c>
      <c r="L736" s="3" t="s">
        <v>535</v>
      </c>
    </row>
    <row r="737" spans="1:12" x14ac:dyDescent="0.3">
      <c r="A737" s="11">
        <v>13516056</v>
      </c>
      <c r="B737" s="11">
        <v>4563110</v>
      </c>
      <c r="C737" s="22" t="str">
        <f t="shared" si="12"/>
        <v>https://support.microsoft.com/kb/4563110</v>
      </c>
      <c r="D737" s="3" t="s">
        <v>1136</v>
      </c>
      <c r="E737" s="3" t="s">
        <v>100</v>
      </c>
      <c r="F737" s="3" t="s">
        <v>269</v>
      </c>
      <c r="G737" s="3" t="s">
        <v>102</v>
      </c>
      <c r="H737" s="3">
        <v>2019</v>
      </c>
      <c r="I737" s="3" t="s">
        <v>103</v>
      </c>
      <c r="J737" s="3" t="s">
        <v>71</v>
      </c>
      <c r="K737" s="14">
        <v>44047</v>
      </c>
      <c r="L737" s="3" t="s">
        <v>535</v>
      </c>
    </row>
    <row r="738" spans="1:12" x14ac:dyDescent="0.3">
      <c r="A738" s="11">
        <v>13500184</v>
      </c>
      <c r="B738" s="11">
        <v>4547890</v>
      </c>
      <c r="C738" s="22" t="str">
        <f t="shared" ref="C738:C801" si="13">HYPERLINK("https://support.microsoft.com/kb/"&amp;B738)</f>
        <v>https://support.microsoft.com/kb/4547890</v>
      </c>
      <c r="D738" s="3" t="s">
        <v>1137</v>
      </c>
      <c r="E738" s="3" t="s">
        <v>380</v>
      </c>
      <c r="F738" s="3" t="s">
        <v>699</v>
      </c>
      <c r="G738" s="3" t="s">
        <v>102</v>
      </c>
      <c r="H738" s="3">
        <v>2019</v>
      </c>
      <c r="I738" s="3" t="s">
        <v>103</v>
      </c>
      <c r="J738" s="3" t="s">
        <v>71</v>
      </c>
      <c r="K738" s="14">
        <v>44047</v>
      </c>
      <c r="L738" s="3" t="s">
        <v>535</v>
      </c>
    </row>
    <row r="739" spans="1:12" x14ac:dyDescent="0.3">
      <c r="A739" s="11">
        <v>13491013</v>
      </c>
      <c r="B739" s="11">
        <v>4563110</v>
      </c>
      <c r="C739" s="22" t="str">
        <f t="shared" si="13"/>
        <v>https://support.microsoft.com/kb/4563110</v>
      </c>
      <c r="D739" s="3" t="s">
        <v>1138</v>
      </c>
      <c r="E739" s="3" t="s">
        <v>180</v>
      </c>
      <c r="F739" s="3" t="s">
        <v>180</v>
      </c>
      <c r="G739" s="3" t="s">
        <v>102</v>
      </c>
      <c r="H739" s="3">
        <v>2019</v>
      </c>
      <c r="I739" s="3" t="s">
        <v>103</v>
      </c>
      <c r="J739" s="3" t="s">
        <v>71</v>
      </c>
      <c r="K739" s="14">
        <v>44047</v>
      </c>
      <c r="L739" s="3" t="s">
        <v>535</v>
      </c>
    </row>
    <row r="740" spans="1:12" x14ac:dyDescent="0.3">
      <c r="A740" s="11">
        <v>13491006</v>
      </c>
      <c r="B740" s="11">
        <v>4551221</v>
      </c>
      <c r="C740" s="22" t="str">
        <f t="shared" si="13"/>
        <v>https://support.microsoft.com/kb/4551221</v>
      </c>
      <c r="D740" s="3" t="s">
        <v>1139</v>
      </c>
      <c r="E740" s="3" t="s">
        <v>100</v>
      </c>
      <c r="F740" s="3" t="s">
        <v>101</v>
      </c>
      <c r="G740" s="3" t="s">
        <v>102</v>
      </c>
      <c r="H740" s="3">
        <v>2019</v>
      </c>
      <c r="I740" s="3" t="s">
        <v>103</v>
      </c>
      <c r="J740" s="3" t="s">
        <v>71</v>
      </c>
      <c r="K740" s="14">
        <v>44047</v>
      </c>
      <c r="L740" s="3" t="s">
        <v>535</v>
      </c>
    </row>
    <row r="741" spans="1:12" x14ac:dyDescent="0.3">
      <c r="A741" s="11">
        <v>13491005</v>
      </c>
      <c r="B741" s="11">
        <v>4551220</v>
      </c>
      <c r="C741" s="22" t="str">
        <f t="shared" si="13"/>
        <v>https://support.microsoft.com/kb/4551220</v>
      </c>
      <c r="D741" s="3" t="s">
        <v>1140</v>
      </c>
      <c r="E741" s="3" t="s">
        <v>100</v>
      </c>
      <c r="F741" s="3" t="s">
        <v>113</v>
      </c>
      <c r="G741" s="3" t="s">
        <v>105</v>
      </c>
      <c r="H741" s="3">
        <v>2019</v>
      </c>
      <c r="I741" s="3" t="s">
        <v>103</v>
      </c>
      <c r="J741" s="3" t="s">
        <v>71</v>
      </c>
      <c r="K741" s="14">
        <v>44047</v>
      </c>
      <c r="L741" s="3" t="s">
        <v>535</v>
      </c>
    </row>
    <row r="742" spans="1:12" x14ac:dyDescent="0.3">
      <c r="A742" s="11">
        <v>13480950</v>
      </c>
      <c r="B742" s="11">
        <v>4568448</v>
      </c>
      <c r="C742" s="22" t="str">
        <f t="shared" si="13"/>
        <v>https://support.microsoft.com/kb/4568448</v>
      </c>
      <c r="D742" s="3" t="s">
        <v>1141</v>
      </c>
      <c r="E742" s="3" t="s">
        <v>100</v>
      </c>
      <c r="F742" s="3" t="s">
        <v>579</v>
      </c>
      <c r="G742" s="3" t="s">
        <v>105</v>
      </c>
      <c r="H742" s="3">
        <v>2019</v>
      </c>
      <c r="I742" s="3" t="s">
        <v>103</v>
      </c>
      <c r="J742" s="3" t="s">
        <v>71</v>
      </c>
      <c r="K742" s="14">
        <v>44047</v>
      </c>
      <c r="L742" s="3" t="s">
        <v>535</v>
      </c>
    </row>
    <row r="743" spans="1:12" x14ac:dyDescent="0.3">
      <c r="A743" s="11">
        <v>13407621</v>
      </c>
      <c r="B743" s="11">
        <v>4538849</v>
      </c>
      <c r="C743" s="22" t="str">
        <f t="shared" si="13"/>
        <v>https://support.microsoft.com/kb/4538849</v>
      </c>
      <c r="D743" s="3" t="s">
        <v>1142</v>
      </c>
      <c r="E743" s="3" t="s">
        <v>100</v>
      </c>
      <c r="F743" s="3" t="s">
        <v>101</v>
      </c>
      <c r="G743" s="3" t="s">
        <v>102</v>
      </c>
      <c r="H743" s="3">
        <v>2019</v>
      </c>
      <c r="I743" s="3" t="s">
        <v>103</v>
      </c>
      <c r="J743" s="3" t="s">
        <v>71</v>
      </c>
      <c r="K743" s="14">
        <v>44047</v>
      </c>
      <c r="L743" s="3" t="s">
        <v>535</v>
      </c>
    </row>
    <row r="744" spans="1:12" x14ac:dyDescent="0.3">
      <c r="A744" s="11">
        <v>13555838</v>
      </c>
      <c r="B744" s="11">
        <v>4552255</v>
      </c>
      <c r="C744" s="22" t="str">
        <f t="shared" si="13"/>
        <v>https://support.microsoft.com/kb/4552255</v>
      </c>
      <c r="D744" s="3" t="s">
        <v>1143</v>
      </c>
      <c r="E744" s="3" t="s">
        <v>100</v>
      </c>
      <c r="F744" s="3" t="s">
        <v>116</v>
      </c>
      <c r="G744" s="3" t="s">
        <v>116</v>
      </c>
      <c r="H744" s="3">
        <v>2019</v>
      </c>
      <c r="I744" s="3" t="s">
        <v>103</v>
      </c>
      <c r="J744" s="3" t="s">
        <v>74</v>
      </c>
      <c r="K744" s="14">
        <v>44004</v>
      </c>
      <c r="L744" s="3" t="s">
        <v>536</v>
      </c>
    </row>
    <row r="745" spans="1:12" x14ac:dyDescent="0.3">
      <c r="A745" s="11">
        <v>13544367</v>
      </c>
      <c r="B745" s="11">
        <v>4564876</v>
      </c>
      <c r="C745" s="22" t="str">
        <f t="shared" si="13"/>
        <v>https://support.microsoft.com/kb/4564876</v>
      </c>
      <c r="D745" s="3" t="s">
        <v>1144</v>
      </c>
      <c r="E745" s="3" t="s">
        <v>100</v>
      </c>
      <c r="F745" s="3" t="s">
        <v>165</v>
      </c>
      <c r="G745" s="3" t="s">
        <v>102</v>
      </c>
      <c r="H745" s="3">
        <v>2019</v>
      </c>
      <c r="I745" s="3" t="s">
        <v>103</v>
      </c>
      <c r="J745" s="3" t="s">
        <v>74</v>
      </c>
      <c r="K745" s="14">
        <v>44004</v>
      </c>
      <c r="L745" s="3" t="s">
        <v>536</v>
      </c>
    </row>
    <row r="746" spans="1:12" x14ac:dyDescent="0.3">
      <c r="A746" s="11">
        <v>13543133</v>
      </c>
      <c r="B746" s="11">
        <v>4552255</v>
      </c>
      <c r="C746" s="22" t="str">
        <f t="shared" si="13"/>
        <v>https://support.microsoft.com/kb/4552255</v>
      </c>
      <c r="D746" s="3" t="s">
        <v>1145</v>
      </c>
      <c r="E746" s="3" t="s">
        <v>217</v>
      </c>
      <c r="F746" s="3" t="s">
        <v>276</v>
      </c>
      <c r="G746" s="3" t="s">
        <v>102</v>
      </c>
      <c r="H746" s="3">
        <v>2019</v>
      </c>
      <c r="I746" s="3" t="s">
        <v>103</v>
      </c>
      <c r="J746" s="3" t="s">
        <v>74</v>
      </c>
      <c r="K746" s="14">
        <v>44004</v>
      </c>
      <c r="L746" s="3" t="s">
        <v>536</v>
      </c>
    </row>
    <row r="747" spans="1:12" x14ac:dyDescent="0.3">
      <c r="A747" s="11">
        <v>13532909</v>
      </c>
      <c r="B747" s="11">
        <v>4563044</v>
      </c>
      <c r="C747" s="22" t="str">
        <f t="shared" si="13"/>
        <v>https://support.microsoft.com/kb/4563044</v>
      </c>
      <c r="D747" s="3" t="s">
        <v>1146</v>
      </c>
      <c r="E747" s="3" t="s">
        <v>100</v>
      </c>
      <c r="F747" s="3" t="s">
        <v>125</v>
      </c>
      <c r="G747" s="3" t="s">
        <v>102</v>
      </c>
      <c r="H747" s="3">
        <v>2019</v>
      </c>
      <c r="I747" s="3" t="s">
        <v>103</v>
      </c>
      <c r="J747" s="3" t="s">
        <v>74</v>
      </c>
      <c r="K747" s="14">
        <v>44004</v>
      </c>
      <c r="L747" s="3" t="s">
        <v>536</v>
      </c>
    </row>
    <row r="748" spans="1:12" x14ac:dyDescent="0.3">
      <c r="A748" s="11">
        <v>13531816</v>
      </c>
      <c r="B748" s="11">
        <v>4552255</v>
      </c>
      <c r="C748" s="22" t="str">
        <f t="shared" si="13"/>
        <v>https://support.microsoft.com/kb/4552255</v>
      </c>
      <c r="D748" s="3" t="s">
        <v>1147</v>
      </c>
      <c r="E748" s="3" t="s">
        <v>100</v>
      </c>
      <c r="F748" s="3" t="s">
        <v>687</v>
      </c>
      <c r="G748" s="3" t="s">
        <v>116</v>
      </c>
      <c r="H748" s="3">
        <v>2019</v>
      </c>
      <c r="I748" s="3" t="s">
        <v>103</v>
      </c>
      <c r="J748" s="3" t="s">
        <v>74</v>
      </c>
      <c r="K748" s="14">
        <v>44004</v>
      </c>
      <c r="L748" s="3" t="s">
        <v>536</v>
      </c>
    </row>
    <row r="749" spans="1:12" x14ac:dyDescent="0.3">
      <c r="A749" s="11">
        <v>13531811</v>
      </c>
      <c r="B749" s="11">
        <v>4552255</v>
      </c>
      <c r="C749" s="22" t="str">
        <f t="shared" si="13"/>
        <v>https://support.microsoft.com/kb/4552255</v>
      </c>
      <c r="D749" s="3" t="s">
        <v>1148</v>
      </c>
      <c r="E749" s="3" t="s">
        <v>100</v>
      </c>
      <c r="F749" s="3" t="s">
        <v>687</v>
      </c>
      <c r="G749" s="3" t="s">
        <v>116</v>
      </c>
      <c r="H749" s="3">
        <v>2019</v>
      </c>
      <c r="I749" s="3" t="s">
        <v>103</v>
      </c>
      <c r="J749" s="3" t="s">
        <v>74</v>
      </c>
      <c r="K749" s="14">
        <v>44004</v>
      </c>
      <c r="L749" s="3" t="s">
        <v>536</v>
      </c>
    </row>
    <row r="750" spans="1:12" x14ac:dyDescent="0.3">
      <c r="A750" s="11">
        <v>13530877</v>
      </c>
      <c r="B750" s="11">
        <v>4563007</v>
      </c>
      <c r="C750" s="22" t="str">
        <f t="shared" si="13"/>
        <v>https://support.microsoft.com/kb/4563007</v>
      </c>
      <c r="D750" s="3" t="s">
        <v>1149</v>
      </c>
      <c r="E750" s="3" t="s">
        <v>100</v>
      </c>
      <c r="F750" s="3" t="s">
        <v>116</v>
      </c>
      <c r="G750" s="3" t="s">
        <v>116</v>
      </c>
      <c r="H750" s="3">
        <v>2019</v>
      </c>
      <c r="I750" s="3" t="s">
        <v>103</v>
      </c>
      <c r="J750" s="3" t="s">
        <v>74</v>
      </c>
      <c r="K750" s="14">
        <v>44004</v>
      </c>
      <c r="L750" s="3" t="s">
        <v>536</v>
      </c>
    </row>
    <row r="751" spans="1:12" x14ac:dyDescent="0.3">
      <c r="A751" s="11">
        <v>13530704</v>
      </c>
      <c r="B751" s="11">
        <v>4552255</v>
      </c>
      <c r="C751" s="22" t="str">
        <f t="shared" si="13"/>
        <v>https://support.microsoft.com/kb/4552255</v>
      </c>
      <c r="D751" s="3" t="s">
        <v>1150</v>
      </c>
      <c r="E751" s="3" t="s">
        <v>100</v>
      </c>
      <c r="F751" s="3" t="s">
        <v>687</v>
      </c>
      <c r="G751" s="3" t="s">
        <v>116</v>
      </c>
      <c r="H751" s="3">
        <v>2019</v>
      </c>
      <c r="I751" s="3" t="s">
        <v>103</v>
      </c>
      <c r="J751" s="3" t="s">
        <v>74</v>
      </c>
      <c r="K751" s="14">
        <v>44004</v>
      </c>
      <c r="L751" s="3" t="s">
        <v>536</v>
      </c>
    </row>
    <row r="752" spans="1:12" x14ac:dyDescent="0.3">
      <c r="A752" s="11">
        <v>13530274</v>
      </c>
      <c r="B752" s="11">
        <v>4552255</v>
      </c>
      <c r="C752" s="22" t="str">
        <f t="shared" si="13"/>
        <v>https://support.microsoft.com/kb/4552255</v>
      </c>
      <c r="D752" s="3" t="s">
        <v>1151</v>
      </c>
      <c r="E752" s="3" t="s">
        <v>100</v>
      </c>
      <c r="F752" s="3" t="s">
        <v>1152</v>
      </c>
      <c r="G752" s="3" t="s">
        <v>105</v>
      </c>
      <c r="H752" s="3">
        <v>2019</v>
      </c>
      <c r="I752" s="3" t="s">
        <v>103</v>
      </c>
      <c r="J752" s="3" t="s">
        <v>74</v>
      </c>
      <c r="K752" s="14">
        <v>44004</v>
      </c>
      <c r="L752" s="3" t="s">
        <v>536</v>
      </c>
    </row>
    <row r="753" spans="1:12" x14ac:dyDescent="0.3">
      <c r="A753" s="11">
        <v>13526506</v>
      </c>
      <c r="B753" s="11">
        <v>4552255</v>
      </c>
      <c r="C753" s="22" t="str">
        <f t="shared" si="13"/>
        <v>https://support.microsoft.com/kb/4552255</v>
      </c>
      <c r="D753" s="3" t="s">
        <v>1153</v>
      </c>
      <c r="E753" s="3" t="s">
        <v>100</v>
      </c>
      <c r="F753" s="3" t="s">
        <v>125</v>
      </c>
      <c r="G753" s="3" t="s">
        <v>102</v>
      </c>
      <c r="H753" s="3">
        <v>2019</v>
      </c>
      <c r="I753" s="3" t="s">
        <v>103</v>
      </c>
      <c r="J753" s="3" t="s">
        <v>74</v>
      </c>
      <c r="K753" s="14">
        <v>44004</v>
      </c>
      <c r="L753" s="3" t="s">
        <v>536</v>
      </c>
    </row>
    <row r="754" spans="1:12" x14ac:dyDescent="0.3">
      <c r="A754" s="11">
        <v>13526208</v>
      </c>
      <c r="B754" s="11">
        <v>4562618</v>
      </c>
      <c r="C754" s="22" t="str">
        <f t="shared" si="13"/>
        <v>https://support.microsoft.com/kb/4562618</v>
      </c>
      <c r="D754" s="3" t="s">
        <v>1154</v>
      </c>
      <c r="E754" s="3" t="s">
        <v>100</v>
      </c>
      <c r="F754" s="3" t="s">
        <v>579</v>
      </c>
      <c r="G754" s="3" t="s">
        <v>102</v>
      </c>
      <c r="H754" s="3">
        <v>2019</v>
      </c>
      <c r="I754" s="3" t="s">
        <v>103</v>
      </c>
      <c r="J754" s="3" t="s">
        <v>74</v>
      </c>
      <c r="K754" s="14">
        <v>44004</v>
      </c>
      <c r="L754" s="3" t="s">
        <v>536</v>
      </c>
    </row>
    <row r="755" spans="1:12" x14ac:dyDescent="0.3">
      <c r="A755" s="11">
        <v>13526183</v>
      </c>
      <c r="B755" s="11">
        <v>4538581</v>
      </c>
      <c r="C755" s="22" t="str">
        <f t="shared" si="13"/>
        <v>https://support.microsoft.com/kb/4538581</v>
      </c>
      <c r="D755" s="3" t="s">
        <v>703</v>
      </c>
      <c r="E755" s="3" t="s">
        <v>100</v>
      </c>
      <c r="F755" s="3" t="s">
        <v>110</v>
      </c>
      <c r="G755" s="3" t="s">
        <v>105</v>
      </c>
      <c r="H755" s="3">
        <v>2019</v>
      </c>
      <c r="I755" s="3" t="s">
        <v>103</v>
      </c>
      <c r="J755" s="3" t="s">
        <v>74</v>
      </c>
      <c r="K755" s="14">
        <v>44004</v>
      </c>
      <c r="L755" s="3" t="s">
        <v>536</v>
      </c>
    </row>
    <row r="756" spans="1:12" x14ac:dyDescent="0.3">
      <c r="A756" s="11">
        <v>13525977</v>
      </c>
      <c r="B756" s="11">
        <v>4552255</v>
      </c>
      <c r="C756" s="22" t="str">
        <f t="shared" si="13"/>
        <v>https://support.microsoft.com/kb/4552255</v>
      </c>
      <c r="D756" s="3" t="s">
        <v>1155</v>
      </c>
      <c r="E756" s="3" t="s">
        <v>100</v>
      </c>
      <c r="F756" s="3" t="s">
        <v>579</v>
      </c>
      <c r="G756" s="3" t="s">
        <v>102</v>
      </c>
      <c r="H756" s="3">
        <v>2019</v>
      </c>
      <c r="I756" s="3" t="s">
        <v>103</v>
      </c>
      <c r="J756" s="3" t="s">
        <v>74</v>
      </c>
      <c r="K756" s="14">
        <v>44004</v>
      </c>
      <c r="L756" s="3" t="s">
        <v>536</v>
      </c>
    </row>
    <row r="757" spans="1:12" x14ac:dyDescent="0.3">
      <c r="A757" s="11">
        <v>13525968</v>
      </c>
      <c r="B757" s="11">
        <v>4552255</v>
      </c>
      <c r="C757" s="22" t="str">
        <f t="shared" si="13"/>
        <v>https://support.microsoft.com/kb/4552255</v>
      </c>
      <c r="D757" s="3" t="s">
        <v>1156</v>
      </c>
      <c r="E757" s="3" t="s">
        <v>100</v>
      </c>
      <c r="F757" s="3" t="s">
        <v>579</v>
      </c>
      <c r="G757" s="3" t="s">
        <v>102</v>
      </c>
      <c r="H757" s="3">
        <v>2019</v>
      </c>
      <c r="I757" s="3" t="s">
        <v>103</v>
      </c>
      <c r="J757" s="3" t="s">
        <v>74</v>
      </c>
      <c r="K757" s="14">
        <v>44004</v>
      </c>
      <c r="L757" s="3" t="s">
        <v>536</v>
      </c>
    </row>
    <row r="758" spans="1:12" x14ac:dyDescent="0.3">
      <c r="A758" s="11">
        <v>13525965</v>
      </c>
      <c r="B758" s="11">
        <v>4552255</v>
      </c>
      <c r="C758" s="22" t="str">
        <f t="shared" si="13"/>
        <v>https://support.microsoft.com/kb/4552255</v>
      </c>
      <c r="D758" s="3" t="s">
        <v>1157</v>
      </c>
      <c r="E758" s="3" t="s">
        <v>100</v>
      </c>
      <c r="F758" s="3" t="s">
        <v>579</v>
      </c>
      <c r="G758" s="3" t="s">
        <v>102</v>
      </c>
      <c r="H758" s="3">
        <v>2019</v>
      </c>
      <c r="I758" s="3" t="s">
        <v>103</v>
      </c>
      <c r="J758" s="3" t="s">
        <v>74</v>
      </c>
      <c r="K758" s="14">
        <v>44004</v>
      </c>
      <c r="L758" s="3" t="s">
        <v>536</v>
      </c>
    </row>
    <row r="759" spans="1:12" x14ac:dyDescent="0.3">
      <c r="A759" s="11">
        <v>13522367</v>
      </c>
      <c r="B759" s="11">
        <v>4552255</v>
      </c>
      <c r="C759" s="22" t="str">
        <f t="shared" si="13"/>
        <v>https://support.microsoft.com/kb/4552255</v>
      </c>
      <c r="D759" s="3" t="s">
        <v>1158</v>
      </c>
      <c r="E759" s="3" t="s">
        <v>100</v>
      </c>
      <c r="F759" s="3" t="s">
        <v>579</v>
      </c>
      <c r="G759" s="3" t="s">
        <v>116</v>
      </c>
      <c r="H759" s="3">
        <v>2019</v>
      </c>
      <c r="I759" s="3" t="s">
        <v>103</v>
      </c>
      <c r="J759" s="3" t="s">
        <v>74</v>
      </c>
      <c r="K759" s="14">
        <v>44004</v>
      </c>
      <c r="L759" s="3" t="s">
        <v>536</v>
      </c>
    </row>
    <row r="760" spans="1:12" x14ac:dyDescent="0.3">
      <c r="A760" s="11">
        <v>13522235</v>
      </c>
      <c r="B760" s="11">
        <v>4560051</v>
      </c>
      <c r="C760" s="22" t="str">
        <f t="shared" si="13"/>
        <v>https://support.microsoft.com/kb/4560051</v>
      </c>
      <c r="D760" s="3" t="s">
        <v>1159</v>
      </c>
      <c r="E760" s="3" t="s">
        <v>100</v>
      </c>
      <c r="F760" s="3" t="s">
        <v>101</v>
      </c>
      <c r="G760" s="3" t="s">
        <v>102</v>
      </c>
      <c r="H760" s="3">
        <v>2019</v>
      </c>
      <c r="I760" s="3" t="s">
        <v>103</v>
      </c>
      <c r="J760" s="3" t="s">
        <v>74</v>
      </c>
      <c r="K760" s="14">
        <v>44004</v>
      </c>
      <c r="L760" s="3" t="s">
        <v>536</v>
      </c>
    </row>
    <row r="761" spans="1:12" x14ac:dyDescent="0.3">
      <c r="A761" s="11">
        <v>13522185</v>
      </c>
      <c r="B761" s="11">
        <v>4563195</v>
      </c>
      <c r="C761" s="22" t="str">
        <f t="shared" si="13"/>
        <v>https://support.microsoft.com/kb/4563195</v>
      </c>
      <c r="D761" s="3" t="s">
        <v>1160</v>
      </c>
      <c r="E761" s="3" t="s">
        <v>100</v>
      </c>
      <c r="F761" s="3" t="s">
        <v>125</v>
      </c>
      <c r="G761" s="3" t="s">
        <v>102</v>
      </c>
      <c r="H761" s="3">
        <v>2019</v>
      </c>
      <c r="I761" s="3" t="s">
        <v>103</v>
      </c>
      <c r="J761" s="3" t="s">
        <v>74</v>
      </c>
      <c r="K761" s="14">
        <v>44004</v>
      </c>
      <c r="L761" s="3" t="s">
        <v>536</v>
      </c>
    </row>
    <row r="762" spans="1:12" x14ac:dyDescent="0.3">
      <c r="A762" s="11">
        <v>13518379</v>
      </c>
      <c r="B762" s="11">
        <v>4564868</v>
      </c>
      <c r="C762" s="22" t="str">
        <f t="shared" si="13"/>
        <v>https://support.microsoft.com/kb/4564868</v>
      </c>
      <c r="D762" s="3" t="s">
        <v>1161</v>
      </c>
      <c r="E762" s="3" t="s">
        <v>100</v>
      </c>
      <c r="F762" s="3" t="s">
        <v>161</v>
      </c>
      <c r="G762" s="3" t="s">
        <v>102</v>
      </c>
      <c r="H762" s="3">
        <v>2019</v>
      </c>
      <c r="I762" s="3" t="s">
        <v>103</v>
      </c>
      <c r="J762" s="3" t="s">
        <v>74</v>
      </c>
      <c r="K762" s="14">
        <v>44004</v>
      </c>
      <c r="L762" s="3" t="s">
        <v>536</v>
      </c>
    </row>
    <row r="763" spans="1:12" x14ac:dyDescent="0.3">
      <c r="A763" s="11">
        <v>13516292</v>
      </c>
      <c r="B763" s="11">
        <v>4552255</v>
      </c>
      <c r="C763" s="22" t="str">
        <f t="shared" si="13"/>
        <v>https://support.microsoft.com/kb/4552255</v>
      </c>
      <c r="D763" s="3" t="s">
        <v>1162</v>
      </c>
      <c r="E763" s="3" t="s">
        <v>180</v>
      </c>
      <c r="F763" s="3" t="s">
        <v>180</v>
      </c>
      <c r="G763" s="3" t="s">
        <v>102</v>
      </c>
      <c r="H763" s="3">
        <v>2019</v>
      </c>
      <c r="I763" s="3" t="s">
        <v>103</v>
      </c>
      <c r="J763" s="3" t="s">
        <v>74</v>
      </c>
      <c r="K763" s="14">
        <v>44004</v>
      </c>
      <c r="L763" s="3" t="s">
        <v>536</v>
      </c>
    </row>
    <row r="764" spans="1:12" x14ac:dyDescent="0.3">
      <c r="A764" s="11">
        <v>13516290</v>
      </c>
      <c r="B764" s="11">
        <v>4552255</v>
      </c>
      <c r="C764" s="22" t="str">
        <f t="shared" si="13"/>
        <v>https://support.microsoft.com/kb/4552255</v>
      </c>
      <c r="D764" s="3" t="s">
        <v>1163</v>
      </c>
      <c r="E764" s="3" t="s">
        <v>180</v>
      </c>
      <c r="F764" s="3" t="s">
        <v>180</v>
      </c>
      <c r="G764" s="3" t="s">
        <v>102</v>
      </c>
      <c r="H764" s="3">
        <v>2019</v>
      </c>
      <c r="I764" s="3" t="s">
        <v>103</v>
      </c>
      <c r="J764" s="3" t="s">
        <v>74</v>
      </c>
      <c r="K764" s="14">
        <v>44004</v>
      </c>
      <c r="L764" s="3" t="s">
        <v>536</v>
      </c>
    </row>
    <row r="765" spans="1:12" x14ac:dyDescent="0.3">
      <c r="A765" s="11">
        <v>13516286</v>
      </c>
      <c r="B765" s="11">
        <v>4552255</v>
      </c>
      <c r="C765" s="22" t="str">
        <f t="shared" si="13"/>
        <v>https://support.microsoft.com/kb/4552255</v>
      </c>
      <c r="D765" s="3" t="s">
        <v>1164</v>
      </c>
      <c r="E765" s="3" t="s">
        <v>180</v>
      </c>
      <c r="F765" s="3" t="s">
        <v>180</v>
      </c>
      <c r="G765" s="3" t="s">
        <v>102</v>
      </c>
      <c r="H765" s="3">
        <v>2019</v>
      </c>
      <c r="I765" s="3" t="s">
        <v>103</v>
      </c>
      <c r="J765" s="3" t="s">
        <v>74</v>
      </c>
      <c r="K765" s="14">
        <v>44004</v>
      </c>
      <c r="L765" s="3" t="s">
        <v>536</v>
      </c>
    </row>
    <row r="766" spans="1:12" x14ac:dyDescent="0.3">
      <c r="A766" s="11">
        <v>13509341</v>
      </c>
      <c r="B766" s="11">
        <v>4552255</v>
      </c>
      <c r="C766" s="22" t="str">
        <f t="shared" si="13"/>
        <v>https://support.microsoft.com/kb/4552255</v>
      </c>
      <c r="D766" s="3" t="s">
        <v>1165</v>
      </c>
      <c r="E766" s="3" t="s">
        <v>100</v>
      </c>
      <c r="F766" s="3" t="s">
        <v>161</v>
      </c>
      <c r="G766" s="3" t="s">
        <v>105</v>
      </c>
      <c r="H766" s="3">
        <v>2019</v>
      </c>
      <c r="I766" s="3" t="s">
        <v>103</v>
      </c>
      <c r="J766" s="3" t="s">
        <v>74</v>
      </c>
      <c r="K766" s="14">
        <v>44004</v>
      </c>
      <c r="L766" s="3" t="s">
        <v>536</v>
      </c>
    </row>
    <row r="767" spans="1:12" x14ac:dyDescent="0.3">
      <c r="A767" s="11">
        <v>13508776</v>
      </c>
      <c r="B767" s="11">
        <v>4562173</v>
      </c>
      <c r="C767" s="22" t="str">
        <f t="shared" si="13"/>
        <v>https://support.microsoft.com/kb/4562173</v>
      </c>
      <c r="D767" s="3" t="s">
        <v>1166</v>
      </c>
      <c r="E767" s="3" t="s">
        <v>100</v>
      </c>
      <c r="F767" s="3" t="s">
        <v>101</v>
      </c>
      <c r="G767" s="3" t="s">
        <v>102</v>
      </c>
      <c r="H767" s="3">
        <v>2019</v>
      </c>
      <c r="I767" s="3" t="s">
        <v>103</v>
      </c>
      <c r="J767" s="3" t="s">
        <v>74</v>
      </c>
      <c r="K767" s="14">
        <v>44004</v>
      </c>
      <c r="L767" s="3" t="s">
        <v>536</v>
      </c>
    </row>
    <row r="768" spans="1:12" x14ac:dyDescent="0.3">
      <c r="A768" s="11">
        <v>13502023</v>
      </c>
      <c r="B768" s="11">
        <v>4552255</v>
      </c>
      <c r="C768" s="22" t="str">
        <f t="shared" si="13"/>
        <v>https://support.microsoft.com/kb/4552255</v>
      </c>
      <c r="D768" s="3" t="s">
        <v>1167</v>
      </c>
      <c r="E768" s="3" t="s">
        <v>100</v>
      </c>
      <c r="F768" s="3" t="s">
        <v>139</v>
      </c>
      <c r="G768" s="3" t="s">
        <v>102</v>
      </c>
      <c r="H768" s="3">
        <v>2019</v>
      </c>
      <c r="I768" s="3" t="s">
        <v>103</v>
      </c>
      <c r="J768" s="3" t="s">
        <v>74</v>
      </c>
      <c r="K768" s="14">
        <v>44004</v>
      </c>
      <c r="L768" s="3" t="s">
        <v>536</v>
      </c>
    </row>
    <row r="769" spans="1:12" x14ac:dyDescent="0.3">
      <c r="A769" s="11">
        <v>13498052</v>
      </c>
      <c r="B769" s="11">
        <v>4552255</v>
      </c>
      <c r="C769" s="22" t="str">
        <f t="shared" si="13"/>
        <v>https://support.microsoft.com/kb/4552255</v>
      </c>
      <c r="D769" s="3" t="s">
        <v>1168</v>
      </c>
      <c r="E769" s="3" t="s">
        <v>380</v>
      </c>
      <c r="F769" s="3" t="s">
        <v>699</v>
      </c>
      <c r="G769" s="3" t="s">
        <v>102</v>
      </c>
      <c r="H769" s="3">
        <v>2019</v>
      </c>
      <c r="I769" s="3" t="s">
        <v>103</v>
      </c>
      <c r="J769" s="3" t="s">
        <v>74</v>
      </c>
      <c r="K769" s="14">
        <v>44004</v>
      </c>
      <c r="L769" s="3" t="s">
        <v>536</v>
      </c>
    </row>
    <row r="770" spans="1:12" x14ac:dyDescent="0.3">
      <c r="A770" s="11">
        <v>13495908</v>
      </c>
      <c r="B770" s="11">
        <v>4561915</v>
      </c>
      <c r="C770" s="22" t="str">
        <f t="shared" si="13"/>
        <v>https://support.microsoft.com/kb/4561915</v>
      </c>
      <c r="D770" s="3" t="s">
        <v>1169</v>
      </c>
      <c r="E770" s="3" t="s">
        <v>100</v>
      </c>
      <c r="F770" s="3" t="s">
        <v>153</v>
      </c>
      <c r="G770" s="3" t="s">
        <v>105</v>
      </c>
      <c r="H770" s="3">
        <v>2019</v>
      </c>
      <c r="I770" s="3" t="s">
        <v>103</v>
      </c>
      <c r="J770" s="3" t="s">
        <v>74</v>
      </c>
      <c r="K770" s="14">
        <v>44004</v>
      </c>
      <c r="L770" s="3" t="s">
        <v>536</v>
      </c>
    </row>
    <row r="771" spans="1:12" x14ac:dyDescent="0.3">
      <c r="A771" s="11">
        <v>13491696</v>
      </c>
      <c r="B771" s="11">
        <v>4552255</v>
      </c>
      <c r="C771" s="22" t="str">
        <f t="shared" si="13"/>
        <v>https://support.microsoft.com/kb/4552255</v>
      </c>
      <c r="D771" s="3" t="s">
        <v>1170</v>
      </c>
      <c r="E771" s="3" t="s">
        <v>178</v>
      </c>
      <c r="F771" s="3" t="s">
        <v>775</v>
      </c>
      <c r="G771" s="3" t="s">
        <v>102</v>
      </c>
      <c r="H771" s="3">
        <v>2019</v>
      </c>
      <c r="I771" s="3" t="s">
        <v>103</v>
      </c>
      <c r="J771" s="3" t="s">
        <v>74</v>
      </c>
      <c r="K771" s="14">
        <v>44004</v>
      </c>
      <c r="L771" s="3" t="s">
        <v>536</v>
      </c>
    </row>
    <row r="772" spans="1:12" x14ac:dyDescent="0.3">
      <c r="A772" s="11">
        <v>13491688</v>
      </c>
      <c r="B772" s="11">
        <v>4552255</v>
      </c>
      <c r="C772" s="22" t="str">
        <f t="shared" si="13"/>
        <v>https://support.microsoft.com/kb/4552255</v>
      </c>
      <c r="D772" s="3" t="s">
        <v>1171</v>
      </c>
      <c r="E772" s="3" t="s">
        <v>100</v>
      </c>
      <c r="F772" s="3" t="s">
        <v>116</v>
      </c>
      <c r="G772" s="3" t="s">
        <v>116</v>
      </c>
      <c r="H772" s="3">
        <v>2019</v>
      </c>
      <c r="I772" s="3" t="s">
        <v>103</v>
      </c>
      <c r="J772" s="3" t="s">
        <v>74</v>
      </c>
      <c r="K772" s="14">
        <v>44004</v>
      </c>
      <c r="L772" s="3" t="s">
        <v>536</v>
      </c>
    </row>
    <row r="773" spans="1:12" x14ac:dyDescent="0.3">
      <c r="A773" s="11">
        <v>13491472</v>
      </c>
      <c r="B773" s="11">
        <v>4552255</v>
      </c>
      <c r="C773" s="22" t="str">
        <f t="shared" si="13"/>
        <v>https://support.microsoft.com/kb/4552255</v>
      </c>
      <c r="D773" s="3" t="s">
        <v>1172</v>
      </c>
      <c r="E773" s="3" t="s">
        <v>100</v>
      </c>
      <c r="F773" s="3" t="s">
        <v>579</v>
      </c>
      <c r="G773" s="3" t="s">
        <v>105</v>
      </c>
      <c r="H773" s="3">
        <v>2019</v>
      </c>
      <c r="I773" s="3" t="s">
        <v>103</v>
      </c>
      <c r="J773" s="3" t="s">
        <v>74</v>
      </c>
      <c r="K773" s="14">
        <v>44004</v>
      </c>
      <c r="L773" s="3" t="s">
        <v>536</v>
      </c>
    </row>
    <row r="774" spans="1:12" x14ac:dyDescent="0.3">
      <c r="A774" s="11">
        <v>13491461</v>
      </c>
      <c r="B774" s="11">
        <v>4552255</v>
      </c>
      <c r="C774" s="22" t="str">
        <f t="shared" si="13"/>
        <v>https://support.microsoft.com/kb/4552255</v>
      </c>
      <c r="D774" s="3" t="s">
        <v>1173</v>
      </c>
      <c r="E774" s="3" t="s">
        <v>100</v>
      </c>
      <c r="F774" s="3" t="s">
        <v>579</v>
      </c>
      <c r="G774" s="3" t="s">
        <v>105</v>
      </c>
      <c r="H774" s="3">
        <v>2019</v>
      </c>
      <c r="I774" s="3" t="s">
        <v>103</v>
      </c>
      <c r="J774" s="3" t="s">
        <v>74</v>
      </c>
      <c r="K774" s="14">
        <v>44004</v>
      </c>
      <c r="L774" s="3" t="s">
        <v>536</v>
      </c>
    </row>
    <row r="775" spans="1:12" x14ac:dyDescent="0.3">
      <c r="A775" s="11">
        <v>13491460</v>
      </c>
      <c r="B775" s="11">
        <v>4552255</v>
      </c>
      <c r="C775" s="22" t="str">
        <f t="shared" si="13"/>
        <v>https://support.microsoft.com/kb/4552255</v>
      </c>
      <c r="D775" s="3" t="s">
        <v>1174</v>
      </c>
      <c r="E775" s="3" t="s">
        <v>100</v>
      </c>
      <c r="F775" s="3" t="s">
        <v>579</v>
      </c>
      <c r="G775" s="3" t="s">
        <v>105</v>
      </c>
      <c r="H775" s="3">
        <v>2019</v>
      </c>
      <c r="I775" s="3" t="s">
        <v>103</v>
      </c>
      <c r="J775" s="3" t="s">
        <v>74</v>
      </c>
      <c r="K775" s="14">
        <v>44004</v>
      </c>
      <c r="L775" s="3" t="s">
        <v>536</v>
      </c>
    </row>
    <row r="776" spans="1:12" x14ac:dyDescent="0.3">
      <c r="A776" s="11">
        <v>13491016</v>
      </c>
      <c r="B776" s="11">
        <v>4552478</v>
      </c>
      <c r="C776" s="22" t="str">
        <f t="shared" si="13"/>
        <v>https://support.microsoft.com/kb/4552478</v>
      </c>
      <c r="D776" s="3" t="s">
        <v>1175</v>
      </c>
      <c r="E776" s="3" t="s">
        <v>100</v>
      </c>
      <c r="F776" s="3" t="s">
        <v>120</v>
      </c>
      <c r="G776" s="3" t="s">
        <v>102</v>
      </c>
      <c r="H776" s="3">
        <v>2019</v>
      </c>
      <c r="I776" s="3" t="s">
        <v>103</v>
      </c>
      <c r="J776" s="3" t="s">
        <v>74</v>
      </c>
      <c r="K776" s="14">
        <v>44004</v>
      </c>
      <c r="L776" s="3" t="s">
        <v>536</v>
      </c>
    </row>
    <row r="777" spans="1:12" x14ac:dyDescent="0.3">
      <c r="A777" s="11">
        <v>13491012</v>
      </c>
      <c r="B777" s="11">
        <v>4552255</v>
      </c>
      <c r="C777" s="22" t="str">
        <f t="shared" si="13"/>
        <v>https://support.microsoft.com/kb/4552255</v>
      </c>
      <c r="D777" s="3" t="s">
        <v>1176</v>
      </c>
      <c r="E777" s="3" t="s">
        <v>100</v>
      </c>
      <c r="F777" s="3" t="s">
        <v>214</v>
      </c>
      <c r="G777" s="3" t="s">
        <v>102</v>
      </c>
      <c r="H777" s="3">
        <v>2019</v>
      </c>
      <c r="I777" s="3" t="s">
        <v>103</v>
      </c>
      <c r="J777" s="3" t="s">
        <v>74</v>
      </c>
      <c r="K777" s="14">
        <v>44004</v>
      </c>
      <c r="L777" s="3" t="s">
        <v>536</v>
      </c>
    </row>
    <row r="778" spans="1:12" x14ac:dyDescent="0.3">
      <c r="A778" s="11">
        <v>13491011</v>
      </c>
      <c r="B778" s="11">
        <v>4552255</v>
      </c>
      <c r="C778" s="22" t="str">
        <f t="shared" si="13"/>
        <v>https://support.microsoft.com/kb/4552255</v>
      </c>
      <c r="D778" s="3" t="s">
        <v>1177</v>
      </c>
      <c r="E778" s="3" t="s">
        <v>100</v>
      </c>
      <c r="F778" s="3" t="s">
        <v>113</v>
      </c>
      <c r="G778" s="3" t="s">
        <v>102</v>
      </c>
      <c r="H778" s="3">
        <v>2019</v>
      </c>
      <c r="I778" s="3" t="s">
        <v>103</v>
      </c>
      <c r="J778" s="3" t="s">
        <v>74</v>
      </c>
      <c r="K778" s="14">
        <v>44004</v>
      </c>
      <c r="L778" s="3" t="s">
        <v>536</v>
      </c>
    </row>
    <row r="779" spans="1:12" x14ac:dyDescent="0.3">
      <c r="A779" s="11">
        <v>13491009</v>
      </c>
      <c r="B779" s="11">
        <v>4539023</v>
      </c>
      <c r="C779" s="22" t="str">
        <f t="shared" si="13"/>
        <v>https://support.microsoft.com/kb/4539023</v>
      </c>
      <c r="D779" s="3" t="s">
        <v>1178</v>
      </c>
      <c r="E779" s="3" t="s">
        <v>180</v>
      </c>
      <c r="F779" s="3" t="s">
        <v>180</v>
      </c>
      <c r="G779" s="3" t="s">
        <v>102</v>
      </c>
      <c r="H779" s="3">
        <v>2019</v>
      </c>
      <c r="I779" s="3" t="s">
        <v>103</v>
      </c>
      <c r="J779" s="3" t="s">
        <v>74</v>
      </c>
      <c r="K779" s="14">
        <v>44004</v>
      </c>
      <c r="L779" s="3" t="s">
        <v>536</v>
      </c>
    </row>
    <row r="780" spans="1:12" x14ac:dyDescent="0.3">
      <c r="A780" s="11">
        <v>13490049</v>
      </c>
      <c r="B780" s="11">
        <v>4552255</v>
      </c>
      <c r="C780" s="22" t="str">
        <f t="shared" si="13"/>
        <v>https://support.microsoft.com/kb/4552255</v>
      </c>
      <c r="D780" s="3" t="s">
        <v>1179</v>
      </c>
      <c r="E780" s="3" t="s">
        <v>100</v>
      </c>
      <c r="F780" s="3" t="s">
        <v>116</v>
      </c>
      <c r="G780" s="3" t="s">
        <v>116</v>
      </c>
      <c r="H780" s="3">
        <v>2019</v>
      </c>
      <c r="I780" s="3" t="s">
        <v>103</v>
      </c>
      <c r="J780" s="3" t="s">
        <v>74</v>
      </c>
      <c r="K780" s="14">
        <v>44004</v>
      </c>
      <c r="L780" s="3" t="s">
        <v>536</v>
      </c>
    </row>
    <row r="781" spans="1:12" x14ac:dyDescent="0.3">
      <c r="A781" s="11">
        <v>13488605</v>
      </c>
      <c r="B781" s="11">
        <v>4552255</v>
      </c>
      <c r="C781" s="22" t="str">
        <f t="shared" si="13"/>
        <v>https://support.microsoft.com/kb/4552255</v>
      </c>
      <c r="D781" s="3" t="s">
        <v>1180</v>
      </c>
      <c r="E781" s="3" t="s">
        <v>100</v>
      </c>
      <c r="F781" s="3" t="s">
        <v>113</v>
      </c>
      <c r="G781" s="3" t="s">
        <v>102</v>
      </c>
      <c r="H781" s="3">
        <v>2019</v>
      </c>
      <c r="I781" s="3" t="s">
        <v>103</v>
      </c>
      <c r="J781" s="3" t="s">
        <v>74</v>
      </c>
      <c r="K781" s="14">
        <v>44004</v>
      </c>
      <c r="L781" s="3" t="s">
        <v>536</v>
      </c>
    </row>
    <row r="782" spans="1:12" x14ac:dyDescent="0.3">
      <c r="A782" s="11">
        <v>13485259</v>
      </c>
      <c r="B782" s="11">
        <v>4552255</v>
      </c>
      <c r="C782" s="22" t="str">
        <f t="shared" si="13"/>
        <v>https://support.microsoft.com/kb/4552255</v>
      </c>
      <c r="D782" s="3" t="s">
        <v>1181</v>
      </c>
      <c r="E782" s="3" t="s">
        <v>100</v>
      </c>
      <c r="F782" s="3" t="s">
        <v>1152</v>
      </c>
      <c r="G782" s="3" t="s">
        <v>105</v>
      </c>
      <c r="H782" s="3">
        <v>2019</v>
      </c>
      <c r="I782" s="3" t="s">
        <v>103</v>
      </c>
      <c r="J782" s="3" t="s">
        <v>74</v>
      </c>
      <c r="K782" s="14">
        <v>44004</v>
      </c>
      <c r="L782" s="3" t="s">
        <v>536</v>
      </c>
    </row>
    <row r="783" spans="1:12" x14ac:dyDescent="0.3">
      <c r="A783" s="11">
        <v>13477441</v>
      </c>
      <c r="B783" s="11">
        <v>4556244</v>
      </c>
      <c r="C783" s="22" t="str">
        <f t="shared" si="13"/>
        <v>https://support.microsoft.com/kb/4556244</v>
      </c>
      <c r="D783" s="3" t="s">
        <v>1182</v>
      </c>
      <c r="E783" s="3" t="s">
        <v>100</v>
      </c>
      <c r="F783" s="3" t="s">
        <v>116</v>
      </c>
      <c r="G783" s="3" t="s">
        <v>116</v>
      </c>
      <c r="H783" s="3">
        <v>2019</v>
      </c>
      <c r="I783" s="3" t="s">
        <v>103</v>
      </c>
      <c r="J783" s="3" t="s">
        <v>74</v>
      </c>
      <c r="K783" s="14">
        <v>44004</v>
      </c>
      <c r="L783" s="3" t="s">
        <v>536</v>
      </c>
    </row>
    <row r="784" spans="1:12" x14ac:dyDescent="0.3">
      <c r="A784" s="11">
        <v>13477086</v>
      </c>
      <c r="B784" s="11">
        <v>4556233</v>
      </c>
      <c r="C784" s="22" t="str">
        <f t="shared" si="13"/>
        <v>https://support.microsoft.com/kb/4556233</v>
      </c>
      <c r="D784" s="3" t="s">
        <v>1183</v>
      </c>
      <c r="E784" s="3" t="s">
        <v>217</v>
      </c>
      <c r="F784" s="3" t="s">
        <v>218</v>
      </c>
      <c r="G784" s="3" t="s">
        <v>102</v>
      </c>
      <c r="H784" s="3">
        <v>2019</v>
      </c>
      <c r="I784" s="3" t="s">
        <v>103</v>
      </c>
      <c r="J784" s="3" t="s">
        <v>74</v>
      </c>
      <c r="K784" s="14">
        <v>44004</v>
      </c>
      <c r="L784" s="3" t="s">
        <v>536</v>
      </c>
    </row>
    <row r="785" spans="1:12" x14ac:dyDescent="0.3">
      <c r="A785" s="11">
        <v>13476078</v>
      </c>
      <c r="B785" s="11">
        <v>4561725</v>
      </c>
      <c r="C785" s="22" t="str">
        <f t="shared" si="13"/>
        <v>https://support.microsoft.com/kb/4561725</v>
      </c>
      <c r="D785" s="3" t="s">
        <v>1184</v>
      </c>
      <c r="E785" s="3" t="s">
        <v>100</v>
      </c>
      <c r="F785" s="3" t="s">
        <v>579</v>
      </c>
      <c r="G785" s="3" t="s">
        <v>116</v>
      </c>
      <c r="H785" s="3">
        <v>2019</v>
      </c>
      <c r="I785" s="3" t="s">
        <v>103</v>
      </c>
      <c r="J785" s="3" t="s">
        <v>74</v>
      </c>
      <c r="K785" s="14">
        <v>44004</v>
      </c>
      <c r="L785" s="3" t="s">
        <v>536</v>
      </c>
    </row>
    <row r="786" spans="1:12" x14ac:dyDescent="0.3">
      <c r="A786" s="11">
        <v>13472695</v>
      </c>
      <c r="B786" s="11">
        <v>4563348</v>
      </c>
      <c r="C786" s="22" t="str">
        <f t="shared" si="13"/>
        <v>https://support.microsoft.com/kb/4563348</v>
      </c>
      <c r="D786" s="3" t="s">
        <v>1160</v>
      </c>
      <c r="E786" s="3" t="s">
        <v>100</v>
      </c>
      <c r="F786" s="3" t="s">
        <v>120</v>
      </c>
      <c r="G786" s="3" t="s">
        <v>102</v>
      </c>
      <c r="H786" s="3">
        <v>2019</v>
      </c>
      <c r="I786" s="3" t="s">
        <v>103</v>
      </c>
      <c r="J786" s="3" t="s">
        <v>74</v>
      </c>
      <c r="K786" s="14">
        <v>44004</v>
      </c>
      <c r="L786" s="3" t="s">
        <v>536</v>
      </c>
    </row>
    <row r="787" spans="1:12" x14ac:dyDescent="0.3">
      <c r="A787" s="11">
        <v>13469410</v>
      </c>
      <c r="B787" s="11">
        <v>4552255</v>
      </c>
      <c r="C787" s="22" t="str">
        <f t="shared" si="13"/>
        <v>https://support.microsoft.com/kb/4552255</v>
      </c>
      <c r="D787" s="3" t="s">
        <v>1185</v>
      </c>
      <c r="E787" s="3" t="s">
        <v>180</v>
      </c>
      <c r="F787" s="3" t="s">
        <v>180</v>
      </c>
      <c r="G787" s="3" t="s">
        <v>102</v>
      </c>
      <c r="H787" s="3">
        <v>2019</v>
      </c>
      <c r="I787" s="3" t="s">
        <v>103</v>
      </c>
      <c r="J787" s="3" t="s">
        <v>74</v>
      </c>
      <c r="K787" s="14">
        <v>44004</v>
      </c>
      <c r="L787" s="3" t="s">
        <v>536</v>
      </c>
    </row>
    <row r="788" spans="1:12" x14ac:dyDescent="0.3">
      <c r="A788" s="11">
        <v>13468903</v>
      </c>
      <c r="B788" s="11">
        <v>4552255</v>
      </c>
      <c r="C788" s="22" t="str">
        <f t="shared" si="13"/>
        <v>https://support.microsoft.com/kb/4552255</v>
      </c>
      <c r="D788" s="3" t="s">
        <v>1186</v>
      </c>
      <c r="E788" s="3" t="s">
        <v>100</v>
      </c>
      <c r="F788" s="3" t="s">
        <v>123</v>
      </c>
      <c r="G788" s="3" t="s">
        <v>102</v>
      </c>
      <c r="H788" s="3">
        <v>2019</v>
      </c>
      <c r="I788" s="3" t="s">
        <v>103</v>
      </c>
      <c r="J788" s="3" t="s">
        <v>74</v>
      </c>
      <c r="K788" s="14">
        <v>44004</v>
      </c>
      <c r="L788" s="3" t="s">
        <v>536</v>
      </c>
    </row>
    <row r="789" spans="1:12" x14ac:dyDescent="0.3">
      <c r="A789" s="11">
        <v>13465623</v>
      </c>
      <c r="B789" s="11">
        <v>4555232</v>
      </c>
      <c r="C789" s="22" t="str">
        <f t="shared" si="13"/>
        <v>https://support.microsoft.com/kb/4555232</v>
      </c>
      <c r="D789" s="3" t="s">
        <v>1187</v>
      </c>
      <c r="E789" s="3" t="s">
        <v>100</v>
      </c>
      <c r="F789" s="3" t="s">
        <v>110</v>
      </c>
      <c r="G789" s="3" t="s">
        <v>105</v>
      </c>
      <c r="H789" s="3">
        <v>2019</v>
      </c>
      <c r="I789" s="3" t="s">
        <v>103</v>
      </c>
      <c r="J789" s="3" t="s">
        <v>74</v>
      </c>
      <c r="K789" s="14">
        <v>44004</v>
      </c>
      <c r="L789" s="3" t="s">
        <v>536</v>
      </c>
    </row>
    <row r="790" spans="1:12" x14ac:dyDescent="0.3">
      <c r="A790" s="11">
        <v>13464812</v>
      </c>
      <c r="B790" s="11">
        <v>4552255</v>
      </c>
      <c r="C790" s="22" t="str">
        <f t="shared" si="13"/>
        <v>https://support.microsoft.com/kb/4552255</v>
      </c>
      <c r="D790" s="3" t="s">
        <v>1188</v>
      </c>
      <c r="E790" s="3" t="s">
        <v>100</v>
      </c>
      <c r="F790" s="3" t="s">
        <v>110</v>
      </c>
      <c r="G790" s="3" t="s">
        <v>102</v>
      </c>
      <c r="H790" s="3">
        <v>2019</v>
      </c>
      <c r="I790" s="3" t="s">
        <v>103</v>
      </c>
      <c r="J790" s="3" t="s">
        <v>74</v>
      </c>
      <c r="K790" s="14">
        <v>44004</v>
      </c>
      <c r="L790" s="3" t="s">
        <v>536</v>
      </c>
    </row>
    <row r="791" spans="1:12" x14ac:dyDescent="0.3">
      <c r="A791" s="11">
        <v>13464184</v>
      </c>
      <c r="B791" s="11">
        <v>4552255</v>
      </c>
      <c r="C791" s="22" t="str">
        <f t="shared" si="13"/>
        <v>https://support.microsoft.com/kb/4552255</v>
      </c>
      <c r="D791" s="3" t="s">
        <v>1189</v>
      </c>
      <c r="E791" s="3" t="s">
        <v>100</v>
      </c>
      <c r="F791" s="3" t="s">
        <v>687</v>
      </c>
      <c r="G791" s="3" t="s">
        <v>116</v>
      </c>
      <c r="H791" s="3">
        <v>2019</v>
      </c>
      <c r="I791" s="3" t="s">
        <v>103</v>
      </c>
      <c r="J791" s="3" t="s">
        <v>74</v>
      </c>
      <c r="K791" s="14">
        <v>44004</v>
      </c>
      <c r="L791" s="3" t="s">
        <v>536</v>
      </c>
    </row>
    <row r="792" spans="1:12" x14ac:dyDescent="0.3">
      <c r="A792" s="11">
        <v>13464137</v>
      </c>
      <c r="B792" s="11">
        <v>4552255</v>
      </c>
      <c r="C792" s="22" t="str">
        <f t="shared" si="13"/>
        <v>https://support.microsoft.com/kb/4552255</v>
      </c>
      <c r="D792" s="3" t="s">
        <v>1190</v>
      </c>
      <c r="E792" s="3" t="s">
        <v>100</v>
      </c>
      <c r="F792" s="3" t="s">
        <v>165</v>
      </c>
      <c r="G792" s="3" t="s">
        <v>105</v>
      </c>
      <c r="H792" s="3">
        <v>2019</v>
      </c>
      <c r="I792" s="3" t="s">
        <v>103</v>
      </c>
      <c r="J792" s="3" t="s">
        <v>74</v>
      </c>
      <c r="K792" s="14">
        <v>44004</v>
      </c>
      <c r="L792" s="3" t="s">
        <v>536</v>
      </c>
    </row>
    <row r="793" spans="1:12" x14ac:dyDescent="0.3">
      <c r="A793" s="11">
        <v>13458643</v>
      </c>
      <c r="B793" s="11">
        <v>4552255</v>
      </c>
      <c r="C793" s="22" t="str">
        <f t="shared" si="13"/>
        <v>https://support.microsoft.com/kb/4552255</v>
      </c>
      <c r="D793" s="3" t="s">
        <v>1191</v>
      </c>
      <c r="E793" s="3" t="s">
        <v>100</v>
      </c>
      <c r="F793" s="3" t="s">
        <v>110</v>
      </c>
      <c r="G793" s="3" t="s">
        <v>102</v>
      </c>
      <c r="H793" s="3">
        <v>2019</v>
      </c>
      <c r="I793" s="3" t="s">
        <v>103</v>
      </c>
      <c r="J793" s="3" t="s">
        <v>74</v>
      </c>
      <c r="K793" s="14">
        <v>44004</v>
      </c>
      <c r="L793" s="3" t="s">
        <v>536</v>
      </c>
    </row>
    <row r="794" spans="1:12" x14ac:dyDescent="0.3">
      <c r="A794" s="11">
        <v>13458540</v>
      </c>
      <c r="B794" s="11">
        <v>4552255</v>
      </c>
      <c r="C794" s="22" t="str">
        <f t="shared" si="13"/>
        <v>https://support.microsoft.com/kb/4552255</v>
      </c>
      <c r="D794" s="3" t="s">
        <v>1192</v>
      </c>
      <c r="E794" s="3" t="s">
        <v>180</v>
      </c>
      <c r="F794" s="3" t="s">
        <v>180</v>
      </c>
      <c r="G794" s="3" t="s">
        <v>102</v>
      </c>
      <c r="H794" s="3">
        <v>2019</v>
      </c>
      <c r="I794" s="3" t="s">
        <v>103</v>
      </c>
      <c r="J794" s="3" t="s">
        <v>74</v>
      </c>
      <c r="K794" s="14">
        <v>44004</v>
      </c>
      <c r="L794" s="3" t="s">
        <v>536</v>
      </c>
    </row>
    <row r="795" spans="1:12" x14ac:dyDescent="0.3">
      <c r="A795" s="11">
        <v>13456880</v>
      </c>
      <c r="B795" s="11">
        <v>4552255</v>
      </c>
      <c r="C795" s="22" t="str">
        <f t="shared" si="13"/>
        <v>https://support.microsoft.com/kb/4552255</v>
      </c>
      <c r="D795" s="3" t="s">
        <v>1193</v>
      </c>
      <c r="E795" s="3" t="s">
        <v>100</v>
      </c>
      <c r="F795" s="3" t="s">
        <v>116</v>
      </c>
      <c r="G795" s="3" t="s">
        <v>116</v>
      </c>
      <c r="H795" s="3">
        <v>2019</v>
      </c>
      <c r="I795" s="3" t="s">
        <v>103</v>
      </c>
      <c r="J795" s="3" t="s">
        <v>74</v>
      </c>
      <c r="K795" s="14">
        <v>44004</v>
      </c>
      <c r="L795" s="3" t="s">
        <v>536</v>
      </c>
    </row>
    <row r="796" spans="1:12" x14ac:dyDescent="0.3">
      <c r="A796" s="11">
        <v>13455824</v>
      </c>
      <c r="B796" s="11">
        <v>4552255</v>
      </c>
      <c r="C796" s="22" t="str">
        <f t="shared" si="13"/>
        <v>https://support.microsoft.com/kb/4552255</v>
      </c>
      <c r="D796" s="3" t="s">
        <v>1194</v>
      </c>
      <c r="E796" s="3" t="s">
        <v>178</v>
      </c>
      <c r="F796" s="3" t="s">
        <v>178</v>
      </c>
      <c r="G796" s="3" t="s">
        <v>102</v>
      </c>
      <c r="H796" s="3">
        <v>2019</v>
      </c>
      <c r="I796" s="3" t="s">
        <v>103</v>
      </c>
      <c r="J796" s="3" t="s">
        <v>74</v>
      </c>
      <c r="K796" s="14">
        <v>44004</v>
      </c>
      <c r="L796" s="3" t="s">
        <v>536</v>
      </c>
    </row>
    <row r="797" spans="1:12" x14ac:dyDescent="0.3">
      <c r="A797" s="11">
        <v>13452649</v>
      </c>
      <c r="B797" s="11">
        <v>4552255</v>
      </c>
      <c r="C797" s="22" t="str">
        <f t="shared" si="13"/>
        <v>https://support.microsoft.com/kb/4552255</v>
      </c>
      <c r="D797" s="3" t="s">
        <v>1195</v>
      </c>
      <c r="E797" s="3" t="s">
        <v>100</v>
      </c>
      <c r="F797" s="3" t="s">
        <v>116</v>
      </c>
      <c r="G797" s="3" t="s">
        <v>116</v>
      </c>
      <c r="H797" s="3">
        <v>2019</v>
      </c>
      <c r="I797" s="3" t="s">
        <v>103</v>
      </c>
      <c r="J797" s="3" t="s">
        <v>74</v>
      </c>
      <c r="K797" s="14">
        <v>44004</v>
      </c>
      <c r="L797" s="3" t="s">
        <v>536</v>
      </c>
    </row>
    <row r="798" spans="1:12" x14ac:dyDescent="0.3">
      <c r="A798" s="11">
        <v>13443318</v>
      </c>
      <c r="B798" s="11">
        <v>4552255</v>
      </c>
      <c r="C798" s="22" t="str">
        <f t="shared" si="13"/>
        <v>https://support.microsoft.com/kb/4552255</v>
      </c>
      <c r="D798" s="3" t="s">
        <v>1196</v>
      </c>
      <c r="E798" s="3" t="s">
        <v>100</v>
      </c>
      <c r="F798" s="3" t="s">
        <v>120</v>
      </c>
      <c r="G798" s="3" t="s">
        <v>102</v>
      </c>
      <c r="H798" s="3">
        <v>2019</v>
      </c>
      <c r="I798" s="3" t="s">
        <v>103</v>
      </c>
      <c r="J798" s="3" t="s">
        <v>74</v>
      </c>
      <c r="K798" s="14">
        <v>44004</v>
      </c>
      <c r="L798" s="3" t="s">
        <v>536</v>
      </c>
    </row>
    <row r="799" spans="1:12" x14ac:dyDescent="0.3">
      <c r="A799" s="11">
        <v>13440400</v>
      </c>
      <c r="B799" s="11">
        <v>4552255</v>
      </c>
      <c r="C799" s="22" t="str">
        <f t="shared" si="13"/>
        <v>https://support.microsoft.com/kb/4552255</v>
      </c>
      <c r="D799" s="3" t="s">
        <v>1197</v>
      </c>
      <c r="E799" s="3" t="s">
        <v>100</v>
      </c>
      <c r="F799" s="3" t="s">
        <v>1152</v>
      </c>
      <c r="G799" s="3" t="s">
        <v>105</v>
      </c>
      <c r="H799" s="3">
        <v>2019</v>
      </c>
      <c r="I799" s="3" t="s">
        <v>103</v>
      </c>
      <c r="J799" s="3" t="s">
        <v>74</v>
      </c>
      <c r="K799" s="14">
        <v>44004</v>
      </c>
      <c r="L799" s="3" t="s">
        <v>536</v>
      </c>
    </row>
    <row r="800" spans="1:12" x14ac:dyDescent="0.3">
      <c r="A800" s="11">
        <v>13421891</v>
      </c>
      <c r="B800" s="11">
        <v>4540896</v>
      </c>
      <c r="C800" s="22" t="str">
        <f t="shared" si="13"/>
        <v>https://support.microsoft.com/kb/4540896</v>
      </c>
      <c r="D800" s="3" t="s">
        <v>1198</v>
      </c>
      <c r="E800" s="3" t="s">
        <v>100</v>
      </c>
      <c r="F800" s="3" t="s">
        <v>332</v>
      </c>
      <c r="G800" s="3" t="s">
        <v>102</v>
      </c>
      <c r="H800" s="3">
        <v>2019</v>
      </c>
      <c r="I800" s="3" t="s">
        <v>103</v>
      </c>
      <c r="J800" s="3" t="s">
        <v>74</v>
      </c>
      <c r="K800" s="14">
        <v>44004</v>
      </c>
      <c r="L800" s="3" t="s">
        <v>536</v>
      </c>
    </row>
    <row r="801" spans="1:12" x14ac:dyDescent="0.3">
      <c r="A801" s="11">
        <v>13328542</v>
      </c>
      <c r="B801" s="11">
        <v>4552255</v>
      </c>
      <c r="C801" s="22" t="str">
        <f t="shared" si="13"/>
        <v>https://support.microsoft.com/kb/4552255</v>
      </c>
      <c r="D801" s="3" t="s">
        <v>1199</v>
      </c>
      <c r="E801" s="3" t="s">
        <v>100</v>
      </c>
      <c r="F801" s="3" t="s">
        <v>687</v>
      </c>
      <c r="G801" s="3" t="s">
        <v>116</v>
      </c>
      <c r="H801" s="3">
        <v>2019</v>
      </c>
      <c r="I801" s="3" t="s">
        <v>103</v>
      </c>
      <c r="J801" s="3" t="s">
        <v>74</v>
      </c>
      <c r="K801" s="14">
        <v>44004</v>
      </c>
      <c r="L801" s="3" t="s">
        <v>536</v>
      </c>
    </row>
    <row r="802" spans="1:12" x14ac:dyDescent="0.3">
      <c r="A802" s="11">
        <v>13445859</v>
      </c>
      <c r="B802" s="11">
        <v>4548597</v>
      </c>
      <c r="C802" s="22" t="str">
        <f t="shared" ref="C802:C865" si="14">HYPERLINK("https://support.microsoft.com/kb/"&amp;B802)</f>
        <v>https://support.microsoft.com/kb/4548597</v>
      </c>
      <c r="D802" s="3" t="s">
        <v>1200</v>
      </c>
      <c r="E802" s="3" t="s">
        <v>100</v>
      </c>
      <c r="F802" s="3" t="s">
        <v>1152</v>
      </c>
      <c r="G802" s="3" t="s">
        <v>105</v>
      </c>
      <c r="H802" s="3">
        <v>2019</v>
      </c>
      <c r="I802" s="3" t="s">
        <v>103</v>
      </c>
      <c r="J802" s="3" t="s">
        <v>77</v>
      </c>
      <c r="K802" s="14">
        <v>43921</v>
      </c>
      <c r="L802" s="3" t="s">
        <v>537</v>
      </c>
    </row>
    <row r="803" spans="1:12" x14ac:dyDescent="0.3">
      <c r="A803" s="11">
        <v>13443768</v>
      </c>
      <c r="B803" s="11">
        <v>4540121</v>
      </c>
      <c r="C803" s="22" t="str">
        <f t="shared" si="14"/>
        <v>https://support.microsoft.com/kb/4540121</v>
      </c>
      <c r="D803" s="3" t="s">
        <v>1201</v>
      </c>
      <c r="E803" s="3" t="s">
        <v>100</v>
      </c>
      <c r="F803" s="3" t="s">
        <v>125</v>
      </c>
      <c r="G803" s="3" t="s">
        <v>102</v>
      </c>
      <c r="H803" s="3">
        <v>2019</v>
      </c>
      <c r="I803" s="3" t="s">
        <v>103</v>
      </c>
      <c r="J803" s="3" t="s">
        <v>77</v>
      </c>
      <c r="K803" s="14">
        <v>43921</v>
      </c>
      <c r="L803" s="3" t="s">
        <v>537</v>
      </c>
    </row>
    <row r="804" spans="1:12" x14ac:dyDescent="0.3">
      <c r="A804" s="11">
        <v>13443390</v>
      </c>
      <c r="B804" s="11">
        <v>4548597</v>
      </c>
      <c r="C804" s="22" t="str">
        <f t="shared" si="14"/>
        <v>https://support.microsoft.com/kb/4548597</v>
      </c>
      <c r="D804" s="3" t="s">
        <v>1202</v>
      </c>
      <c r="E804" s="3" t="s">
        <v>100</v>
      </c>
      <c r="F804" s="3" t="s">
        <v>687</v>
      </c>
      <c r="G804" s="3" t="s">
        <v>116</v>
      </c>
      <c r="H804" s="3">
        <v>2019</v>
      </c>
      <c r="I804" s="3" t="s">
        <v>103</v>
      </c>
      <c r="J804" s="3" t="s">
        <v>77</v>
      </c>
      <c r="K804" s="14">
        <v>43921</v>
      </c>
      <c r="L804" s="3" t="s">
        <v>537</v>
      </c>
    </row>
    <row r="805" spans="1:12" x14ac:dyDescent="0.3">
      <c r="A805" s="11">
        <v>13441894</v>
      </c>
      <c r="B805" s="11">
        <v>4538581</v>
      </c>
      <c r="C805" s="22" t="str">
        <f t="shared" si="14"/>
        <v>https://support.microsoft.com/kb/4538581</v>
      </c>
      <c r="D805" s="3" t="s">
        <v>703</v>
      </c>
      <c r="E805" s="3" t="s">
        <v>100</v>
      </c>
      <c r="F805" s="3" t="s">
        <v>110</v>
      </c>
      <c r="G805" s="3" t="s">
        <v>105</v>
      </c>
      <c r="H805" s="3">
        <v>2019</v>
      </c>
      <c r="I805" s="3" t="s">
        <v>103</v>
      </c>
      <c r="J805" s="3" t="s">
        <v>77</v>
      </c>
      <c r="K805" s="14">
        <v>43921</v>
      </c>
      <c r="L805" s="3" t="s">
        <v>537</v>
      </c>
    </row>
    <row r="806" spans="1:12" x14ac:dyDescent="0.3">
      <c r="A806" s="11">
        <v>13440147</v>
      </c>
      <c r="B806" s="11">
        <v>4548597</v>
      </c>
      <c r="C806" s="22" t="str">
        <f t="shared" si="14"/>
        <v>https://support.microsoft.com/kb/4548597</v>
      </c>
      <c r="D806" s="3" t="s">
        <v>1203</v>
      </c>
      <c r="E806" s="3" t="s">
        <v>100</v>
      </c>
      <c r="F806" s="3" t="s">
        <v>137</v>
      </c>
      <c r="G806" s="3" t="s">
        <v>105</v>
      </c>
      <c r="H806" s="3">
        <v>2019</v>
      </c>
      <c r="I806" s="3" t="s">
        <v>103</v>
      </c>
      <c r="J806" s="3" t="s">
        <v>77</v>
      </c>
      <c r="K806" s="14">
        <v>43921</v>
      </c>
      <c r="L806" s="3" t="s">
        <v>537</v>
      </c>
    </row>
    <row r="807" spans="1:12" x14ac:dyDescent="0.3">
      <c r="A807" s="11">
        <v>13431504</v>
      </c>
      <c r="B807" s="11">
        <v>4548597</v>
      </c>
      <c r="C807" s="22" t="str">
        <f t="shared" si="14"/>
        <v>https://support.microsoft.com/kb/4548597</v>
      </c>
      <c r="D807" s="3" t="s">
        <v>1204</v>
      </c>
      <c r="E807" s="3" t="s">
        <v>100</v>
      </c>
      <c r="F807" s="3" t="s">
        <v>123</v>
      </c>
      <c r="G807" s="3" t="s">
        <v>102</v>
      </c>
      <c r="H807" s="3">
        <v>2019</v>
      </c>
      <c r="I807" s="3" t="s">
        <v>103</v>
      </c>
      <c r="J807" s="3" t="s">
        <v>77</v>
      </c>
      <c r="K807" s="14">
        <v>43921</v>
      </c>
      <c r="L807" s="3" t="s">
        <v>537</v>
      </c>
    </row>
    <row r="808" spans="1:12" x14ac:dyDescent="0.3">
      <c r="A808" s="11">
        <v>13429199</v>
      </c>
      <c r="B808" s="11">
        <v>4548597</v>
      </c>
      <c r="C808" s="22" t="str">
        <f t="shared" si="14"/>
        <v>https://support.microsoft.com/kb/4548597</v>
      </c>
      <c r="D808" s="3" t="s">
        <v>1205</v>
      </c>
      <c r="E808" s="3" t="s">
        <v>100</v>
      </c>
      <c r="F808" s="3" t="s">
        <v>137</v>
      </c>
      <c r="G808" s="3" t="s">
        <v>105</v>
      </c>
      <c r="H808" s="3">
        <v>2019</v>
      </c>
      <c r="I808" s="3" t="s">
        <v>103</v>
      </c>
      <c r="J808" s="3" t="s">
        <v>77</v>
      </c>
      <c r="K808" s="14">
        <v>43921</v>
      </c>
      <c r="L808" s="3" t="s">
        <v>537</v>
      </c>
    </row>
    <row r="809" spans="1:12" x14ac:dyDescent="0.3">
      <c r="A809" s="11">
        <v>13421916</v>
      </c>
      <c r="B809" s="11">
        <v>4540342</v>
      </c>
      <c r="C809" s="22" t="str">
        <f t="shared" si="14"/>
        <v>https://support.microsoft.com/kb/4540342</v>
      </c>
      <c r="D809" s="3" t="s">
        <v>1206</v>
      </c>
      <c r="E809" s="3" t="s">
        <v>100</v>
      </c>
      <c r="F809" s="3" t="s">
        <v>110</v>
      </c>
      <c r="G809" s="3" t="s">
        <v>102</v>
      </c>
      <c r="H809" s="3">
        <v>2019</v>
      </c>
      <c r="I809" s="3" t="s">
        <v>103</v>
      </c>
      <c r="J809" s="3" t="s">
        <v>77</v>
      </c>
      <c r="K809" s="14">
        <v>43921</v>
      </c>
      <c r="L809" s="3" t="s">
        <v>537</v>
      </c>
    </row>
    <row r="810" spans="1:12" x14ac:dyDescent="0.3">
      <c r="A810" s="11">
        <v>13421911</v>
      </c>
      <c r="B810" s="11">
        <v>4540901</v>
      </c>
      <c r="C810" s="22" t="str">
        <f t="shared" si="14"/>
        <v>https://support.microsoft.com/kb/4540901</v>
      </c>
      <c r="D810" s="3" t="s">
        <v>1207</v>
      </c>
      <c r="E810" s="3" t="s">
        <v>100</v>
      </c>
      <c r="F810" s="3" t="s">
        <v>137</v>
      </c>
      <c r="G810" s="3" t="s">
        <v>102</v>
      </c>
      <c r="H810" s="3">
        <v>2019</v>
      </c>
      <c r="I810" s="3" t="s">
        <v>103</v>
      </c>
      <c r="J810" s="3" t="s">
        <v>77</v>
      </c>
      <c r="K810" s="14">
        <v>43921</v>
      </c>
      <c r="L810" s="3" t="s">
        <v>537</v>
      </c>
    </row>
    <row r="811" spans="1:12" x14ac:dyDescent="0.3">
      <c r="A811" s="11">
        <v>13421907</v>
      </c>
      <c r="B811" s="11">
        <v>4540346</v>
      </c>
      <c r="C811" s="22" t="str">
        <f t="shared" si="14"/>
        <v>https://support.microsoft.com/kb/4540346</v>
      </c>
      <c r="D811" s="3" t="s">
        <v>1208</v>
      </c>
      <c r="E811" s="3" t="s">
        <v>100</v>
      </c>
      <c r="F811" s="3" t="s">
        <v>127</v>
      </c>
      <c r="G811" s="3" t="s">
        <v>102</v>
      </c>
      <c r="H811" s="3">
        <v>2019</v>
      </c>
      <c r="I811" s="3" t="s">
        <v>103</v>
      </c>
      <c r="J811" s="3" t="s">
        <v>77</v>
      </c>
      <c r="K811" s="14">
        <v>43921</v>
      </c>
      <c r="L811" s="3" t="s">
        <v>537</v>
      </c>
    </row>
    <row r="812" spans="1:12" x14ac:dyDescent="0.3">
      <c r="A812" s="11">
        <v>13421902</v>
      </c>
      <c r="B812" s="11">
        <v>4540903</v>
      </c>
      <c r="C812" s="22" t="str">
        <f t="shared" si="14"/>
        <v>https://support.microsoft.com/kb/4540903</v>
      </c>
      <c r="D812" s="3" t="s">
        <v>1209</v>
      </c>
      <c r="E812" s="3" t="s">
        <v>100</v>
      </c>
      <c r="F812" s="3" t="s">
        <v>120</v>
      </c>
      <c r="G812" s="3" t="s">
        <v>102</v>
      </c>
      <c r="H812" s="3">
        <v>2019</v>
      </c>
      <c r="I812" s="3" t="s">
        <v>103</v>
      </c>
      <c r="J812" s="3" t="s">
        <v>77</v>
      </c>
      <c r="K812" s="14">
        <v>43921</v>
      </c>
      <c r="L812" s="3" t="s">
        <v>537</v>
      </c>
    </row>
    <row r="813" spans="1:12" x14ac:dyDescent="0.3">
      <c r="A813" s="11">
        <v>13421900</v>
      </c>
      <c r="B813" s="11">
        <v>4541762</v>
      </c>
      <c r="C813" s="22" t="str">
        <f t="shared" si="14"/>
        <v>https://support.microsoft.com/kb/4541762</v>
      </c>
      <c r="D813" s="3" t="s">
        <v>1210</v>
      </c>
      <c r="E813" s="3" t="s">
        <v>100</v>
      </c>
      <c r="F813" s="3" t="s">
        <v>108</v>
      </c>
      <c r="G813" s="3" t="s">
        <v>102</v>
      </c>
      <c r="H813" s="3">
        <v>2019</v>
      </c>
      <c r="I813" s="3" t="s">
        <v>103</v>
      </c>
      <c r="J813" s="3" t="s">
        <v>77</v>
      </c>
      <c r="K813" s="14">
        <v>43921</v>
      </c>
      <c r="L813" s="3" t="s">
        <v>537</v>
      </c>
    </row>
    <row r="814" spans="1:12" x14ac:dyDescent="0.3">
      <c r="A814" s="11">
        <v>13421889</v>
      </c>
      <c r="B814" s="11">
        <v>4539815</v>
      </c>
      <c r="C814" s="22" t="str">
        <f t="shared" si="14"/>
        <v>https://support.microsoft.com/kb/4539815</v>
      </c>
      <c r="D814" s="3" t="s">
        <v>1211</v>
      </c>
      <c r="E814" s="3" t="s">
        <v>100</v>
      </c>
      <c r="F814" s="3" t="s">
        <v>120</v>
      </c>
      <c r="G814" s="3" t="s">
        <v>102</v>
      </c>
      <c r="H814" s="3">
        <v>2019</v>
      </c>
      <c r="I814" s="3" t="s">
        <v>103</v>
      </c>
      <c r="J814" s="3" t="s">
        <v>77</v>
      </c>
      <c r="K814" s="14">
        <v>43921</v>
      </c>
      <c r="L814" s="3" t="s">
        <v>537</v>
      </c>
    </row>
    <row r="815" spans="1:12" x14ac:dyDescent="0.3">
      <c r="A815" s="11">
        <v>13421887</v>
      </c>
      <c r="B815" s="11">
        <v>4540107</v>
      </c>
      <c r="C815" s="22" t="str">
        <f t="shared" si="14"/>
        <v>https://support.microsoft.com/kb/4540107</v>
      </c>
      <c r="D815" s="3" t="s">
        <v>1212</v>
      </c>
      <c r="E815" s="3" t="s">
        <v>100</v>
      </c>
      <c r="F815" s="3" t="s">
        <v>110</v>
      </c>
      <c r="G815" s="3" t="s">
        <v>102</v>
      </c>
      <c r="H815" s="3">
        <v>2019</v>
      </c>
      <c r="I815" s="3" t="s">
        <v>103</v>
      </c>
      <c r="J815" s="3" t="s">
        <v>77</v>
      </c>
      <c r="K815" s="14">
        <v>43921</v>
      </c>
      <c r="L815" s="3" t="s">
        <v>537</v>
      </c>
    </row>
    <row r="816" spans="1:12" x14ac:dyDescent="0.3">
      <c r="A816" s="11">
        <v>13421882</v>
      </c>
      <c r="B816" s="11">
        <v>4541770</v>
      </c>
      <c r="C816" s="22" t="str">
        <f t="shared" si="14"/>
        <v>https://support.microsoft.com/kb/4541770</v>
      </c>
      <c r="D816" s="3" t="s">
        <v>1213</v>
      </c>
      <c r="E816" s="3" t="s">
        <v>100</v>
      </c>
      <c r="F816" s="3" t="s">
        <v>165</v>
      </c>
      <c r="G816" s="3" t="s">
        <v>102</v>
      </c>
      <c r="H816" s="3">
        <v>2019</v>
      </c>
      <c r="I816" s="3" t="s">
        <v>103</v>
      </c>
      <c r="J816" s="3" t="s">
        <v>77</v>
      </c>
      <c r="K816" s="14">
        <v>43921</v>
      </c>
      <c r="L816" s="3" t="s">
        <v>537</v>
      </c>
    </row>
    <row r="817" spans="1:12" x14ac:dyDescent="0.3">
      <c r="A817" s="11">
        <v>13421880</v>
      </c>
      <c r="B817" s="11">
        <v>4541300</v>
      </c>
      <c r="C817" s="22" t="str">
        <f t="shared" si="14"/>
        <v>https://support.microsoft.com/kb/4541300</v>
      </c>
      <c r="D817" s="3" t="s">
        <v>1214</v>
      </c>
      <c r="E817" s="3" t="s">
        <v>100</v>
      </c>
      <c r="F817" s="3" t="s">
        <v>101</v>
      </c>
      <c r="G817" s="3" t="s">
        <v>102</v>
      </c>
      <c r="H817" s="3">
        <v>2019</v>
      </c>
      <c r="I817" s="3" t="s">
        <v>103</v>
      </c>
      <c r="J817" s="3" t="s">
        <v>77</v>
      </c>
      <c r="K817" s="14">
        <v>43921</v>
      </c>
      <c r="L817" s="3" t="s">
        <v>537</v>
      </c>
    </row>
    <row r="818" spans="1:12" x14ac:dyDescent="0.3">
      <c r="A818" s="11">
        <v>13421876</v>
      </c>
      <c r="B818" s="11">
        <v>4541435</v>
      </c>
      <c r="C818" s="22" t="str">
        <f t="shared" si="14"/>
        <v>https://support.microsoft.com/kb/4541435</v>
      </c>
      <c r="D818" s="3" t="s">
        <v>1215</v>
      </c>
      <c r="E818" s="3" t="s">
        <v>100</v>
      </c>
      <c r="F818" s="3" t="s">
        <v>1009</v>
      </c>
      <c r="G818" s="3" t="s">
        <v>102</v>
      </c>
      <c r="H818" s="3">
        <v>2019</v>
      </c>
      <c r="I818" s="3" t="s">
        <v>103</v>
      </c>
      <c r="J818" s="3" t="s">
        <v>77</v>
      </c>
      <c r="K818" s="14">
        <v>43921</v>
      </c>
      <c r="L818" s="3" t="s">
        <v>537</v>
      </c>
    </row>
    <row r="819" spans="1:12" x14ac:dyDescent="0.3">
      <c r="A819" s="11">
        <v>13421869</v>
      </c>
      <c r="B819" s="11">
        <v>4539880</v>
      </c>
      <c r="C819" s="22" t="str">
        <f t="shared" si="14"/>
        <v>https://support.microsoft.com/kb/4539880</v>
      </c>
      <c r="D819" s="3" t="s">
        <v>1216</v>
      </c>
      <c r="E819" s="3" t="s">
        <v>100</v>
      </c>
      <c r="F819" s="3" t="s">
        <v>127</v>
      </c>
      <c r="G819" s="3" t="s">
        <v>102</v>
      </c>
      <c r="H819" s="3">
        <v>2019</v>
      </c>
      <c r="I819" s="3" t="s">
        <v>103</v>
      </c>
      <c r="J819" s="3" t="s">
        <v>77</v>
      </c>
      <c r="K819" s="14">
        <v>43921</v>
      </c>
      <c r="L819" s="3" t="s">
        <v>537</v>
      </c>
    </row>
    <row r="820" spans="1:12" x14ac:dyDescent="0.3">
      <c r="A820" s="11">
        <v>13421865</v>
      </c>
      <c r="B820" s="11">
        <v>4541724</v>
      </c>
      <c r="C820" s="22" t="str">
        <f t="shared" si="14"/>
        <v>https://support.microsoft.com/kb/4541724</v>
      </c>
      <c r="D820" s="3" t="s">
        <v>1217</v>
      </c>
      <c r="E820" s="3" t="s">
        <v>100</v>
      </c>
      <c r="F820" s="3" t="s">
        <v>233</v>
      </c>
      <c r="G820" s="3" t="s">
        <v>102</v>
      </c>
      <c r="H820" s="3">
        <v>2019</v>
      </c>
      <c r="I820" s="3" t="s">
        <v>103</v>
      </c>
      <c r="J820" s="3" t="s">
        <v>77</v>
      </c>
      <c r="K820" s="14">
        <v>43921</v>
      </c>
      <c r="L820" s="3" t="s">
        <v>537</v>
      </c>
    </row>
    <row r="821" spans="1:12" x14ac:dyDescent="0.3">
      <c r="A821" s="11">
        <v>13421863</v>
      </c>
      <c r="B821" s="11">
        <v>4541520</v>
      </c>
      <c r="C821" s="22" t="str">
        <f t="shared" si="14"/>
        <v>https://support.microsoft.com/kb/4541520</v>
      </c>
      <c r="D821" s="3" t="s">
        <v>1218</v>
      </c>
      <c r="E821" s="3" t="s">
        <v>100</v>
      </c>
      <c r="F821" s="3" t="s">
        <v>794</v>
      </c>
      <c r="G821" s="3" t="s">
        <v>102</v>
      </c>
      <c r="H821" s="3">
        <v>2019</v>
      </c>
      <c r="I821" s="3" t="s">
        <v>103</v>
      </c>
      <c r="J821" s="3" t="s">
        <v>77</v>
      </c>
      <c r="K821" s="14">
        <v>43921</v>
      </c>
      <c r="L821" s="3" t="s">
        <v>537</v>
      </c>
    </row>
    <row r="822" spans="1:12" x14ac:dyDescent="0.3">
      <c r="A822" s="11">
        <v>13421861</v>
      </c>
      <c r="B822" s="11">
        <v>4541096</v>
      </c>
      <c r="C822" s="22" t="str">
        <f t="shared" si="14"/>
        <v>https://support.microsoft.com/kb/4541096</v>
      </c>
      <c r="D822" s="3" t="s">
        <v>1219</v>
      </c>
      <c r="E822" s="3" t="s">
        <v>100</v>
      </c>
      <c r="F822" s="3" t="s">
        <v>113</v>
      </c>
      <c r="G822" s="3" t="s">
        <v>105</v>
      </c>
      <c r="H822" s="3">
        <v>2019</v>
      </c>
      <c r="I822" s="3" t="s">
        <v>103</v>
      </c>
      <c r="J822" s="3" t="s">
        <v>77</v>
      </c>
      <c r="K822" s="14">
        <v>43921</v>
      </c>
      <c r="L822" s="3" t="s">
        <v>537</v>
      </c>
    </row>
    <row r="823" spans="1:12" x14ac:dyDescent="0.3">
      <c r="A823" s="11">
        <v>13421858</v>
      </c>
      <c r="B823" s="11">
        <v>4541303</v>
      </c>
      <c r="C823" s="22" t="str">
        <f t="shared" si="14"/>
        <v>https://support.microsoft.com/kb/4541303</v>
      </c>
      <c r="D823" s="3" t="s">
        <v>1220</v>
      </c>
      <c r="E823" s="3" t="s">
        <v>100</v>
      </c>
      <c r="F823" s="3" t="s">
        <v>101</v>
      </c>
      <c r="G823" s="3" t="s">
        <v>102</v>
      </c>
      <c r="H823" s="3">
        <v>2019</v>
      </c>
      <c r="I823" s="3" t="s">
        <v>103</v>
      </c>
      <c r="J823" s="3" t="s">
        <v>77</v>
      </c>
      <c r="K823" s="14">
        <v>43921</v>
      </c>
      <c r="L823" s="3" t="s">
        <v>537</v>
      </c>
    </row>
    <row r="824" spans="1:12" x14ac:dyDescent="0.3">
      <c r="A824" s="11">
        <v>13421856</v>
      </c>
      <c r="B824" s="11">
        <v>4541309</v>
      </c>
      <c r="C824" s="22" t="str">
        <f t="shared" si="14"/>
        <v>https://support.microsoft.com/kb/4541309</v>
      </c>
      <c r="D824" s="3" t="s">
        <v>1221</v>
      </c>
      <c r="E824" s="3" t="s">
        <v>100</v>
      </c>
      <c r="F824" s="3" t="s">
        <v>101</v>
      </c>
      <c r="G824" s="3" t="s">
        <v>102</v>
      </c>
      <c r="H824" s="3">
        <v>2019</v>
      </c>
      <c r="I824" s="3" t="s">
        <v>103</v>
      </c>
      <c r="J824" s="3" t="s">
        <v>77</v>
      </c>
      <c r="K824" s="14">
        <v>43921</v>
      </c>
      <c r="L824" s="3" t="s">
        <v>537</v>
      </c>
    </row>
    <row r="825" spans="1:12" x14ac:dyDescent="0.3">
      <c r="A825" s="11">
        <v>13421852</v>
      </c>
      <c r="B825" s="11">
        <v>4543027</v>
      </c>
      <c r="C825" s="22" t="str">
        <f t="shared" si="14"/>
        <v>https://support.microsoft.com/kb/4543027</v>
      </c>
      <c r="D825" s="3" t="s">
        <v>1222</v>
      </c>
      <c r="E825" s="3" t="s">
        <v>100</v>
      </c>
      <c r="F825" s="3" t="s">
        <v>113</v>
      </c>
      <c r="G825" s="3" t="s">
        <v>105</v>
      </c>
      <c r="H825" s="3">
        <v>2019</v>
      </c>
      <c r="I825" s="3" t="s">
        <v>103</v>
      </c>
      <c r="J825" s="3" t="s">
        <v>77</v>
      </c>
      <c r="K825" s="14">
        <v>43921</v>
      </c>
      <c r="L825" s="3" t="s">
        <v>537</v>
      </c>
    </row>
    <row r="826" spans="1:12" x14ac:dyDescent="0.3">
      <c r="A826" s="11">
        <v>13418869</v>
      </c>
      <c r="B826" s="11">
        <v>4548597</v>
      </c>
      <c r="C826" s="22" t="str">
        <f t="shared" si="14"/>
        <v>https://support.microsoft.com/kb/4548597</v>
      </c>
      <c r="D826" s="3" t="s">
        <v>1223</v>
      </c>
      <c r="E826" s="3" t="s">
        <v>100</v>
      </c>
      <c r="F826" s="3" t="s">
        <v>123</v>
      </c>
      <c r="G826" s="3" t="s">
        <v>102</v>
      </c>
      <c r="H826" s="3">
        <v>2019</v>
      </c>
      <c r="I826" s="3" t="s">
        <v>103</v>
      </c>
      <c r="J826" s="3" t="s">
        <v>77</v>
      </c>
      <c r="K826" s="14">
        <v>43921</v>
      </c>
      <c r="L826" s="3" t="s">
        <v>537</v>
      </c>
    </row>
    <row r="827" spans="1:12" x14ac:dyDescent="0.3">
      <c r="A827" s="11">
        <v>13417390</v>
      </c>
      <c r="B827" s="11">
        <v>4549897</v>
      </c>
      <c r="C827" s="22" t="str">
        <f t="shared" si="14"/>
        <v>https://support.microsoft.com/kb/4549897</v>
      </c>
      <c r="D827" s="3" t="s">
        <v>1224</v>
      </c>
      <c r="E827" s="3" t="s">
        <v>217</v>
      </c>
      <c r="F827" s="3" t="s">
        <v>818</v>
      </c>
      <c r="G827" s="3" t="s">
        <v>102</v>
      </c>
      <c r="H827" s="3">
        <v>2019</v>
      </c>
      <c r="I827" s="3" t="s">
        <v>103</v>
      </c>
      <c r="J827" s="3" t="s">
        <v>77</v>
      </c>
      <c r="K827" s="14">
        <v>43921</v>
      </c>
      <c r="L827" s="3" t="s">
        <v>537</v>
      </c>
    </row>
    <row r="828" spans="1:12" x14ac:dyDescent="0.3">
      <c r="A828" s="11">
        <v>13414966</v>
      </c>
      <c r="B828" s="11">
        <v>4538688</v>
      </c>
      <c r="C828" s="22" t="str">
        <f t="shared" si="14"/>
        <v>https://support.microsoft.com/kb/4538688</v>
      </c>
      <c r="D828" s="3" t="s">
        <v>731</v>
      </c>
      <c r="E828" s="3" t="s">
        <v>100</v>
      </c>
      <c r="F828" s="3" t="s">
        <v>145</v>
      </c>
      <c r="G828" s="3" t="s">
        <v>105</v>
      </c>
      <c r="H828" s="3">
        <v>2019</v>
      </c>
      <c r="I828" s="3" t="s">
        <v>103</v>
      </c>
      <c r="J828" s="3" t="s">
        <v>77</v>
      </c>
      <c r="K828" s="14">
        <v>43921</v>
      </c>
      <c r="L828" s="3" t="s">
        <v>537</v>
      </c>
    </row>
    <row r="829" spans="1:12" x14ac:dyDescent="0.3">
      <c r="A829" s="11">
        <v>13411047</v>
      </c>
      <c r="B829" s="11">
        <v>4552159</v>
      </c>
      <c r="C829" s="22" t="str">
        <f t="shared" si="14"/>
        <v>https://support.microsoft.com/kb/4552159</v>
      </c>
      <c r="D829" s="3" t="s">
        <v>1225</v>
      </c>
      <c r="E829" s="3" t="s">
        <v>100</v>
      </c>
      <c r="F829" s="3" t="s">
        <v>579</v>
      </c>
      <c r="G829" s="3" t="s">
        <v>105</v>
      </c>
      <c r="H829" s="3">
        <v>2019</v>
      </c>
      <c r="I829" s="3" t="s">
        <v>103</v>
      </c>
      <c r="J829" s="3" t="s">
        <v>77</v>
      </c>
      <c r="K829" s="14">
        <v>43921</v>
      </c>
      <c r="L829" s="3" t="s">
        <v>537</v>
      </c>
    </row>
    <row r="830" spans="1:12" x14ac:dyDescent="0.3">
      <c r="A830" s="11">
        <v>13407610</v>
      </c>
      <c r="B830" s="11">
        <v>4538365</v>
      </c>
      <c r="C830" s="22" t="str">
        <f t="shared" si="14"/>
        <v>https://support.microsoft.com/kb/4538365</v>
      </c>
      <c r="D830" s="3" t="s">
        <v>1226</v>
      </c>
      <c r="E830" s="3" t="s">
        <v>100</v>
      </c>
      <c r="F830" s="3" t="s">
        <v>120</v>
      </c>
      <c r="G830" s="3" t="s">
        <v>102</v>
      </c>
      <c r="H830" s="3">
        <v>2019</v>
      </c>
      <c r="I830" s="3" t="s">
        <v>103</v>
      </c>
      <c r="J830" s="3" t="s">
        <v>77</v>
      </c>
      <c r="K830" s="14">
        <v>43921</v>
      </c>
      <c r="L830" s="3" t="s">
        <v>537</v>
      </c>
    </row>
    <row r="831" spans="1:12" x14ac:dyDescent="0.3">
      <c r="A831" s="11">
        <v>13407609</v>
      </c>
      <c r="B831" s="11">
        <v>4538268</v>
      </c>
      <c r="C831" s="22" t="str">
        <f t="shared" si="14"/>
        <v>https://support.microsoft.com/kb/4538268</v>
      </c>
      <c r="D831" s="3" t="s">
        <v>1227</v>
      </c>
      <c r="E831" s="3" t="s">
        <v>100</v>
      </c>
      <c r="F831" s="3" t="s">
        <v>127</v>
      </c>
      <c r="G831" s="3" t="s">
        <v>105</v>
      </c>
      <c r="H831" s="3">
        <v>2019</v>
      </c>
      <c r="I831" s="3" t="s">
        <v>103</v>
      </c>
      <c r="J831" s="3" t="s">
        <v>77</v>
      </c>
      <c r="K831" s="14">
        <v>43921</v>
      </c>
      <c r="L831" s="3" t="s">
        <v>537</v>
      </c>
    </row>
    <row r="832" spans="1:12" x14ac:dyDescent="0.3">
      <c r="A832" s="11">
        <v>13407603</v>
      </c>
      <c r="B832" s="11">
        <v>4538497</v>
      </c>
      <c r="C832" s="22" t="str">
        <f t="shared" si="14"/>
        <v>https://support.microsoft.com/kb/4538497</v>
      </c>
      <c r="D832" s="3" t="s">
        <v>1228</v>
      </c>
      <c r="E832" s="3" t="s">
        <v>100</v>
      </c>
      <c r="F832" s="3" t="s">
        <v>113</v>
      </c>
      <c r="G832" s="3" t="s">
        <v>102</v>
      </c>
      <c r="H832" s="3">
        <v>2019</v>
      </c>
      <c r="I832" s="3" t="s">
        <v>103</v>
      </c>
      <c r="J832" s="3" t="s">
        <v>77</v>
      </c>
      <c r="K832" s="14">
        <v>43921</v>
      </c>
      <c r="L832" s="3" t="s">
        <v>537</v>
      </c>
    </row>
    <row r="833" spans="1:12" x14ac:dyDescent="0.3">
      <c r="A833" s="11">
        <v>13404458</v>
      </c>
      <c r="B833" s="11">
        <v>4548103</v>
      </c>
      <c r="C833" s="22" t="str">
        <f t="shared" si="14"/>
        <v>https://support.microsoft.com/kb/4548103</v>
      </c>
      <c r="D833" s="3" t="s">
        <v>1229</v>
      </c>
      <c r="E833" s="3" t="s">
        <v>100</v>
      </c>
      <c r="F833" s="3" t="s">
        <v>145</v>
      </c>
      <c r="G833" s="3" t="s">
        <v>102</v>
      </c>
      <c r="H833" s="3">
        <v>2019</v>
      </c>
      <c r="I833" s="3" t="s">
        <v>103</v>
      </c>
      <c r="J833" s="3" t="s">
        <v>77</v>
      </c>
      <c r="K833" s="14">
        <v>43921</v>
      </c>
      <c r="L833" s="3" t="s">
        <v>537</v>
      </c>
    </row>
    <row r="834" spans="1:12" x14ac:dyDescent="0.3">
      <c r="A834" s="11">
        <v>13402700</v>
      </c>
      <c r="B834" s="11">
        <v>4552205</v>
      </c>
      <c r="C834" s="22" t="str">
        <f t="shared" si="14"/>
        <v>https://support.microsoft.com/kb/4552205</v>
      </c>
      <c r="D834" s="3" t="s">
        <v>1230</v>
      </c>
      <c r="E834" s="3" t="s">
        <v>100</v>
      </c>
      <c r="F834" s="3" t="s">
        <v>579</v>
      </c>
      <c r="G834" s="3" t="s">
        <v>105</v>
      </c>
      <c r="H834" s="3">
        <v>2019</v>
      </c>
      <c r="I834" s="3" t="s">
        <v>103</v>
      </c>
      <c r="J834" s="3" t="s">
        <v>77</v>
      </c>
      <c r="K834" s="14">
        <v>43921</v>
      </c>
      <c r="L834" s="3" t="s">
        <v>537</v>
      </c>
    </row>
    <row r="835" spans="1:12" x14ac:dyDescent="0.3">
      <c r="A835" s="11">
        <v>13402561</v>
      </c>
      <c r="B835" s="11">
        <v>4532432</v>
      </c>
      <c r="C835" s="22" t="str">
        <f t="shared" si="14"/>
        <v>https://support.microsoft.com/kb/4532432</v>
      </c>
      <c r="D835" s="3" t="s">
        <v>1231</v>
      </c>
      <c r="E835" s="3" t="s">
        <v>100</v>
      </c>
      <c r="F835" s="3" t="s">
        <v>116</v>
      </c>
      <c r="G835" s="3" t="s">
        <v>116</v>
      </c>
      <c r="H835" s="3">
        <v>2019</v>
      </c>
      <c r="I835" s="3" t="s">
        <v>103</v>
      </c>
      <c r="J835" s="3" t="s">
        <v>77</v>
      </c>
      <c r="K835" s="14">
        <v>43921</v>
      </c>
      <c r="L835" s="3" t="s">
        <v>537</v>
      </c>
    </row>
    <row r="836" spans="1:12" x14ac:dyDescent="0.3">
      <c r="A836" s="11">
        <v>13376878</v>
      </c>
      <c r="B836" s="11">
        <v>4548597</v>
      </c>
      <c r="C836" s="22" t="str">
        <f t="shared" si="14"/>
        <v>https://support.microsoft.com/kb/4548597</v>
      </c>
      <c r="D836" s="3" t="s">
        <v>1232</v>
      </c>
      <c r="E836" s="3" t="s">
        <v>100</v>
      </c>
      <c r="F836" s="3" t="s">
        <v>161</v>
      </c>
      <c r="G836" s="3" t="s">
        <v>102</v>
      </c>
      <c r="H836" s="3">
        <v>2019</v>
      </c>
      <c r="I836" s="3" t="s">
        <v>103</v>
      </c>
      <c r="J836" s="3" t="s">
        <v>77</v>
      </c>
      <c r="K836" s="14">
        <v>43921</v>
      </c>
      <c r="L836" s="3" t="s">
        <v>537</v>
      </c>
    </row>
    <row r="837" spans="1:12" x14ac:dyDescent="0.3">
      <c r="A837" s="11">
        <v>13357335</v>
      </c>
      <c r="B837" s="11">
        <v>4548597</v>
      </c>
      <c r="C837" s="22" t="str">
        <f t="shared" si="14"/>
        <v>https://support.microsoft.com/kb/4548597</v>
      </c>
      <c r="D837" s="3" t="s">
        <v>1233</v>
      </c>
      <c r="E837" s="3" t="s">
        <v>180</v>
      </c>
      <c r="F837" s="3" t="s">
        <v>180</v>
      </c>
      <c r="G837" s="3" t="s">
        <v>102</v>
      </c>
      <c r="H837" s="3">
        <v>2019</v>
      </c>
      <c r="I837" s="3" t="s">
        <v>103</v>
      </c>
      <c r="J837" s="3" t="s">
        <v>77</v>
      </c>
      <c r="K837" s="14">
        <v>43921</v>
      </c>
      <c r="L837" s="3" t="s">
        <v>537</v>
      </c>
    </row>
    <row r="838" spans="1:12" x14ac:dyDescent="0.3">
      <c r="A838" s="11">
        <v>13429278</v>
      </c>
      <c r="B838" s="11">
        <v>4550657</v>
      </c>
      <c r="C838" s="22" t="str">
        <f t="shared" si="14"/>
        <v>https://support.microsoft.com/kb/4550657</v>
      </c>
      <c r="D838" s="3" t="s">
        <v>1234</v>
      </c>
      <c r="E838" s="3" t="s">
        <v>100</v>
      </c>
      <c r="F838" s="3" t="s">
        <v>101</v>
      </c>
      <c r="G838" s="3" t="s">
        <v>102</v>
      </c>
      <c r="H838" s="3">
        <v>2019</v>
      </c>
      <c r="I838" s="3" t="s">
        <v>103</v>
      </c>
      <c r="J838" s="3" t="s">
        <v>80</v>
      </c>
      <c r="K838" s="14">
        <v>43902</v>
      </c>
      <c r="L838" s="3" t="s">
        <v>538</v>
      </c>
    </row>
    <row r="839" spans="1:12" x14ac:dyDescent="0.3">
      <c r="A839" s="11">
        <v>13412450</v>
      </c>
      <c r="B839" s="11">
        <v>4539172</v>
      </c>
      <c r="C839" s="22" t="str">
        <f t="shared" si="14"/>
        <v>https://support.microsoft.com/kb/4539172</v>
      </c>
      <c r="D839" s="3" t="s">
        <v>1235</v>
      </c>
      <c r="E839" s="3" t="s">
        <v>100</v>
      </c>
      <c r="F839" s="3" t="s">
        <v>125</v>
      </c>
      <c r="G839" s="3" t="s">
        <v>102</v>
      </c>
      <c r="H839" s="3">
        <v>2019</v>
      </c>
      <c r="I839" s="3" t="s">
        <v>103</v>
      </c>
      <c r="J839" s="3" t="s">
        <v>80</v>
      </c>
      <c r="K839" s="14">
        <v>43902</v>
      </c>
      <c r="L839" s="3" t="s">
        <v>538</v>
      </c>
    </row>
    <row r="840" spans="1:12" x14ac:dyDescent="0.3">
      <c r="A840" s="11">
        <v>13412437</v>
      </c>
      <c r="B840" s="11">
        <v>4538853</v>
      </c>
      <c r="C840" s="22" t="str">
        <f t="shared" si="14"/>
        <v>https://support.microsoft.com/kb/4538853</v>
      </c>
      <c r="D840" s="3" t="s">
        <v>1236</v>
      </c>
      <c r="E840" s="3" t="s">
        <v>100</v>
      </c>
      <c r="F840" s="3" t="s">
        <v>125</v>
      </c>
      <c r="G840" s="3" t="s">
        <v>116</v>
      </c>
      <c r="H840" s="3">
        <v>2019</v>
      </c>
      <c r="I840" s="3" t="s">
        <v>103</v>
      </c>
      <c r="J840" s="3" t="s">
        <v>80</v>
      </c>
      <c r="K840" s="14">
        <v>43902</v>
      </c>
      <c r="L840" s="3" t="s">
        <v>538</v>
      </c>
    </row>
    <row r="841" spans="1:12" x14ac:dyDescent="0.3">
      <c r="A841" s="11">
        <v>13411046</v>
      </c>
      <c r="B841" s="11">
        <v>4548133</v>
      </c>
      <c r="C841" s="22" t="str">
        <f t="shared" si="14"/>
        <v>https://support.microsoft.com/kb/4548133</v>
      </c>
      <c r="D841" s="3" t="s">
        <v>1237</v>
      </c>
      <c r="E841" s="3" t="s">
        <v>100</v>
      </c>
      <c r="F841" s="3" t="s">
        <v>125</v>
      </c>
      <c r="G841" s="3" t="s">
        <v>116</v>
      </c>
      <c r="H841" s="3">
        <v>2019</v>
      </c>
      <c r="I841" s="3" t="s">
        <v>103</v>
      </c>
      <c r="J841" s="3" t="s">
        <v>80</v>
      </c>
      <c r="K841" s="14">
        <v>43902</v>
      </c>
      <c r="L841" s="3" t="s">
        <v>538</v>
      </c>
    </row>
    <row r="842" spans="1:12" x14ac:dyDescent="0.3">
      <c r="A842" s="11">
        <v>13410674</v>
      </c>
      <c r="B842" s="11">
        <v>4547890</v>
      </c>
      <c r="C842" s="22" t="str">
        <f t="shared" si="14"/>
        <v>https://support.microsoft.com/kb/4547890</v>
      </c>
      <c r="D842" s="3" t="s">
        <v>1137</v>
      </c>
      <c r="E842" s="3" t="s">
        <v>380</v>
      </c>
      <c r="F842" s="3" t="s">
        <v>699</v>
      </c>
      <c r="G842" s="3" t="s">
        <v>102</v>
      </c>
      <c r="H842" s="3">
        <v>2019</v>
      </c>
      <c r="I842" s="3" t="s">
        <v>103</v>
      </c>
      <c r="J842" s="3" t="s">
        <v>80</v>
      </c>
      <c r="K842" s="14">
        <v>43902</v>
      </c>
      <c r="L842" s="3" t="s">
        <v>538</v>
      </c>
    </row>
    <row r="843" spans="1:12" x14ac:dyDescent="0.3">
      <c r="A843" s="11">
        <v>13410658</v>
      </c>
      <c r="B843" s="11">
        <v>4538853</v>
      </c>
      <c r="C843" s="22" t="str">
        <f t="shared" si="14"/>
        <v>https://support.microsoft.com/kb/4538853</v>
      </c>
      <c r="D843" s="3" t="s">
        <v>1238</v>
      </c>
      <c r="E843" s="3" t="s">
        <v>380</v>
      </c>
      <c r="F843" s="3" t="s">
        <v>380</v>
      </c>
      <c r="G843" s="3" t="s">
        <v>102</v>
      </c>
      <c r="H843" s="3">
        <v>2019</v>
      </c>
      <c r="I843" s="3" t="s">
        <v>103</v>
      </c>
      <c r="J843" s="3" t="s">
        <v>80</v>
      </c>
      <c r="K843" s="14">
        <v>43902</v>
      </c>
      <c r="L843" s="3" t="s">
        <v>538</v>
      </c>
    </row>
    <row r="844" spans="1:12" x14ac:dyDescent="0.3">
      <c r="A844" s="11">
        <v>13405530</v>
      </c>
      <c r="B844" s="11">
        <v>4538853</v>
      </c>
      <c r="C844" s="22" t="str">
        <f t="shared" si="14"/>
        <v>https://support.microsoft.com/kb/4538853</v>
      </c>
      <c r="D844" s="3" t="s">
        <v>1239</v>
      </c>
      <c r="E844" s="3" t="s">
        <v>1240</v>
      </c>
      <c r="F844" s="3" t="s">
        <v>777</v>
      </c>
      <c r="G844" s="3" t="s">
        <v>102</v>
      </c>
      <c r="H844" s="3">
        <v>2019</v>
      </c>
      <c r="I844" s="3" t="s">
        <v>103</v>
      </c>
      <c r="J844" s="3" t="s">
        <v>80</v>
      </c>
      <c r="K844" s="14">
        <v>43902</v>
      </c>
      <c r="L844" s="3" t="s">
        <v>538</v>
      </c>
    </row>
    <row r="845" spans="1:12" x14ac:dyDescent="0.3">
      <c r="A845" s="11">
        <v>13404121</v>
      </c>
      <c r="B845" s="11">
        <v>4548131</v>
      </c>
      <c r="C845" s="22" t="str">
        <f t="shared" si="14"/>
        <v>https://support.microsoft.com/kb/4548131</v>
      </c>
      <c r="D845" s="3" t="s">
        <v>1241</v>
      </c>
      <c r="E845" s="3" t="s">
        <v>100</v>
      </c>
      <c r="F845" s="3" t="s">
        <v>125</v>
      </c>
      <c r="G845" s="3" t="s">
        <v>116</v>
      </c>
      <c r="H845" s="3">
        <v>2019</v>
      </c>
      <c r="I845" s="3" t="s">
        <v>103</v>
      </c>
      <c r="J845" s="3" t="s">
        <v>80</v>
      </c>
      <c r="K845" s="14">
        <v>43902</v>
      </c>
      <c r="L845" s="3" t="s">
        <v>538</v>
      </c>
    </row>
    <row r="846" spans="1:12" x14ac:dyDescent="0.3">
      <c r="A846" s="11">
        <v>13403957</v>
      </c>
      <c r="B846" s="11">
        <v>4538853</v>
      </c>
      <c r="C846" s="22" t="str">
        <f t="shared" si="14"/>
        <v>https://support.microsoft.com/kb/4538853</v>
      </c>
      <c r="D846" s="3" t="s">
        <v>1242</v>
      </c>
      <c r="E846" s="3" t="s">
        <v>100</v>
      </c>
      <c r="F846" s="3" t="s">
        <v>125</v>
      </c>
      <c r="G846" s="3" t="s">
        <v>102</v>
      </c>
      <c r="H846" s="3">
        <v>2019</v>
      </c>
      <c r="I846" s="3" t="s">
        <v>103</v>
      </c>
      <c r="J846" s="3" t="s">
        <v>80</v>
      </c>
      <c r="K846" s="14">
        <v>43902</v>
      </c>
      <c r="L846" s="3" t="s">
        <v>538</v>
      </c>
    </row>
    <row r="847" spans="1:12" x14ac:dyDescent="0.3">
      <c r="A847" s="11">
        <v>13395279</v>
      </c>
      <c r="B847" s="11">
        <v>4538853</v>
      </c>
      <c r="C847" s="22" t="str">
        <f t="shared" si="14"/>
        <v>https://support.microsoft.com/kb/4538853</v>
      </c>
      <c r="D847" s="3" t="s">
        <v>1243</v>
      </c>
      <c r="E847" s="3" t="s">
        <v>100</v>
      </c>
      <c r="F847" s="3" t="s">
        <v>125</v>
      </c>
      <c r="G847" s="3" t="s">
        <v>105</v>
      </c>
      <c r="H847" s="3">
        <v>2019</v>
      </c>
      <c r="I847" s="3" t="s">
        <v>103</v>
      </c>
      <c r="J847" s="3" t="s">
        <v>80</v>
      </c>
      <c r="K847" s="14">
        <v>43902</v>
      </c>
      <c r="L847" s="3" t="s">
        <v>538</v>
      </c>
    </row>
    <row r="848" spans="1:12" x14ac:dyDescent="0.3">
      <c r="A848" s="11">
        <v>13388147</v>
      </c>
      <c r="B848" s="11">
        <v>4538853</v>
      </c>
      <c r="C848" s="22" t="str">
        <f t="shared" si="14"/>
        <v>https://support.microsoft.com/kb/4538853</v>
      </c>
      <c r="D848" s="3" t="s">
        <v>1244</v>
      </c>
      <c r="E848" s="3" t="s">
        <v>100</v>
      </c>
      <c r="F848" s="3" t="s">
        <v>127</v>
      </c>
      <c r="G848" s="3" t="s">
        <v>105</v>
      </c>
      <c r="H848" s="3">
        <v>2019</v>
      </c>
      <c r="I848" s="3" t="s">
        <v>103</v>
      </c>
      <c r="J848" s="3" t="s">
        <v>80</v>
      </c>
      <c r="K848" s="14">
        <v>43902</v>
      </c>
      <c r="L848" s="3" t="s">
        <v>538</v>
      </c>
    </row>
    <row r="849" spans="1:12" x14ac:dyDescent="0.3">
      <c r="A849" s="11">
        <v>13383620</v>
      </c>
      <c r="B849" s="11">
        <v>4538853</v>
      </c>
      <c r="C849" s="22" t="str">
        <f t="shared" si="14"/>
        <v>https://support.microsoft.com/kb/4538853</v>
      </c>
      <c r="D849" s="3" t="s">
        <v>1245</v>
      </c>
      <c r="E849" s="3" t="s">
        <v>100</v>
      </c>
      <c r="F849" s="3" t="s">
        <v>1152</v>
      </c>
      <c r="G849" s="3" t="s">
        <v>116</v>
      </c>
      <c r="H849" s="3">
        <v>2019</v>
      </c>
      <c r="I849" s="3" t="s">
        <v>103</v>
      </c>
      <c r="J849" s="3" t="s">
        <v>80</v>
      </c>
      <c r="K849" s="14">
        <v>43902</v>
      </c>
      <c r="L849" s="3" t="s">
        <v>538</v>
      </c>
    </row>
    <row r="850" spans="1:12" x14ac:dyDescent="0.3">
      <c r="A850" s="11">
        <v>13382004</v>
      </c>
      <c r="B850" s="11">
        <v>4548523</v>
      </c>
      <c r="C850" s="22" t="str">
        <f t="shared" si="14"/>
        <v>https://support.microsoft.com/kb/4548523</v>
      </c>
      <c r="D850" s="3" t="s">
        <v>1246</v>
      </c>
      <c r="E850" s="3" t="s">
        <v>100</v>
      </c>
      <c r="F850" s="3" t="s">
        <v>153</v>
      </c>
      <c r="G850" s="3" t="s">
        <v>102</v>
      </c>
      <c r="H850" s="3">
        <v>2019</v>
      </c>
      <c r="I850" s="3" t="s">
        <v>103</v>
      </c>
      <c r="J850" s="3" t="s">
        <v>80</v>
      </c>
      <c r="K850" s="14">
        <v>43902</v>
      </c>
      <c r="L850" s="3" t="s">
        <v>538</v>
      </c>
    </row>
    <row r="851" spans="1:12" x14ac:dyDescent="0.3">
      <c r="A851" s="11">
        <v>13378659</v>
      </c>
      <c r="B851" s="11">
        <v>4540121</v>
      </c>
      <c r="C851" s="22" t="str">
        <f t="shared" si="14"/>
        <v>https://support.microsoft.com/kb/4540121</v>
      </c>
      <c r="D851" s="3" t="s">
        <v>1201</v>
      </c>
      <c r="E851" s="3" t="s">
        <v>100</v>
      </c>
      <c r="F851" s="3" t="s">
        <v>125</v>
      </c>
      <c r="G851" s="3" t="s">
        <v>102</v>
      </c>
      <c r="H851" s="3">
        <v>2019</v>
      </c>
      <c r="I851" s="3" t="s">
        <v>103</v>
      </c>
      <c r="J851" s="3" t="s">
        <v>80</v>
      </c>
      <c r="K851" s="14">
        <v>43902</v>
      </c>
      <c r="L851" s="3" t="s">
        <v>538</v>
      </c>
    </row>
    <row r="852" spans="1:12" x14ac:dyDescent="0.3">
      <c r="A852" s="11">
        <v>13360725</v>
      </c>
      <c r="B852" s="11">
        <v>4538853</v>
      </c>
      <c r="C852" s="22" t="str">
        <f t="shared" si="14"/>
        <v>https://support.microsoft.com/kb/4538853</v>
      </c>
      <c r="D852" s="3" t="s">
        <v>1247</v>
      </c>
      <c r="E852" s="3" t="s">
        <v>100</v>
      </c>
      <c r="F852" s="3" t="s">
        <v>113</v>
      </c>
      <c r="G852" s="3" t="s">
        <v>102</v>
      </c>
      <c r="H852" s="3">
        <v>2019</v>
      </c>
      <c r="I852" s="3" t="s">
        <v>103</v>
      </c>
      <c r="J852" s="3" t="s">
        <v>80</v>
      </c>
      <c r="K852" s="14">
        <v>43902</v>
      </c>
      <c r="L852" s="3" t="s">
        <v>538</v>
      </c>
    </row>
    <row r="853" spans="1:12" x14ac:dyDescent="0.3">
      <c r="A853" s="11">
        <v>13359752</v>
      </c>
      <c r="B853" s="11">
        <v>4541132</v>
      </c>
      <c r="C853" s="22" t="str">
        <f t="shared" si="14"/>
        <v>https://support.microsoft.com/kb/4541132</v>
      </c>
      <c r="D853" s="3" t="s">
        <v>1248</v>
      </c>
      <c r="E853" s="3" t="s">
        <v>100</v>
      </c>
      <c r="F853" s="3" t="s">
        <v>145</v>
      </c>
      <c r="G853" s="3" t="s">
        <v>105</v>
      </c>
      <c r="H853" s="3">
        <v>2019</v>
      </c>
      <c r="I853" s="3" t="s">
        <v>103</v>
      </c>
      <c r="J853" s="3" t="s">
        <v>80</v>
      </c>
      <c r="K853" s="14">
        <v>43902</v>
      </c>
      <c r="L853" s="3" t="s">
        <v>538</v>
      </c>
    </row>
    <row r="854" spans="1:12" x14ac:dyDescent="0.3">
      <c r="A854" s="11">
        <v>13357974</v>
      </c>
      <c r="B854" s="11">
        <v>4538853</v>
      </c>
      <c r="C854" s="22" t="str">
        <f t="shared" si="14"/>
        <v>https://support.microsoft.com/kb/4538853</v>
      </c>
      <c r="D854" s="3" t="s">
        <v>1249</v>
      </c>
      <c r="E854" s="3" t="s">
        <v>100</v>
      </c>
      <c r="F854" s="3" t="s">
        <v>161</v>
      </c>
      <c r="G854" s="3" t="s">
        <v>105</v>
      </c>
      <c r="H854" s="3">
        <v>2019</v>
      </c>
      <c r="I854" s="3" t="s">
        <v>103</v>
      </c>
      <c r="J854" s="3" t="s">
        <v>80</v>
      </c>
      <c r="K854" s="14">
        <v>43902</v>
      </c>
      <c r="L854" s="3" t="s">
        <v>538</v>
      </c>
    </row>
    <row r="855" spans="1:12" x14ac:dyDescent="0.3">
      <c r="A855" s="11">
        <v>13357938</v>
      </c>
      <c r="B855" s="11">
        <v>4538686</v>
      </c>
      <c r="C855" s="22" t="str">
        <f t="shared" si="14"/>
        <v>https://support.microsoft.com/kb/4538686</v>
      </c>
      <c r="D855" s="3" t="s">
        <v>1250</v>
      </c>
      <c r="E855" s="3" t="s">
        <v>100</v>
      </c>
      <c r="F855" s="3" t="s">
        <v>145</v>
      </c>
      <c r="G855" s="3" t="s">
        <v>116</v>
      </c>
      <c r="H855" s="3">
        <v>2019</v>
      </c>
      <c r="I855" s="3" t="s">
        <v>103</v>
      </c>
      <c r="J855" s="3" t="s">
        <v>80</v>
      </c>
      <c r="K855" s="14">
        <v>43902</v>
      </c>
      <c r="L855" s="3" t="s">
        <v>538</v>
      </c>
    </row>
    <row r="856" spans="1:12" x14ac:dyDescent="0.3">
      <c r="A856" s="11">
        <v>13350041</v>
      </c>
      <c r="B856" s="11">
        <v>4538853</v>
      </c>
      <c r="C856" s="22" t="str">
        <f t="shared" si="14"/>
        <v>https://support.microsoft.com/kb/4538853</v>
      </c>
      <c r="D856" s="3" t="s">
        <v>1251</v>
      </c>
      <c r="E856" s="3" t="s">
        <v>100</v>
      </c>
      <c r="F856" s="3" t="s">
        <v>127</v>
      </c>
      <c r="G856" s="3" t="s">
        <v>102</v>
      </c>
      <c r="H856" s="3">
        <v>2019</v>
      </c>
      <c r="I856" s="3" t="s">
        <v>103</v>
      </c>
      <c r="J856" s="3" t="s">
        <v>80</v>
      </c>
      <c r="K856" s="14">
        <v>43902</v>
      </c>
      <c r="L856" s="3" t="s">
        <v>538</v>
      </c>
    </row>
    <row r="857" spans="1:12" x14ac:dyDescent="0.3">
      <c r="A857" s="11">
        <v>13324032</v>
      </c>
      <c r="B857" s="11">
        <v>4529927</v>
      </c>
      <c r="C857" s="22" t="str">
        <f t="shared" si="14"/>
        <v>https://support.microsoft.com/kb/4529927</v>
      </c>
      <c r="D857" s="3" t="s">
        <v>1252</v>
      </c>
      <c r="E857" s="3" t="s">
        <v>100</v>
      </c>
      <c r="F857" s="3" t="s">
        <v>110</v>
      </c>
      <c r="G857" s="3" t="s">
        <v>102</v>
      </c>
      <c r="H857" s="3">
        <v>2019</v>
      </c>
      <c r="I857" s="3" t="s">
        <v>103</v>
      </c>
      <c r="J857" s="3" t="s">
        <v>80</v>
      </c>
      <c r="K857" s="14">
        <v>43902</v>
      </c>
      <c r="L857" s="3" t="s">
        <v>538</v>
      </c>
    </row>
    <row r="858" spans="1:12" x14ac:dyDescent="0.3">
      <c r="A858" s="11">
        <v>13321064</v>
      </c>
      <c r="B858" s="11">
        <v>4538118</v>
      </c>
      <c r="C858" s="22" t="str">
        <f t="shared" si="14"/>
        <v>https://support.microsoft.com/kb/4538118</v>
      </c>
      <c r="D858" s="3" t="s">
        <v>1253</v>
      </c>
      <c r="E858" s="3" t="s">
        <v>100</v>
      </c>
      <c r="F858" s="3" t="s">
        <v>145</v>
      </c>
      <c r="G858" s="3" t="s">
        <v>105</v>
      </c>
      <c r="H858" s="3">
        <v>2019</v>
      </c>
      <c r="I858" s="3" t="s">
        <v>103</v>
      </c>
      <c r="J858" s="3" t="s">
        <v>80</v>
      </c>
      <c r="K858" s="14">
        <v>43902</v>
      </c>
      <c r="L858" s="3" t="s">
        <v>538</v>
      </c>
    </row>
    <row r="859" spans="1:12" x14ac:dyDescent="0.3">
      <c r="A859" s="11">
        <v>13317222</v>
      </c>
      <c r="B859" s="11">
        <v>4538853</v>
      </c>
      <c r="C859" s="22" t="str">
        <f t="shared" si="14"/>
        <v>https://support.microsoft.com/kb/4538853</v>
      </c>
      <c r="D859" s="3" t="s">
        <v>1254</v>
      </c>
      <c r="E859" s="3" t="s">
        <v>100</v>
      </c>
      <c r="F859" s="3" t="s">
        <v>145</v>
      </c>
      <c r="G859" s="3" t="s">
        <v>105</v>
      </c>
      <c r="H859" s="3">
        <v>2019</v>
      </c>
      <c r="I859" s="3" t="s">
        <v>103</v>
      </c>
      <c r="J859" s="3" t="s">
        <v>80</v>
      </c>
      <c r="K859" s="14">
        <v>43902</v>
      </c>
      <c r="L859" s="3" t="s">
        <v>538</v>
      </c>
    </row>
    <row r="860" spans="1:12" x14ac:dyDescent="0.3">
      <c r="A860" s="11">
        <v>13209410</v>
      </c>
      <c r="B860" s="11">
        <v>4538853</v>
      </c>
      <c r="C860" s="22" t="str">
        <f t="shared" si="14"/>
        <v>https://support.microsoft.com/kb/4538853</v>
      </c>
      <c r="D860" s="3" t="s">
        <v>1255</v>
      </c>
      <c r="E860" s="3" t="s">
        <v>100</v>
      </c>
      <c r="F860" s="3" t="s">
        <v>233</v>
      </c>
      <c r="G860" s="3" t="s">
        <v>105</v>
      </c>
      <c r="H860" s="3">
        <v>2019</v>
      </c>
      <c r="I860" s="3" t="s">
        <v>103</v>
      </c>
      <c r="J860" s="3" t="s">
        <v>80</v>
      </c>
      <c r="K860" s="14">
        <v>43902</v>
      </c>
      <c r="L860" s="3" t="s">
        <v>538</v>
      </c>
    </row>
    <row r="861" spans="1:12" x14ac:dyDescent="0.3">
      <c r="A861" s="11">
        <v>13443207</v>
      </c>
      <c r="B861" s="11">
        <v>4551838</v>
      </c>
      <c r="C861" s="22" t="str">
        <f t="shared" si="14"/>
        <v>https://support.microsoft.com/kb/4551838</v>
      </c>
      <c r="D861" s="3" t="s">
        <v>1256</v>
      </c>
      <c r="E861" s="3" t="s">
        <v>100</v>
      </c>
      <c r="F861" s="3" t="s">
        <v>1152</v>
      </c>
      <c r="G861" s="3" t="s">
        <v>116</v>
      </c>
      <c r="H861" s="3">
        <v>2019</v>
      </c>
      <c r="I861" s="3" t="s">
        <v>103</v>
      </c>
      <c r="J861" s="3" t="s">
        <v>83</v>
      </c>
      <c r="K861" s="14">
        <v>43874</v>
      </c>
      <c r="L861" s="3" t="s">
        <v>539</v>
      </c>
    </row>
    <row r="862" spans="1:12" x14ac:dyDescent="0.3">
      <c r="A862" s="11">
        <v>13373021</v>
      </c>
      <c r="B862" s="11">
        <v>4539340</v>
      </c>
      <c r="C862" s="22" t="str">
        <f t="shared" si="14"/>
        <v>https://support.microsoft.com/kb/4539340</v>
      </c>
      <c r="D862" s="3" t="s">
        <v>1257</v>
      </c>
      <c r="E862" s="3" t="s">
        <v>100</v>
      </c>
      <c r="F862" s="3" t="s">
        <v>579</v>
      </c>
      <c r="G862" s="3" t="s">
        <v>105</v>
      </c>
      <c r="H862" s="3">
        <v>2019</v>
      </c>
      <c r="I862" s="3" t="s">
        <v>103</v>
      </c>
      <c r="J862" s="3" t="s">
        <v>83</v>
      </c>
      <c r="K862" s="14">
        <v>43874</v>
      </c>
      <c r="L862" s="3" t="s">
        <v>539</v>
      </c>
    </row>
    <row r="863" spans="1:12" x14ac:dyDescent="0.3">
      <c r="A863" s="11">
        <v>13359683</v>
      </c>
      <c r="B863" s="11">
        <v>4539197</v>
      </c>
      <c r="C863" s="22" t="str">
        <f t="shared" si="14"/>
        <v>https://support.microsoft.com/kb/4539197</v>
      </c>
      <c r="D863" s="3" t="s">
        <v>1258</v>
      </c>
      <c r="E863" s="3" t="s">
        <v>100</v>
      </c>
      <c r="F863" s="3" t="s">
        <v>145</v>
      </c>
      <c r="G863" s="3" t="s">
        <v>105</v>
      </c>
      <c r="H863" s="3">
        <v>2019</v>
      </c>
      <c r="I863" s="3" t="s">
        <v>103</v>
      </c>
      <c r="J863" s="3" t="s">
        <v>83</v>
      </c>
      <c r="K863" s="14">
        <v>43874</v>
      </c>
      <c r="L863" s="3" t="s">
        <v>539</v>
      </c>
    </row>
    <row r="864" spans="1:12" x14ac:dyDescent="0.3">
      <c r="A864" s="11">
        <v>13358159</v>
      </c>
      <c r="B864" s="11">
        <v>4538575</v>
      </c>
      <c r="C864" s="22" t="str">
        <f t="shared" si="14"/>
        <v>https://support.microsoft.com/kb/4538575</v>
      </c>
      <c r="D864" s="3" t="s">
        <v>1259</v>
      </c>
      <c r="E864" s="3" t="s">
        <v>100</v>
      </c>
      <c r="F864" s="3" t="s">
        <v>137</v>
      </c>
      <c r="G864" s="3" t="s">
        <v>105</v>
      </c>
      <c r="H864" s="3">
        <v>2019</v>
      </c>
      <c r="I864" s="3" t="s">
        <v>103</v>
      </c>
      <c r="J864" s="3" t="s">
        <v>83</v>
      </c>
      <c r="K864" s="14">
        <v>43874</v>
      </c>
      <c r="L864" s="3" t="s">
        <v>539</v>
      </c>
    </row>
    <row r="865" spans="1:12" x14ac:dyDescent="0.3">
      <c r="A865" s="11">
        <v>13357903</v>
      </c>
      <c r="B865" s="11">
        <v>4540449</v>
      </c>
      <c r="C865" s="22" t="str">
        <f t="shared" si="14"/>
        <v>https://support.microsoft.com/kb/4540449</v>
      </c>
      <c r="D865" s="3" t="s">
        <v>1260</v>
      </c>
      <c r="E865" s="3" t="s">
        <v>100</v>
      </c>
      <c r="F865" s="3" t="s">
        <v>725</v>
      </c>
      <c r="G865" s="3" t="s">
        <v>105</v>
      </c>
      <c r="H865" s="3">
        <v>2019</v>
      </c>
      <c r="I865" s="3" t="s">
        <v>103</v>
      </c>
      <c r="J865" s="3" t="s">
        <v>83</v>
      </c>
      <c r="K865" s="14">
        <v>43874</v>
      </c>
      <c r="L865" s="3" t="s">
        <v>539</v>
      </c>
    </row>
    <row r="866" spans="1:12" x14ac:dyDescent="0.3">
      <c r="A866" s="11">
        <v>13356977</v>
      </c>
      <c r="B866" s="11">
        <v>4539200</v>
      </c>
      <c r="C866" s="22" t="str">
        <f t="shared" ref="C866:C929" si="15">HYPERLINK("https://support.microsoft.com/kb/"&amp;B866)</f>
        <v>https://support.microsoft.com/kb/4539200</v>
      </c>
      <c r="D866" s="3" t="s">
        <v>1261</v>
      </c>
      <c r="E866" s="3" t="s">
        <v>100</v>
      </c>
      <c r="F866" s="3" t="s">
        <v>579</v>
      </c>
      <c r="G866" s="3" t="s">
        <v>105</v>
      </c>
      <c r="H866" s="3">
        <v>2019</v>
      </c>
      <c r="I866" s="3" t="s">
        <v>103</v>
      </c>
      <c r="J866" s="3" t="s">
        <v>83</v>
      </c>
      <c r="K866" s="14">
        <v>43874</v>
      </c>
      <c r="L866" s="3" t="s">
        <v>539</v>
      </c>
    </row>
    <row r="867" spans="1:12" x14ac:dyDescent="0.3">
      <c r="A867" s="11">
        <v>13356967</v>
      </c>
      <c r="B867" s="11">
        <v>4539199</v>
      </c>
      <c r="C867" s="22" t="str">
        <f t="shared" si="15"/>
        <v>https://support.microsoft.com/kb/4539199</v>
      </c>
      <c r="D867" s="3" t="s">
        <v>1262</v>
      </c>
      <c r="E867" s="3" t="s">
        <v>100</v>
      </c>
      <c r="F867" s="3" t="s">
        <v>579</v>
      </c>
      <c r="G867" s="3" t="s">
        <v>105</v>
      </c>
      <c r="H867" s="3">
        <v>2019</v>
      </c>
      <c r="I867" s="3" t="s">
        <v>103</v>
      </c>
      <c r="J867" s="3" t="s">
        <v>83</v>
      </c>
      <c r="K867" s="14">
        <v>43874</v>
      </c>
      <c r="L867" s="3" t="s">
        <v>539</v>
      </c>
    </row>
    <row r="868" spans="1:12" x14ac:dyDescent="0.3">
      <c r="A868" s="11">
        <v>13356850</v>
      </c>
      <c r="B868" s="11">
        <v>4538481</v>
      </c>
      <c r="C868" s="22" t="str">
        <f t="shared" si="15"/>
        <v>https://support.microsoft.com/kb/4538481</v>
      </c>
      <c r="D868" s="3" t="s">
        <v>1263</v>
      </c>
      <c r="E868" s="3" t="s">
        <v>100</v>
      </c>
      <c r="F868" s="3" t="s">
        <v>137</v>
      </c>
      <c r="G868" s="3" t="s">
        <v>105</v>
      </c>
      <c r="H868" s="3">
        <v>2019</v>
      </c>
      <c r="I868" s="3" t="s">
        <v>103</v>
      </c>
      <c r="J868" s="3" t="s">
        <v>83</v>
      </c>
      <c r="K868" s="14">
        <v>43874</v>
      </c>
      <c r="L868" s="3" t="s">
        <v>539</v>
      </c>
    </row>
    <row r="869" spans="1:12" x14ac:dyDescent="0.3">
      <c r="A869" s="11">
        <v>13356844</v>
      </c>
      <c r="B869" s="11">
        <v>4538573</v>
      </c>
      <c r="C869" s="22" t="str">
        <f t="shared" si="15"/>
        <v>https://support.microsoft.com/kb/4538573</v>
      </c>
      <c r="D869" s="3" t="s">
        <v>1264</v>
      </c>
      <c r="E869" s="3" t="s">
        <v>100</v>
      </c>
      <c r="F869" s="3" t="s">
        <v>163</v>
      </c>
      <c r="G869" s="3" t="s">
        <v>105</v>
      </c>
      <c r="H869" s="3">
        <v>2019</v>
      </c>
      <c r="I869" s="3" t="s">
        <v>103</v>
      </c>
      <c r="J869" s="3" t="s">
        <v>83</v>
      </c>
      <c r="K869" s="14">
        <v>43874</v>
      </c>
      <c r="L869" s="3" t="s">
        <v>539</v>
      </c>
    </row>
    <row r="870" spans="1:12" x14ac:dyDescent="0.3">
      <c r="A870" s="11">
        <v>13356829</v>
      </c>
      <c r="B870" s="11">
        <v>4538689</v>
      </c>
      <c r="C870" s="22" t="str">
        <f t="shared" si="15"/>
        <v>https://support.microsoft.com/kb/4538689</v>
      </c>
      <c r="D870" s="3" t="s">
        <v>1265</v>
      </c>
      <c r="E870" s="3" t="s">
        <v>100</v>
      </c>
      <c r="F870" s="3" t="s">
        <v>687</v>
      </c>
      <c r="G870" s="3" t="s">
        <v>116</v>
      </c>
      <c r="H870" s="3">
        <v>2019</v>
      </c>
      <c r="I870" s="3" t="s">
        <v>103</v>
      </c>
      <c r="J870" s="3" t="s">
        <v>83</v>
      </c>
      <c r="K870" s="14">
        <v>43874</v>
      </c>
      <c r="L870" s="3" t="s">
        <v>539</v>
      </c>
    </row>
    <row r="871" spans="1:12" x14ac:dyDescent="0.3">
      <c r="A871" s="11">
        <v>13356818</v>
      </c>
      <c r="B871" s="11">
        <v>4539198</v>
      </c>
      <c r="C871" s="22" t="str">
        <f t="shared" si="15"/>
        <v>https://support.microsoft.com/kb/4539198</v>
      </c>
      <c r="D871" s="3" t="s">
        <v>1266</v>
      </c>
      <c r="E871" s="3" t="s">
        <v>100</v>
      </c>
      <c r="F871" s="3" t="s">
        <v>579</v>
      </c>
      <c r="G871" s="3" t="s">
        <v>105</v>
      </c>
      <c r="H871" s="3">
        <v>2019</v>
      </c>
      <c r="I871" s="3" t="s">
        <v>103</v>
      </c>
      <c r="J871" s="3" t="s">
        <v>83</v>
      </c>
      <c r="K871" s="14">
        <v>43874</v>
      </c>
      <c r="L871" s="3" t="s">
        <v>539</v>
      </c>
    </row>
    <row r="872" spans="1:12" x14ac:dyDescent="0.3">
      <c r="A872" s="11">
        <v>13356782</v>
      </c>
      <c r="B872" s="11">
        <v>4538968</v>
      </c>
      <c r="C872" s="22" t="str">
        <f t="shared" si="15"/>
        <v>https://support.microsoft.com/kb/4538968</v>
      </c>
      <c r="D872" s="3" t="s">
        <v>1267</v>
      </c>
      <c r="E872" s="3" t="s">
        <v>100</v>
      </c>
      <c r="F872" s="3" t="s">
        <v>579</v>
      </c>
      <c r="G872" s="3" t="s">
        <v>105</v>
      </c>
      <c r="H872" s="3">
        <v>2019</v>
      </c>
      <c r="I872" s="3" t="s">
        <v>103</v>
      </c>
      <c r="J872" s="3" t="s">
        <v>83</v>
      </c>
      <c r="K872" s="14">
        <v>43874</v>
      </c>
      <c r="L872" s="3" t="s">
        <v>539</v>
      </c>
    </row>
    <row r="873" spans="1:12" x14ac:dyDescent="0.3">
      <c r="A873" s="11">
        <v>13356198</v>
      </c>
      <c r="B873" s="11">
        <v>4538382</v>
      </c>
      <c r="C873" s="22" t="str">
        <f t="shared" si="15"/>
        <v>https://support.microsoft.com/kb/4538382</v>
      </c>
      <c r="D873" s="3" t="s">
        <v>1268</v>
      </c>
      <c r="E873" s="3" t="s">
        <v>100</v>
      </c>
      <c r="F873" s="3" t="s">
        <v>579</v>
      </c>
      <c r="G873" s="3" t="s">
        <v>116</v>
      </c>
      <c r="H873" s="3">
        <v>2019</v>
      </c>
      <c r="I873" s="3" t="s">
        <v>103</v>
      </c>
      <c r="J873" s="3" t="s">
        <v>83</v>
      </c>
      <c r="K873" s="14">
        <v>43874</v>
      </c>
      <c r="L873" s="3" t="s">
        <v>539</v>
      </c>
    </row>
    <row r="874" spans="1:12" x14ac:dyDescent="0.3">
      <c r="A874" s="11">
        <v>13355673</v>
      </c>
      <c r="B874" s="11">
        <v>4537350</v>
      </c>
      <c r="C874" s="22" t="str">
        <f t="shared" si="15"/>
        <v>https://support.microsoft.com/kb/4537350</v>
      </c>
      <c r="D874" s="3" t="s">
        <v>1269</v>
      </c>
      <c r="E874" s="3" t="s">
        <v>100</v>
      </c>
      <c r="F874" s="3" t="s">
        <v>214</v>
      </c>
      <c r="G874" s="3" t="s">
        <v>102</v>
      </c>
      <c r="H874" s="3">
        <v>2019</v>
      </c>
      <c r="I874" s="3" t="s">
        <v>103</v>
      </c>
      <c r="J874" s="3" t="s">
        <v>83</v>
      </c>
      <c r="K874" s="14">
        <v>43874</v>
      </c>
      <c r="L874" s="3" t="s">
        <v>539</v>
      </c>
    </row>
    <row r="875" spans="1:12" x14ac:dyDescent="0.3">
      <c r="A875" s="11">
        <v>13355108</v>
      </c>
      <c r="B875" s="11">
        <v>4538344</v>
      </c>
      <c r="C875" s="22" t="str">
        <f t="shared" si="15"/>
        <v>https://support.microsoft.com/kb/4538344</v>
      </c>
      <c r="D875" s="3" t="s">
        <v>1270</v>
      </c>
      <c r="E875" s="3" t="s">
        <v>100</v>
      </c>
      <c r="F875" s="3" t="s">
        <v>137</v>
      </c>
      <c r="G875" s="3" t="s">
        <v>105</v>
      </c>
      <c r="H875" s="3">
        <v>2019</v>
      </c>
      <c r="I875" s="3" t="s">
        <v>103</v>
      </c>
      <c r="J875" s="3" t="s">
        <v>83</v>
      </c>
      <c r="K875" s="14">
        <v>43874</v>
      </c>
      <c r="L875" s="3" t="s">
        <v>539</v>
      </c>
    </row>
    <row r="876" spans="1:12" x14ac:dyDescent="0.3">
      <c r="A876" s="11">
        <v>13355058</v>
      </c>
      <c r="B876" s="11">
        <v>4538342</v>
      </c>
      <c r="C876" s="22" t="str">
        <f t="shared" si="15"/>
        <v>https://support.microsoft.com/kb/4538342</v>
      </c>
      <c r="D876" s="3" t="s">
        <v>1271</v>
      </c>
      <c r="E876" s="3" t="s">
        <v>100</v>
      </c>
      <c r="F876" s="3" t="s">
        <v>137</v>
      </c>
      <c r="G876" s="3" t="s">
        <v>105</v>
      </c>
      <c r="H876" s="3">
        <v>2019</v>
      </c>
      <c r="I876" s="3" t="s">
        <v>103</v>
      </c>
      <c r="J876" s="3" t="s">
        <v>83</v>
      </c>
      <c r="K876" s="14">
        <v>43874</v>
      </c>
      <c r="L876" s="3" t="s">
        <v>539</v>
      </c>
    </row>
    <row r="877" spans="1:12" x14ac:dyDescent="0.3">
      <c r="A877" s="11">
        <v>13347083</v>
      </c>
      <c r="B877" s="11">
        <v>4538496</v>
      </c>
      <c r="C877" s="22" t="str">
        <f t="shared" si="15"/>
        <v>https://support.microsoft.com/kb/4538496</v>
      </c>
      <c r="D877" s="3" t="s">
        <v>1272</v>
      </c>
      <c r="E877" s="3" t="s">
        <v>100</v>
      </c>
      <c r="F877" s="3" t="s">
        <v>137</v>
      </c>
      <c r="G877" s="3" t="s">
        <v>102</v>
      </c>
      <c r="H877" s="3">
        <v>2019</v>
      </c>
      <c r="I877" s="3" t="s">
        <v>103</v>
      </c>
      <c r="J877" s="3" t="s">
        <v>83</v>
      </c>
      <c r="K877" s="14">
        <v>43874</v>
      </c>
      <c r="L877" s="3" t="s">
        <v>539</v>
      </c>
    </row>
    <row r="878" spans="1:12" x14ac:dyDescent="0.3">
      <c r="A878" s="11">
        <v>13346172</v>
      </c>
      <c r="B878" s="11">
        <v>4537710</v>
      </c>
      <c r="C878" s="22" t="str">
        <f t="shared" si="15"/>
        <v>https://support.microsoft.com/kb/4537710</v>
      </c>
      <c r="D878" s="3" t="s">
        <v>1273</v>
      </c>
      <c r="E878" s="3" t="s">
        <v>100</v>
      </c>
      <c r="F878" s="3" t="s">
        <v>145</v>
      </c>
      <c r="G878" s="3" t="s">
        <v>105</v>
      </c>
      <c r="H878" s="3">
        <v>2019</v>
      </c>
      <c r="I878" s="3" t="s">
        <v>103</v>
      </c>
      <c r="J878" s="3" t="s">
        <v>83</v>
      </c>
      <c r="K878" s="14">
        <v>43874</v>
      </c>
      <c r="L878" s="3" t="s">
        <v>539</v>
      </c>
    </row>
    <row r="879" spans="1:12" x14ac:dyDescent="0.3">
      <c r="A879" s="11">
        <v>13345912</v>
      </c>
      <c r="B879" s="11">
        <v>4538581</v>
      </c>
      <c r="C879" s="22" t="str">
        <f t="shared" si="15"/>
        <v>https://support.microsoft.com/kb/4538581</v>
      </c>
      <c r="D879" s="3" t="s">
        <v>703</v>
      </c>
      <c r="E879" s="3" t="s">
        <v>100</v>
      </c>
      <c r="F879" s="3" t="s">
        <v>110</v>
      </c>
      <c r="G879" s="3" t="s">
        <v>105</v>
      </c>
      <c r="H879" s="3">
        <v>2019</v>
      </c>
      <c r="I879" s="3" t="s">
        <v>103</v>
      </c>
      <c r="J879" s="3" t="s">
        <v>83</v>
      </c>
      <c r="K879" s="14">
        <v>43874</v>
      </c>
      <c r="L879" s="3" t="s">
        <v>539</v>
      </c>
    </row>
    <row r="880" spans="1:12" x14ac:dyDescent="0.3">
      <c r="A880" s="11">
        <v>13345413</v>
      </c>
      <c r="B880" s="11">
        <v>4537401</v>
      </c>
      <c r="C880" s="22" t="str">
        <f t="shared" si="15"/>
        <v>https://support.microsoft.com/kb/4537401</v>
      </c>
      <c r="D880" s="3" t="s">
        <v>1274</v>
      </c>
      <c r="E880" s="3" t="s">
        <v>178</v>
      </c>
      <c r="F880" s="3" t="s">
        <v>689</v>
      </c>
      <c r="G880" s="3" t="s">
        <v>102</v>
      </c>
      <c r="H880" s="3">
        <v>2019</v>
      </c>
      <c r="I880" s="3" t="s">
        <v>103</v>
      </c>
      <c r="J880" s="3" t="s">
        <v>83</v>
      </c>
      <c r="K880" s="14">
        <v>43874</v>
      </c>
      <c r="L880" s="3" t="s">
        <v>539</v>
      </c>
    </row>
    <row r="881" spans="1:12" x14ac:dyDescent="0.3">
      <c r="A881" s="11">
        <v>13343690</v>
      </c>
      <c r="B881" s="11">
        <v>4538036</v>
      </c>
      <c r="C881" s="22" t="str">
        <f t="shared" si="15"/>
        <v>https://support.microsoft.com/kb/4538036</v>
      </c>
      <c r="D881" s="3" t="s">
        <v>1275</v>
      </c>
      <c r="E881" s="3" t="s">
        <v>100</v>
      </c>
      <c r="F881" s="3" t="s">
        <v>1152</v>
      </c>
      <c r="G881" s="3" t="s">
        <v>116</v>
      </c>
      <c r="H881" s="3">
        <v>2019</v>
      </c>
      <c r="I881" s="3" t="s">
        <v>103</v>
      </c>
      <c r="J881" s="3" t="s">
        <v>83</v>
      </c>
      <c r="K881" s="14">
        <v>43874</v>
      </c>
      <c r="L881" s="3" t="s">
        <v>539</v>
      </c>
    </row>
    <row r="882" spans="1:12" x14ac:dyDescent="0.3">
      <c r="A882" s="11">
        <v>13343052</v>
      </c>
      <c r="B882" s="11">
        <v>4538174</v>
      </c>
      <c r="C882" s="22" t="str">
        <f t="shared" si="15"/>
        <v>https://support.microsoft.com/kb/4538174</v>
      </c>
      <c r="D882" s="3" t="s">
        <v>1276</v>
      </c>
      <c r="E882" s="3" t="s">
        <v>100</v>
      </c>
      <c r="F882" s="3" t="s">
        <v>101</v>
      </c>
      <c r="G882" s="3" t="s">
        <v>116</v>
      </c>
      <c r="H882" s="3">
        <v>2019</v>
      </c>
      <c r="I882" s="3" t="s">
        <v>103</v>
      </c>
      <c r="J882" s="3" t="s">
        <v>83</v>
      </c>
      <c r="K882" s="14">
        <v>43874</v>
      </c>
      <c r="L882" s="3" t="s">
        <v>539</v>
      </c>
    </row>
    <row r="883" spans="1:12" x14ac:dyDescent="0.3">
      <c r="A883" s="11">
        <v>13343031</v>
      </c>
      <c r="B883" s="11">
        <v>4538378</v>
      </c>
      <c r="C883" s="22" t="str">
        <f t="shared" si="15"/>
        <v>https://support.microsoft.com/kb/4538378</v>
      </c>
      <c r="D883" s="3" t="s">
        <v>1277</v>
      </c>
      <c r="E883" s="3" t="s">
        <v>100</v>
      </c>
      <c r="F883" s="3" t="s">
        <v>153</v>
      </c>
      <c r="G883" s="3" t="s">
        <v>102</v>
      </c>
      <c r="H883" s="3">
        <v>2019</v>
      </c>
      <c r="I883" s="3" t="s">
        <v>103</v>
      </c>
      <c r="J883" s="3" t="s">
        <v>83</v>
      </c>
      <c r="K883" s="14">
        <v>43874</v>
      </c>
      <c r="L883" s="3" t="s">
        <v>539</v>
      </c>
    </row>
    <row r="884" spans="1:12" x14ac:dyDescent="0.3">
      <c r="A884" s="11">
        <v>13342963</v>
      </c>
      <c r="B884" s="11">
        <v>4537347</v>
      </c>
      <c r="C884" s="22" t="str">
        <f t="shared" si="15"/>
        <v>https://support.microsoft.com/kb/4537347</v>
      </c>
      <c r="D884" s="3" t="s">
        <v>1278</v>
      </c>
      <c r="E884" s="3" t="s">
        <v>100</v>
      </c>
      <c r="F884" s="3" t="s">
        <v>110</v>
      </c>
      <c r="G884" s="3" t="s">
        <v>105</v>
      </c>
      <c r="H884" s="3">
        <v>2019</v>
      </c>
      <c r="I884" s="3" t="s">
        <v>103</v>
      </c>
      <c r="J884" s="3" t="s">
        <v>83</v>
      </c>
      <c r="K884" s="14">
        <v>43874</v>
      </c>
      <c r="L884" s="3" t="s">
        <v>539</v>
      </c>
    </row>
    <row r="885" spans="1:12" x14ac:dyDescent="0.3">
      <c r="A885" s="11">
        <v>13336034</v>
      </c>
      <c r="B885" s="11">
        <v>4538688</v>
      </c>
      <c r="C885" s="22" t="str">
        <f t="shared" si="15"/>
        <v>https://support.microsoft.com/kb/4538688</v>
      </c>
      <c r="D885" s="3" t="s">
        <v>731</v>
      </c>
      <c r="E885" s="3" t="s">
        <v>100</v>
      </c>
      <c r="F885" s="3" t="s">
        <v>145</v>
      </c>
      <c r="G885" s="3" t="s">
        <v>105</v>
      </c>
      <c r="H885" s="3">
        <v>2019</v>
      </c>
      <c r="I885" s="3" t="s">
        <v>103</v>
      </c>
      <c r="J885" s="3" t="s">
        <v>83</v>
      </c>
      <c r="K885" s="14">
        <v>43874</v>
      </c>
      <c r="L885" s="3" t="s">
        <v>539</v>
      </c>
    </row>
    <row r="886" spans="1:12" x14ac:dyDescent="0.3">
      <c r="A886" s="11">
        <v>13336003</v>
      </c>
      <c r="B886" s="11">
        <v>4538858</v>
      </c>
      <c r="C886" s="22" t="str">
        <f t="shared" si="15"/>
        <v>https://support.microsoft.com/kb/4538858</v>
      </c>
      <c r="D886" s="3" t="s">
        <v>1279</v>
      </c>
      <c r="E886" s="3" t="s">
        <v>100</v>
      </c>
      <c r="F886" s="3" t="s">
        <v>1152</v>
      </c>
      <c r="G886" s="3" t="s">
        <v>105</v>
      </c>
      <c r="H886" s="3">
        <v>2019</v>
      </c>
      <c r="I886" s="3" t="s">
        <v>103</v>
      </c>
      <c r="J886" s="3" t="s">
        <v>83</v>
      </c>
      <c r="K886" s="14">
        <v>43874</v>
      </c>
      <c r="L886" s="3" t="s">
        <v>539</v>
      </c>
    </row>
    <row r="887" spans="1:12" x14ac:dyDescent="0.3">
      <c r="A887" s="11">
        <v>13334483</v>
      </c>
      <c r="B887" s="11">
        <v>4539000</v>
      </c>
      <c r="C887" s="22" t="str">
        <f t="shared" si="15"/>
        <v>https://support.microsoft.com/kb/4539000</v>
      </c>
      <c r="D887" s="3" t="s">
        <v>1280</v>
      </c>
      <c r="E887" s="3" t="s">
        <v>100</v>
      </c>
      <c r="F887" s="3" t="s">
        <v>1152</v>
      </c>
      <c r="G887" s="3" t="s">
        <v>105</v>
      </c>
      <c r="H887" s="3">
        <v>2019</v>
      </c>
      <c r="I887" s="3" t="s">
        <v>103</v>
      </c>
      <c r="J887" s="3" t="s">
        <v>83</v>
      </c>
      <c r="K887" s="14">
        <v>43874</v>
      </c>
      <c r="L887" s="3" t="s">
        <v>539</v>
      </c>
    </row>
    <row r="888" spans="1:12" x14ac:dyDescent="0.3">
      <c r="A888" s="11">
        <v>13334474</v>
      </c>
      <c r="B888" s="11">
        <v>4538164</v>
      </c>
      <c r="C888" s="22" t="str">
        <f t="shared" si="15"/>
        <v>https://support.microsoft.com/kb/4538164</v>
      </c>
      <c r="D888" s="3" t="s">
        <v>1281</v>
      </c>
      <c r="E888" s="3" t="s">
        <v>100</v>
      </c>
      <c r="F888" s="3" t="s">
        <v>579</v>
      </c>
      <c r="G888" s="3" t="s">
        <v>105</v>
      </c>
      <c r="H888" s="3">
        <v>2019</v>
      </c>
      <c r="I888" s="3" t="s">
        <v>103</v>
      </c>
      <c r="J888" s="3" t="s">
        <v>83</v>
      </c>
      <c r="K888" s="14">
        <v>43874</v>
      </c>
      <c r="L888" s="3" t="s">
        <v>539</v>
      </c>
    </row>
    <row r="889" spans="1:12" x14ac:dyDescent="0.3">
      <c r="A889" s="11">
        <v>13333743</v>
      </c>
      <c r="B889" s="11">
        <v>4538163</v>
      </c>
      <c r="C889" s="22" t="str">
        <f t="shared" si="15"/>
        <v>https://support.microsoft.com/kb/4538163</v>
      </c>
      <c r="D889" s="3" t="s">
        <v>1282</v>
      </c>
      <c r="E889" s="3" t="s">
        <v>100</v>
      </c>
      <c r="F889" s="3" t="s">
        <v>579</v>
      </c>
      <c r="G889" s="3" t="s">
        <v>105</v>
      </c>
      <c r="H889" s="3">
        <v>2019</v>
      </c>
      <c r="I889" s="3" t="s">
        <v>103</v>
      </c>
      <c r="J889" s="3" t="s">
        <v>83</v>
      </c>
      <c r="K889" s="14">
        <v>43874</v>
      </c>
      <c r="L889" s="3" t="s">
        <v>539</v>
      </c>
    </row>
    <row r="890" spans="1:12" x14ac:dyDescent="0.3">
      <c r="A890" s="11">
        <v>13333730</v>
      </c>
      <c r="B890" s="11">
        <v>4537072</v>
      </c>
      <c r="C890" s="22" t="str">
        <f t="shared" si="15"/>
        <v>https://support.microsoft.com/kb/4537072</v>
      </c>
      <c r="D890" s="3" t="s">
        <v>1283</v>
      </c>
      <c r="E890" s="3" t="s">
        <v>100</v>
      </c>
      <c r="F890" s="3" t="s">
        <v>579</v>
      </c>
      <c r="G890" s="3" t="s">
        <v>105</v>
      </c>
      <c r="H890" s="3">
        <v>2019</v>
      </c>
      <c r="I890" s="3" t="s">
        <v>103</v>
      </c>
      <c r="J890" s="3" t="s">
        <v>83</v>
      </c>
      <c r="K890" s="14">
        <v>43874</v>
      </c>
      <c r="L890" s="3" t="s">
        <v>539</v>
      </c>
    </row>
    <row r="891" spans="1:12" x14ac:dyDescent="0.3">
      <c r="A891" s="11">
        <v>13333721</v>
      </c>
      <c r="B891" s="11">
        <v>4536684</v>
      </c>
      <c r="C891" s="22" t="str">
        <f t="shared" si="15"/>
        <v>https://support.microsoft.com/kb/4536684</v>
      </c>
      <c r="D891" s="3" t="s">
        <v>1284</v>
      </c>
      <c r="E891" s="3" t="s">
        <v>100</v>
      </c>
      <c r="F891" s="3" t="s">
        <v>579</v>
      </c>
      <c r="G891" s="3" t="s">
        <v>105</v>
      </c>
      <c r="H891" s="3">
        <v>2019</v>
      </c>
      <c r="I891" s="3" t="s">
        <v>103</v>
      </c>
      <c r="J891" s="3" t="s">
        <v>83</v>
      </c>
      <c r="K891" s="14">
        <v>43874</v>
      </c>
      <c r="L891" s="3" t="s">
        <v>539</v>
      </c>
    </row>
    <row r="892" spans="1:12" x14ac:dyDescent="0.3">
      <c r="A892" s="11">
        <v>13333719</v>
      </c>
      <c r="B892" s="11">
        <v>4538162</v>
      </c>
      <c r="C892" s="22" t="str">
        <f t="shared" si="15"/>
        <v>https://support.microsoft.com/kb/4538162</v>
      </c>
      <c r="D892" s="3" t="s">
        <v>1285</v>
      </c>
      <c r="E892" s="3" t="s">
        <v>100</v>
      </c>
      <c r="F892" s="3" t="s">
        <v>579</v>
      </c>
      <c r="G892" s="3" t="s">
        <v>102</v>
      </c>
      <c r="H892" s="3">
        <v>2019</v>
      </c>
      <c r="I892" s="3" t="s">
        <v>103</v>
      </c>
      <c r="J892" s="3" t="s">
        <v>83</v>
      </c>
      <c r="K892" s="14">
        <v>43874</v>
      </c>
      <c r="L892" s="3" t="s">
        <v>539</v>
      </c>
    </row>
    <row r="893" spans="1:12" x14ac:dyDescent="0.3">
      <c r="A893" s="11">
        <v>13333572</v>
      </c>
      <c r="B893" s="11">
        <v>4536841</v>
      </c>
      <c r="C893" s="22" t="str">
        <f t="shared" si="15"/>
        <v>https://support.microsoft.com/kb/4536841</v>
      </c>
      <c r="D893" s="3" t="s">
        <v>1286</v>
      </c>
      <c r="E893" s="3" t="s">
        <v>100</v>
      </c>
      <c r="F893" s="3" t="s">
        <v>1152</v>
      </c>
      <c r="G893" s="3" t="s">
        <v>105</v>
      </c>
      <c r="H893" s="3">
        <v>2019</v>
      </c>
      <c r="I893" s="3" t="s">
        <v>103</v>
      </c>
      <c r="J893" s="3" t="s">
        <v>83</v>
      </c>
      <c r="K893" s="14">
        <v>43874</v>
      </c>
      <c r="L893" s="3" t="s">
        <v>539</v>
      </c>
    </row>
    <row r="894" spans="1:12" x14ac:dyDescent="0.3">
      <c r="A894" s="11">
        <v>13333564</v>
      </c>
      <c r="B894" s="11">
        <v>4538978</v>
      </c>
      <c r="C894" s="22" t="str">
        <f t="shared" si="15"/>
        <v>https://support.microsoft.com/kb/4538978</v>
      </c>
      <c r="D894" s="3" t="s">
        <v>1287</v>
      </c>
      <c r="E894" s="3" t="s">
        <v>100</v>
      </c>
      <c r="F894" s="3" t="s">
        <v>1152</v>
      </c>
      <c r="G894" s="3" t="s">
        <v>105</v>
      </c>
      <c r="H894" s="3">
        <v>2019</v>
      </c>
      <c r="I894" s="3" t="s">
        <v>103</v>
      </c>
      <c r="J894" s="3" t="s">
        <v>83</v>
      </c>
      <c r="K894" s="14">
        <v>43874</v>
      </c>
      <c r="L894" s="3" t="s">
        <v>539</v>
      </c>
    </row>
    <row r="895" spans="1:12" x14ac:dyDescent="0.3">
      <c r="A895" s="11">
        <v>13330439</v>
      </c>
      <c r="B895" s="11">
        <v>4537452</v>
      </c>
      <c r="C895" s="22" t="str">
        <f t="shared" si="15"/>
        <v>https://support.microsoft.com/kb/4537452</v>
      </c>
      <c r="D895" s="3" t="s">
        <v>1288</v>
      </c>
      <c r="E895" s="3" t="s">
        <v>100</v>
      </c>
      <c r="F895" s="3" t="s">
        <v>120</v>
      </c>
      <c r="G895" s="3" t="s">
        <v>102</v>
      </c>
      <c r="H895" s="3">
        <v>2019</v>
      </c>
      <c r="I895" s="3" t="s">
        <v>103</v>
      </c>
      <c r="J895" s="3" t="s">
        <v>83</v>
      </c>
      <c r="K895" s="14">
        <v>43874</v>
      </c>
      <c r="L895" s="3" t="s">
        <v>539</v>
      </c>
    </row>
    <row r="896" spans="1:12" x14ac:dyDescent="0.3">
      <c r="A896" s="11">
        <v>13329379</v>
      </c>
      <c r="B896" s="11">
        <v>4536005</v>
      </c>
      <c r="C896" s="22" t="str">
        <f t="shared" si="15"/>
        <v>https://support.microsoft.com/kb/4536005</v>
      </c>
      <c r="D896" s="3" t="s">
        <v>1289</v>
      </c>
      <c r="E896" s="3" t="s">
        <v>100</v>
      </c>
      <c r="F896" s="3" t="s">
        <v>145</v>
      </c>
      <c r="G896" s="3" t="s">
        <v>105</v>
      </c>
      <c r="H896" s="3">
        <v>2019</v>
      </c>
      <c r="I896" s="3" t="s">
        <v>103</v>
      </c>
      <c r="J896" s="3" t="s">
        <v>83</v>
      </c>
      <c r="K896" s="14">
        <v>43874</v>
      </c>
      <c r="L896" s="3" t="s">
        <v>539</v>
      </c>
    </row>
    <row r="897" spans="1:12" x14ac:dyDescent="0.3">
      <c r="A897" s="11">
        <v>13329355</v>
      </c>
      <c r="B897" s="11">
        <v>4538205</v>
      </c>
      <c r="C897" s="22" t="str">
        <f t="shared" si="15"/>
        <v>https://support.microsoft.com/kb/4538205</v>
      </c>
      <c r="D897" s="3" t="s">
        <v>1290</v>
      </c>
      <c r="E897" s="3" t="s">
        <v>100</v>
      </c>
      <c r="F897" s="3" t="s">
        <v>125</v>
      </c>
      <c r="G897" s="3" t="s">
        <v>102</v>
      </c>
      <c r="H897" s="3">
        <v>2019</v>
      </c>
      <c r="I897" s="3" t="s">
        <v>103</v>
      </c>
      <c r="J897" s="3" t="s">
        <v>83</v>
      </c>
      <c r="K897" s="14">
        <v>43874</v>
      </c>
      <c r="L897" s="3" t="s">
        <v>539</v>
      </c>
    </row>
    <row r="898" spans="1:12" x14ac:dyDescent="0.3">
      <c r="A898" s="11">
        <v>13328937</v>
      </c>
      <c r="B898" s="11">
        <v>4537869</v>
      </c>
      <c r="C898" s="22" t="str">
        <f t="shared" si="15"/>
        <v>https://support.microsoft.com/kb/4537869</v>
      </c>
      <c r="D898" s="3" t="s">
        <v>1291</v>
      </c>
      <c r="E898" s="3" t="s">
        <v>100</v>
      </c>
      <c r="F898" s="3" t="s">
        <v>101</v>
      </c>
      <c r="G898" s="3" t="s">
        <v>102</v>
      </c>
      <c r="H898" s="3">
        <v>2019</v>
      </c>
      <c r="I898" s="3" t="s">
        <v>103</v>
      </c>
      <c r="J898" s="3" t="s">
        <v>83</v>
      </c>
      <c r="K898" s="14">
        <v>43874</v>
      </c>
      <c r="L898" s="3" t="s">
        <v>539</v>
      </c>
    </row>
    <row r="899" spans="1:12" x14ac:dyDescent="0.3">
      <c r="A899" s="11">
        <v>13327197</v>
      </c>
      <c r="B899" s="11">
        <v>4538161</v>
      </c>
      <c r="C899" s="22" t="str">
        <f t="shared" si="15"/>
        <v>https://support.microsoft.com/kb/4538161</v>
      </c>
      <c r="D899" s="3" t="s">
        <v>1292</v>
      </c>
      <c r="E899" s="3" t="s">
        <v>100</v>
      </c>
      <c r="F899" s="3" t="s">
        <v>579</v>
      </c>
      <c r="G899" s="3" t="s">
        <v>102</v>
      </c>
      <c r="H899" s="3">
        <v>2019</v>
      </c>
      <c r="I899" s="3" t="s">
        <v>103</v>
      </c>
      <c r="J899" s="3" t="s">
        <v>83</v>
      </c>
      <c r="K899" s="14">
        <v>43874</v>
      </c>
      <c r="L899" s="3" t="s">
        <v>539</v>
      </c>
    </row>
    <row r="900" spans="1:12" x14ac:dyDescent="0.3">
      <c r="A900" s="11">
        <v>13326430</v>
      </c>
      <c r="B900" s="11">
        <v>4539203</v>
      </c>
      <c r="C900" s="22" t="str">
        <f t="shared" si="15"/>
        <v>https://support.microsoft.com/kb/4539203</v>
      </c>
      <c r="D900" s="3" t="s">
        <v>1293</v>
      </c>
      <c r="E900" s="3" t="s">
        <v>100</v>
      </c>
      <c r="F900" s="3" t="s">
        <v>579</v>
      </c>
      <c r="G900" s="3" t="s">
        <v>102</v>
      </c>
      <c r="H900" s="3">
        <v>2019</v>
      </c>
      <c r="I900" s="3" t="s">
        <v>103</v>
      </c>
      <c r="J900" s="3" t="s">
        <v>83</v>
      </c>
      <c r="K900" s="14">
        <v>43874</v>
      </c>
      <c r="L900" s="3" t="s">
        <v>539</v>
      </c>
    </row>
    <row r="901" spans="1:12" x14ac:dyDescent="0.3">
      <c r="A901" s="11">
        <v>13325930</v>
      </c>
      <c r="B901" s="11">
        <v>4539201</v>
      </c>
      <c r="C901" s="22" t="str">
        <f t="shared" si="15"/>
        <v>https://support.microsoft.com/kb/4539201</v>
      </c>
      <c r="D901" s="3" t="s">
        <v>1294</v>
      </c>
      <c r="E901" s="3" t="s">
        <v>100</v>
      </c>
      <c r="F901" s="3" t="s">
        <v>579</v>
      </c>
      <c r="G901" s="3" t="s">
        <v>102</v>
      </c>
      <c r="H901" s="3">
        <v>2019</v>
      </c>
      <c r="I901" s="3" t="s">
        <v>103</v>
      </c>
      <c r="J901" s="3" t="s">
        <v>83</v>
      </c>
      <c r="K901" s="14">
        <v>43874</v>
      </c>
      <c r="L901" s="3" t="s">
        <v>539</v>
      </c>
    </row>
    <row r="902" spans="1:12" x14ac:dyDescent="0.3">
      <c r="A902" s="11">
        <v>13325916</v>
      </c>
      <c r="B902" s="11">
        <v>4540372</v>
      </c>
      <c r="C902" s="22" t="str">
        <f t="shared" si="15"/>
        <v>https://support.microsoft.com/kb/4540372</v>
      </c>
      <c r="D902" s="3" t="s">
        <v>1295</v>
      </c>
      <c r="E902" s="3" t="s">
        <v>100</v>
      </c>
      <c r="F902" s="3" t="s">
        <v>579</v>
      </c>
      <c r="G902" s="3" t="s">
        <v>102</v>
      </c>
      <c r="H902" s="3">
        <v>2019</v>
      </c>
      <c r="I902" s="3" t="s">
        <v>103</v>
      </c>
      <c r="J902" s="3" t="s">
        <v>83</v>
      </c>
      <c r="K902" s="14">
        <v>43874</v>
      </c>
      <c r="L902" s="3" t="s">
        <v>539</v>
      </c>
    </row>
    <row r="903" spans="1:12" x14ac:dyDescent="0.3">
      <c r="A903" s="11">
        <v>13324038</v>
      </c>
      <c r="B903" s="11">
        <v>4527510</v>
      </c>
      <c r="C903" s="22" t="str">
        <f t="shared" si="15"/>
        <v>https://support.microsoft.com/kb/4527510</v>
      </c>
      <c r="D903" s="3" t="s">
        <v>1296</v>
      </c>
      <c r="E903" s="3" t="s">
        <v>180</v>
      </c>
      <c r="F903" s="3" t="s">
        <v>180</v>
      </c>
      <c r="G903" s="3" t="s">
        <v>102</v>
      </c>
      <c r="H903" s="3">
        <v>2019</v>
      </c>
      <c r="I903" s="3" t="s">
        <v>103</v>
      </c>
      <c r="J903" s="3" t="s">
        <v>83</v>
      </c>
      <c r="K903" s="14">
        <v>43874</v>
      </c>
      <c r="L903" s="3" t="s">
        <v>539</v>
      </c>
    </row>
    <row r="904" spans="1:12" x14ac:dyDescent="0.3">
      <c r="A904" s="11">
        <v>13324036</v>
      </c>
      <c r="B904" s="11">
        <v>4525483</v>
      </c>
      <c r="C904" s="22" t="str">
        <f t="shared" si="15"/>
        <v>https://support.microsoft.com/kb/4525483</v>
      </c>
      <c r="D904" s="3" t="s">
        <v>1297</v>
      </c>
      <c r="E904" s="3" t="s">
        <v>100</v>
      </c>
      <c r="F904" s="3" t="s">
        <v>161</v>
      </c>
      <c r="G904" s="3" t="s">
        <v>102</v>
      </c>
      <c r="H904" s="3">
        <v>2019</v>
      </c>
      <c r="I904" s="3" t="s">
        <v>103</v>
      </c>
      <c r="J904" s="3" t="s">
        <v>83</v>
      </c>
      <c r="K904" s="14">
        <v>43874</v>
      </c>
      <c r="L904" s="3" t="s">
        <v>539</v>
      </c>
    </row>
    <row r="905" spans="1:12" x14ac:dyDescent="0.3">
      <c r="A905" s="11">
        <v>13324033</v>
      </c>
      <c r="B905" s="11">
        <v>4527916</v>
      </c>
      <c r="C905" s="22" t="str">
        <f t="shared" si="15"/>
        <v>https://support.microsoft.com/kb/4527916</v>
      </c>
      <c r="D905" s="3" t="s">
        <v>1298</v>
      </c>
      <c r="E905" s="3" t="s">
        <v>100</v>
      </c>
      <c r="F905" s="3" t="s">
        <v>161</v>
      </c>
      <c r="G905" s="3" t="s">
        <v>102</v>
      </c>
      <c r="H905" s="3">
        <v>2019</v>
      </c>
      <c r="I905" s="3" t="s">
        <v>103</v>
      </c>
      <c r="J905" s="3" t="s">
        <v>83</v>
      </c>
      <c r="K905" s="14">
        <v>43874</v>
      </c>
      <c r="L905" s="3" t="s">
        <v>539</v>
      </c>
    </row>
    <row r="906" spans="1:12" x14ac:dyDescent="0.3">
      <c r="A906" s="11">
        <v>13324029</v>
      </c>
      <c r="B906" s="11">
        <v>4524191</v>
      </c>
      <c r="C906" s="22" t="str">
        <f t="shared" si="15"/>
        <v>https://support.microsoft.com/kb/4524191</v>
      </c>
      <c r="D906" s="3" t="s">
        <v>1299</v>
      </c>
      <c r="E906" s="3" t="s">
        <v>178</v>
      </c>
      <c r="F906" s="3" t="s">
        <v>775</v>
      </c>
      <c r="G906" s="3" t="s">
        <v>102</v>
      </c>
      <c r="H906" s="3">
        <v>2019</v>
      </c>
      <c r="I906" s="3" t="s">
        <v>103</v>
      </c>
      <c r="J906" s="3" t="s">
        <v>83</v>
      </c>
      <c r="K906" s="14">
        <v>43874</v>
      </c>
      <c r="L906" s="3" t="s">
        <v>539</v>
      </c>
    </row>
    <row r="907" spans="1:12" x14ac:dyDescent="0.3">
      <c r="A907" s="11">
        <v>13324026</v>
      </c>
      <c r="B907" s="11">
        <v>4529833</v>
      </c>
      <c r="C907" s="22" t="str">
        <f t="shared" si="15"/>
        <v>https://support.microsoft.com/kb/4529833</v>
      </c>
      <c r="D907" s="3" t="s">
        <v>1300</v>
      </c>
      <c r="E907" s="3" t="s">
        <v>100</v>
      </c>
      <c r="F907" s="3" t="s">
        <v>137</v>
      </c>
      <c r="G907" s="3" t="s">
        <v>102</v>
      </c>
      <c r="H907" s="3">
        <v>2019</v>
      </c>
      <c r="I907" s="3" t="s">
        <v>103</v>
      </c>
      <c r="J907" s="3" t="s">
        <v>83</v>
      </c>
      <c r="K907" s="14">
        <v>43874</v>
      </c>
      <c r="L907" s="3" t="s">
        <v>539</v>
      </c>
    </row>
    <row r="908" spans="1:12" x14ac:dyDescent="0.3">
      <c r="A908" s="11">
        <v>13324024</v>
      </c>
      <c r="B908" s="11">
        <v>4527229</v>
      </c>
      <c r="C908" s="22" t="str">
        <f t="shared" si="15"/>
        <v>https://support.microsoft.com/kb/4527229</v>
      </c>
      <c r="D908" s="3" t="s">
        <v>1301</v>
      </c>
      <c r="E908" s="3" t="s">
        <v>100</v>
      </c>
      <c r="F908" s="3" t="s">
        <v>108</v>
      </c>
      <c r="G908" s="3" t="s">
        <v>102</v>
      </c>
      <c r="H908" s="3">
        <v>2019</v>
      </c>
      <c r="I908" s="3" t="s">
        <v>103</v>
      </c>
      <c r="J908" s="3" t="s">
        <v>83</v>
      </c>
      <c r="K908" s="14">
        <v>43874</v>
      </c>
      <c r="L908" s="3" t="s">
        <v>539</v>
      </c>
    </row>
    <row r="909" spans="1:12" x14ac:dyDescent="0.3">
      <c r="A909" s="11">
        <v>13324021</v>
      </c>
      <c r="B909" s="11">
        <v>4530475</v>
      </c>
      <c r="C909" s="22" t="str">
        <f t="shared" si="15"/>
        <v>https://support.microsoft.com/kb/4530475</v>
      </c>
      <c r="D909" s="3" t="s">
        <v>1302</v>
      </c>
      <c r="E909" s="3" t="s">
        <v>180</v>
      </c>
      <c r="F909" s="3" t="s">
        <v>180</v>
      </c>
      <c r="G909" s="3" t="s">
        <v>102</v>
      </c>
      <c r="H909" s="3">
        <v>2019</v>
      </c>
      <c r="I909" s="3" t="s">
        <v>103</v>
      </c>
      <c r="J909" s="3" t="s">
        <v>83</v>
      </c>
      <c r="K909" s="14">
        <v>43874</v>
      </c>
      <c r="L909" s="3" t="s">
        <v>539</v>
      </c>
    </row>
    <row r="910" spans="1:12" x14ac:dyDescent="0.3">
      <c r="A910" s="11">
        <v>13324019</v>
      </c>
      <c r="B910" s="11">
        <v>4530259</v>
      </c>
      <c r="C910" s="22" t="str">
        <f t="shared" si="15"/>
        <v>https://support.microsoft.com/kb/4530259</v>
      </c>
      <c r="D910" s="3" t="s">
        <v>1303</v>
      </c>
      <c r="E910" s="3" t="s">
        <v>100</v>
      </c>
      <c r="F910" s="3" t="s">
        <v>145</v>
      </c>
      <c r="G910" s="3" t="s">
        <v>102</v>
      </c>
      <c r="H910" s="3">
        <v>2019</v>
      </c>
      <c r="I910" s="3" t="s">
        <v>103</v>
      </c>
      <c r="J910" s="3" t="s">
        <v>83</v>
      </c>
      <c r="K910" s="14">
        <v>43874</v>
      </c>
      <c r="L910" s="3" t="s">
        <v>539</v>
      </c>
    </row>
    <row r="911" spans="1:12" x14ac:dyDescent="0.3">
      <c r="A911" s="11">
        <v>13324015</v>
      </c>
      <c r="B911" s="11">
        <v>4528066</v>
      </c>
      <c r="C911" s="22" t="str">
        <f t="shared" si="15"/>
        <v>https://support.microsoft.com/kb/4528066</v>
      </c>
      <c r="D911" s="3" t="s">
        <v>1304</v>
      </c>
      <c r="E911" s="3" t="s">
        <v>100</v>
      </c>
      <c r="F911" s="3" t="s">
        <v>214</v>
      </c>
      <c r="G911" s="3" t="s">
        <v>102</v>
      </c>
      <c r="H911" s="3">
        <v>2019</v>
      </c>
      <c r="I911" s="3" t="s">
        <v>103</v>
      </c>
      <c r="J911" s="3" t="s">
        <v>83</v>
      </c>
      <c r="K911" s="14">
        <v>43874</v>
      </c>
      <c r="L911" s="3" t="s">
        <v>539</v>
      </c>
    </row>
    <row r="912" spans="1:12" x14ac:dyDescent="0.3">
      <c r="A912" s="11">
        <v>13324013</v>
      </c>
      <c r="B912" s="11">
        <v>4528067</v>
      </c>
      <c r="C912" s="22" t="str">
        <f t="shared" si="15"/>
        <v>https://support.microsoft.com/kb/4528067</v>
      </c>
      <c r="D912" s="3" t="s">
        <v>1305</v>
      </c>
      <c r="E912" s="3" t="s">
        <v>100</v>
      </c>
      <c r="F912" s="3" t="s">
        <v>214</v>
      </c>
      <c r="G912" s="3" t="s">
        <v>102</v>
      </c>
      <c r="H912" s="3">
        <v>2019</v>
      </c>
      <c r="I912" s="3" t="s">
        <v>103</v>
      </c>
      <c r="J912" s="3" t="s">
        <v>83</v>
      </c>
      <c r="K912" s="14">
        <v>43874</v>
      </c>
      <c r="L912" s="3" t="s">
        <v>539</v>
      </c>
    </row>
    <row r="913" spans="1:12" x14ac:dyDescent="0.3">
      <c r="A913" s="11">
        <v>13324009</v>
      </c>
      <c r="B913" s="11">
        <v>4527716</v>
      </c>
      <c r="C913" s="22" t="str">
        <f t="shared" si="15"/>
        <v>https://support.microsoft.com/kb/4527716</v>
      </c>
      <c r="D913" s="3" t="s">
        <v>1306</v>
      </c>
      <c r="E913" s="3" t="s">
        <v>100</v>
      </c>
      <c r="F913" s="3" t="s">
        <v>127</v>
      </c>
      <c r="G913" s="3" t="s">
        <v>102</v>
      </c>
      <c r="H913" s="3">
        <v>2019</v>
      </c>
      <c r="I913" s="3" t="s">
        <v>103</v>
      </c>
      <c r="J913" s="3" t="s">
        <v>83</v>
      </c>
      <c r="K913" s="14">
        <v>43874</v>
      </c>
      <c r="L913" s="3" t="s">
        <v>539</v>
      </c>
    </row>
    <row r="914" spans="1:12" x14ac:dyDescent="0.3">
      <c r="A914" s="11">
        <v>13324007</v>
      </c>
      <c r="B914" s="11">
        <v>4529876</v>
      </c>
      <c r="C914" s="22" t="str">
        <f t="shared" si="15"/>
        <v>https://support.microsoft.com/kb/4529876</v>
      </c>
      <c r="D914" s="3" t="s">
        <v>1307</v>
      </c>
      <c r="E914" s="3" t="s">
        <v>180</v>
      </c>
      <c r="F914" s="3" t="s">
        <v>180</v>
      </c>
      <c r="G914" s="3" t="s">
        <v>102</v>
      </c>
      <c r="H914" s="3">
        <v>2019</v>
      </c>
      <c r="I914" s="3" t="s">
        <v>103</v>
      </c>
      <c r="J914" s="3" t="s">
        <v>83</v>
      </c>
      <c r="K914" s="14">
        <v>43874</v>
      </c>
      <c r="L914" s="3" t="s">
        <v>539</v>
      </c>
    </row>
    <row r="915" spans="1:12" x14ac:dyDescent="0.3">
      <c r="A915" s="11">
        <v>13324003</v>
      </c>
      <c r="B915" s="11">
        <v>4530443</v>
      </c>
      <c r="C915" s="22" t="str">
        <f t="shared" si="15"/>
        <v>https://support.microsoft.com/kb/4530443</v>
      </c>
      <c r="D915" s="3" t="s">
        <v>1308</v>
      </c>
      <c r="E915" s="3" t="s">
        <v>100</v>
      </c>
      <c r="F915" s="3" t="s">
        <v>127</v>
      </c>
      <c r="G915" s="3" t="s">
        <v>102</v>
      </c>
      <c r="H915" s="3">
        <v>2019</v>
      </c>
      <c r="I915" s="3" t="s">
        <v>103</v>
      </c>
      <c r="J915" s="3" t="s">
        <v>83</v>
      </c>
      <c r="K915" s="14">
        <v>43874</v>
      </c>
      <c r="L915" s="3" t="s">
        <v>539</v>
      </c>
    </row>
    <row r="916" spans="1:12" x14ac:dyDescent="0.3">
      <c r="A916" s="11">
        <v>13324000</v>
      </c>
      <c r="B916" s="11">
        <v>4530251</v>
      </c>
      <c r="C916" s="22" t="str">
        <f t="shared" si="15"/>
        <v>https://support.microsoft.com/kb/4530251</v>
      </c>
      <c r="D916" s="3" t="s">
        <v>1309</v>
      </c>
      <c r="E916" s="3" t="s">
        <v>100</v>
      </c>
      <c r="F916" s="3" t="s">
        <v>127</v>
      </c>
      <c r="G916" s="3" t="s">
        <v>102</v>
      </c>
      <c r="H916" s="3">
        <v>2019</v>
      </c>
      <c r="I916" s="3" t="s">
        <v>103</v>
      </c>
      <c r="J916" s="3" t="s">
        <v>83</v>
      </c>
      <c r="K916" s="14">
        <v>43874</v>
      </c>
      <c r="L916" s="3" t="s">
        <v>539</v>
      </c>
    </row>
    <row r="917" spans="1:12" x14ac:dyDescent="0.3">
      <c r="A917" s="11">
        <v>13323999</v>
      </c>
      <c r="B917" s="11">
        <v>4524542</v>
      </c>
      <c r="C917" s="22" t="str">
        <f t="shared" si="15"/>
        <v>https://support.microsoft.com/kb/4524542</v>
      </c>
      <c r="D917" s="3" t="s">
        <v>1310</v>
      </c>
      <c r="E917" s="3" t="s">
        <v>217</v>
      </c>
      <c r="F917" s="3" t="s">
        <v>276</v>
      </c>
      <c r="G917" s="3" t="s">
        <v>102</v>
      </c>
      <c r="H917" s="3">
        <v>2019</v>
      </c>
      <c r="I917" s="3" t="s">
        <v>103</v>
      </c>
      <c r="J917" s="3" t="s">
        <v>83</v>
      </c>
      <c r="K917" s="14">
        <v>43874</v>
      </c>
      <c r="L917" s="3" t="s">
        <v>539</v>
      </c>
    </row>
    <row r="918" spans="1:12" x14ac:dyDescent="0.3">
      <c r="A918" s="11">
        <v>13323997</v>
      </c>
      <c r="B918" s="11">
        <v>4530212</v>
      </c>
      <c r="C918" s="22" t="str">
        <f t="shared" si="15"/>
        <v>https://support.microsoft.com/kb/4530212</v>
      </c>
      <c r="D918" s="3" t="s">
        <v>1311</v>
      </c>
      <c r="E918" s="3" t="s">
        <v>100</v>
      </c>
      <c r="F918" s="3" t="s">
        <v>127</v>
      </c>
      <c r="G918" s="3" t="s">
        <v>116</v>
      </c>
      <c r="H918" s="3">
        <v>2019</v>
      </c>
      <c r="I918" s="3" t="s">
        <v>103</v>
      </c>
      <c r="J918" s="3" t="s">
        <v>83</v>
      </c>
      <c r="K918" s="14">
        <v>43874</v>
      </c>
      <c r="L918" s="3" t="s">
        <v>539</v>
      </c>
    </row>
    <row r="919" spans="1:12" x14ac:dyDescent="0.3">
      <c r="A919" s="11">
        <v>13323995</v>
      </c>
      <c r="B919" s="11">
        <v>4527355</v>
      </c>
      <c r="C919" s="22" t="str">
        <f t="shared" si="15"/>
        <v>https://support.microsoft.com/kb/4527355</v>
      </c>
      <c r="D919" s="3" t="s">
        <v>1312</v>
      </c>
      <c r="E919" s="3" t="s">
        <v>180</v>
      </c>
      <c r="F919" s="3" t="s">
        <v>180</v>
      </c>
      <c r="G919" s="3" t="s">
        <v>102</v>
      </c>
      <c r="H919" s="3">
        <v>2019</v>
      </c>
      <c r="I919" s="3" t="s">
        <v>103</v>
      </c>
      <c r="J919" s="3" t="s">
        <v>83</v>
      </c>
      <c r="K919" s="14">
        <v>43874</v>
      </c>
      <c r="L919" s="3" t="s">
        <v>539</v>
      </c>
    </row>
    <row r="920" spans="1:12" x14ac:dyDescent="0.3">
      <c r="A920" s="11">
        <v>13323991</v>
      </c>
      <c r="B920" s="11">
        <v>4527229</v>
      </c>
      <c r="C920" s="22" t="str">
        <f t="shared" si="15"/>
        <v>https://support.microsoft.com/kb/4527229</v>
      </c>
      <c r="D920" s="3" t="s">
        <v>1301</v>
      </c>
      <c r="E920" s="3" t="s">
        <v>100</v>
      </c>
      <c r="F920" s="3" t="s">
        <v>108</v>
      </c>
      <c r="G920" s="3" t="s">
        <v>102</v>
      </c>
      <c r="H920" s="3">
        <v>2019</v>
      </c>
      <c r="I920" s="3" t="s">
        <v>103</v>
      </c>
      <c r="J920" s="3" t="s">
        <v>83</v>
      </c>
      <c r="K920" s="14">
        <v>43874</v>
      </c>
      <c r="L920" s="3" t="s">
        <v>539</v>
      </c>
    </row>
    <row r="921" spans="1:12" x14ac:dyDescent="0.3">
      <c r="A921" s="11">
        <v>13323989</v>
      </c>
      <c r="B921" s="11">
        <v>4531010</v>
      </c>
      <c r="C921" s="22" t="str">
        <f t="shared" si="15"/>
        <v>https://support.microsoft.com/kb/4531010</v>
      </c>
      <c r="D921" s="3" t="s">
        <v>1313</v>
      </c>
      <c r="E921" s="3" t="s">
        <v>100</v>
      </c>
      <c r="F921" s="3" t="s">
        <v>113</v>
      </c>
      <c r="G921" s="3" t="s">
        <v>102</v>
      </c>
      <c r="H921" s="3">
        <v>2019</v>
      </c>
      <c r="I921" s="3" t="s">
        <v>103</v>
      </c>
      <c r="J921" s="3" t="s">
        <v>83</v>
      </c>
      <c r="K921" s="14">
        <v>43874</v>
      </c>
      <c r="L921" s="3" t="s">
        <v>539</v>
      </c>
    </row>
    <row r="922" spans="1:12" x14ac:dyDescent="0.3">
      <c r="A922" s="11">
        <v>13323987</v>
      </c>
      <c r="B922" s="11">
        <v>4528250</v>
      </c>
      <c r="C922" s="22" t="str">
        <f t="shared" si="15"/>
        <v>https://support.microsoft.com/kb/4528250</v>
      </c>
      <c r="D922" s="3" t="s">
        <v>1314</v>
      </c>
      <c r="E922" s="3" t="s">
        <v>100</v>
      </c>
      <c r="F922" s="3" t="s">
        <v>233</v>
      </c>
      <c r="G922" s="3" t="s">
        <v>102</v>
      </c>
      <c r="H922" s="3">
        <v>2019</v>
      </c>
      <c r="I922" s="3" t="s">
        <v>103</v>
      </c>
      <c r="J922" s="3" t="s">
        <v>83</v>
      </c>
      <c r="K922" s="14">
        <v>43874</v>
      </c>
      <c r="L922" s="3" t="s">
        <v>539</v>
      </c>
    </row>
    <row r="923" spans="1:12" x14ac:dyDescent="0.3">
      <c r="A923" s="11">
        <v>13323218</v>
      </c>
      <c r="B923" s="11">
        <v>4537751</v>
      </c>
      <c r="C923" s="22" t="str">
        <f t="shared" si="15"/>
        <v>https://support.microsoft.com/kb/4537751</v>
      </c>
      <c r="D923" s="3" t="s">
        <v>1315</v>
      </c>
      <c r="E923" s="3" t="s">
        <v>100</v>
      </c>
      <c r="F923" s="3" t="s">
        <v>139</v>
      </c>
      <c r="G923" s="3" t="s">
        <v>102</v>
      </c>
      <c r="H923" s="3">
        <v>2019</v>
      </c>
      <c r="I923" s="3" t="s">
        <v>103</v>
      </c>
      <c r="J923" s="3" t="s">
        <v>83</v>
      </c>
      <c r="K923" s="14">
        <v>43874</v>
      </c>
      <c r="L923" s="3" t="s">
        <v>539</v>
      </c>
    </row>
    <row r="924" spans="1:12" x14ac:dyDescent="0.3">
      <c r="A924" s="11">
        <v>13322585</v>
      </c>
      <c r="B924" s="11">
        <v>4538159</v>
      </c>
      <c r="C924" s="22" t="str">
        <f t="shared" si="15"/>
        <v>https://support.microsoft.com/kb/4538159</v>
      </c>
      <c r="D924" s="3" t="s">
        <v>1316</v>
      </c>
      <c r="E924" s="3" t="s">
        <v>180</v>
      </c>
      <c r="F924" s="3" t="s">
        <v>180</v>
      </c>
      <c r="G924" s="3" t="s">
        <v>102</v>
      </c>
      <c r="H924" s="3">
        <v>2019</v>
      </c>
      <c r="I924" s="3" t="s">
        <v>103</v>
      </c>
      <c r="J924" s="3" t="s">
        <v>83</v>
      </c>
      <c r="K924" s="14">
        <v>43874</v>
      </c>
      <c r="L924" s="3" t="s">
        <v>539</v>
      </c>
    </row>
    <row r="925" spans="1:12" x14ac:dyDescent="0.3">
      <c r="A925" s="11">
        <v>13317221</v>
      </c>
      <c r="B925" s="11">
        <v>4537749</v>
      </c>
      <c r="C925" s="22" t="str">
        <f t="shared" si="15"/>
        <v>https://support.microsoft.com/kb/4537749</v>
      </c>
      <c r="D925" s="3" t="s">
        <v>1317</v>
      </c>
      <c r="E925" s="3" t="s">
        <v>100</v>
      </c>
      <c r="F925" s="3" t="s">
        <v>139</v>
      </c>
      <c r="G925" s="3" t="s">
        <v>105</v>
      </c>
      <c r="H925" s="3">
        <v>2019</v>
      </c>
      <c r="I925" s="3" t="s">
        <v>103</v>
      </c>
      <c r="J925" s="3" t="s">
        <v>83</v>
      </c>
      <c r="K925" s="14">
        <v>43874</v>
      </c>
      <c r="L925" s="3" t="s">
        <v>539</v>
      </c>
    </row>
    <row r="926" spans="1:12" x14ac:dyDescent="0.3">
      <c r="A926" s="11">
        <v>13314681</v>
      </c>
      <c r="B926" s="11">
        <v>4538495</v>
      </c>
      <c r="C926" s="22" t="str">
        <f t="shared" si="15"/>
        <v>https://support.microsoft.com/kb/4538495</v>
      </c>
      <c r="D926" s="3" t="s">
        <v>1318</v>
      </c>
      <c r="E926" s="3" t="s">
        <v>100</v>
      </c>
      <c r="F926" s="3" t="s">
        <v>110</v>
      </c>
      <c r="G926" s="3" t="s">
        <v>102</v>
      </c>
      <c r="H926" s="3">
        <v>2019</v>
      </c>
      <c r="I926" s="3" t="s">
        <v>103</v>
      </c>
      <c r="J926" s="3" t="s">
        <v>83</v>
      </c>
      <c r="K926" s="14">
        <v>43874</v>
      </c>
      <c r="L926" s="3" t="s">
        <v>539</v>
      </c>
    </row>
    <row r="927" spans="1:12" x14ac:dyDescent="0.3">
      <c r="A927" s="11">
        <v>13314029</v>
      </c>
      <c r="B927" s="11">
        <v>4538017</v>
      </c>
      <c r="C927" s="22" t="str">
        <f t="shared" si="15"/>
        <v>https://support.microsoft.com/kb/4538017</v>
      </c>
      <c r="D927" s="3" t="s">
        <v>1319</v>
      </c>
      <c r="E927" s="3" t="s">
        <v>100</v>
      </c>
      <c r="F927" s="3" t="s">
        <v>165</v>
      </c>
      <c r="G927" s="3" t="s">
        <v>105</v>
      </c>
      <c r="H927" s="3">
        <v>2019</v>
      </c>
      <c r="I927" s="3" t="s">
        <v>103</v>
      </c>
      <c r="J927" s="3" t="s">
        <v>83</v>
      </c>
      <c r="K927" s="14">
        <v>43874</v>
      </c>
      <c r="L927" s="3" t="s">
        <v>539</v>
      </c>
    </row>
    <row r="928" spans="1:12" x14ac:dyDescent="0.3">
      <c r="A928" s="11">
        <v>13309415</v>
      </c>
      <c r="B928" s="11">
        <v>4534249</v>
      </c>
      <c r="C928" s="22" t="str">
        <f t="shared" si="15"/>
        <v>https://support.microsoft.com/kb/4534249</v>
      </c>
      <c r="D928" s="3" t="s">
        <v>1320</v>
      </c>
      <c r="E928" s="3" t="s">
        <v>100</v>
      </c>
      <c r="F928" s="3" t="s">
        <v>101</v>
      </c>
      <c r="G928" s="3" t="s">
        <v>105</v>
      </c>
      <c r="H928" s="3">
        <v>2019</v>
      </c>
      <c r="I928" s="3" t="s">
        <v>103</v>
      </c>
      <c r="J928" s="3" t="s">
        <v>83</v>
      </c>
      <c r="K928" s="14">
        <v>43874</v>
      </c>
      <c r="L928" s="3" t="s">
        <v>539</v>
      </c>
    </row>
    <row r="929" spans="1:12" x14ac:dyDescent="0.3">
      <c r="A929" s="11">
        <v>13303147</v>
      </c>
      <c r="B929" s="11">
        <v>4538581</v>
      </c>
      <c r="C929" s="22" t="str">
        <f t="shared" si="15"/>
        <v>https://support.microsoft.com/kb/4538581</v>
      </c>
      <c r="D929" s="3" t="s">
        <v>703</v>
      </c>
      <c r="E929" s="3" t="s">
        <v>100</v>
      </c>
      <c r="F929" s="3" t="s">
        <v>113</v>
      </c>
      <c r="G929" s="3" t="s">
        <v>102</v>
      </c>
      <c r="H929" s="3">
        <v>2019</v>
      </c>
      <c r="I929" s="3" t="s">
        <v>103</v>
      </c>
      <c r="J929" s="3" t="s">
        <v>83</v>
      </c>
      <c r="K929" s="14">
        <v>43874</v>
      </c>
      <c r="L929" s="3" t="s">
        <v>539</v>
      </c>
    </row>
    <row r="930" spans="1:12" x14ac:dyDescent="0.3">
      <c r="A930" s="11">
        <v>13299424</v>
      </c>
      <c r="B930" s="11">
        <v>4533497</v>
      </c>
      <c r="C930" s="22" t="str">
        <f t="shared" ref="C930:C993" si="16">HYPERLINK("https://support.microsoft.com/kb/"&amp;B930)</f>
        <v>https://support.microsoft.com/kb/4533497</v>
      </c>
      <c r="D930" s="3" t="s">
        <v>1321</v>
      </c>
      <c r="E930" s="3" t="s">
        <v>100</v>
      </c>
      <c r="F930" s="3" t="s">
        <v>125</v>
      </c>
      <c r="G930" s="3" t="s">
        <v>105</v>
      </c>
      <c r="H930" s="3">
        <v>2019</v>
      </c>
      <c r="I930" s="3" t="s">
        <v>103</v>
      </c>
      <c r="J930" s="3" t="s">
        <v>83</v>
      </c>
      <c r="K930" s="14">
        <v>43874</v>
      </c>
      <c r="L930" s="3" t="s">
        <v>539</v>
      </c>
    </row>
    <row r="931" spans="1:12" x14ac:dyDescent="0.3">
      <c r="A931" s="11">
        <v>13299413</v>
      </c>
      <c r="B931" s="11">
        <v>4530097</v>
      </c>
      <c r="C931" s="22" t="str">
        <f t="shared" si="16"/>
        <v>https://support.microsoft.com/kb/4530097</v>
      </c>
      <c r="D931" s="3" t="s">
        <v>1322</v>
      </c>
      <c r="E931" s="3" t="s">
        <v>380</v>
      </c>
      <c r="F931" s="3" t="s">
        <v>380</v>
      </c>
      <c r="G931" s="3" t="s">
        <v>102</v>
      </c>
      <c r="H931" s="3">
        <v>2019</v>
      </c>
      <c r="I931" s="3" t="s">
        <v>103</v>
      </c>
      <c r="J931" s="3" t="s">
        <v>83</v>
      </c>
      <c r="K931" s="14">
        <v>43874</v>
      </c>
      <c r="L931" s="3" t="s">
        <v>539</v>
      </c>
    </row>
    <row r="932" spans="1:12" x14ac:dyDescent="0.3">
      <c r="A932" s="11">
        <v>13294980</v>
      </c>
      <c r="B932" s="11">
        <v>4538377</v>
      </c>
      <c r="C932" s="22" t="str">
        <f t="shared" si="16"/>
        <v>https://support.microsoft.com/kb/4538377</v>
      </c>
      <c r="D932" s="3" t="s">
        <v>1270</v>
      </c>
      <c r="E932" s="3" t="s">
        <v>100</v>
      </c>
      <c r="F932" s="3" t="s">
        <v>214</v>
      </c>
      <c r="G932" s="3" t="s">
        <v>102</v>
      </c>
      <c r="H932" s="3">
        <v>2019</v>
      </c>
      <c r="I932" s="3" t="s">
        <v>103</v>
      </c>
      <c r="J932" s="3" t="s">
        <v>83</v>
      </c>
      <c r="K932" s="14">
        <v>43874</v>
      </c>
      <c r="L932" s="3" t="s">
        <v>539</v>
      </c>
    </row>
    <row r="933" spans="1:12" x14ac:dyDescent="0.3">
      <c r="A933" s="11">
        <v>13281112</v>
      </c>
      <c r="B933" s="11">
        <v>4536075</v>
      </c>
      <c r="C933" s="22" t="str">
        <f t="shared" si="16"/>
        <v>https://support.microsoft.com/kb/4536075</v>
      </c>
      <c r="D933" s="3" t="s">
        <v>1323</v>
      </c>
      <c r="E933" s="3" t="s">
        <v>100</v>
      </c>
      <c r="F933" s="3" t="s">
        <v>145</v>
      </c>
      <c r="G933" s="3" t="s">
        <v>105</v>
      </c>
      <c r="H933" s="3">
        <v>2019</v>
      </c>
      <c r="I933" s="3" t="s">
        <v>103</v>
      </c>
      <c r="J933" s="3" t="s">
        <v>83</v>
      </c>
      <c r="K933" s="14">
        <v>43874</v>
      </c>
      <c r="L933" s="3" t="s">
        <v>539</v>
      </c>
    </row>
    <row r="934" spans="1:12" x14ac:dyDescent="0.3">
      <c r="A934" s="11">
        <v>13277345</v>
      </c>
      <c r="B934" s="11">
        <v>4537868</v>
      </c>
      <c r="C934" s="22" t="str">
        <f t="shared" si="16"/>
        <v>https://support.microsoft.com/kb/4537868</v>
      </c>
      <c r="D934" s="3" t="s">
        <v>1324</v>
      </c>
      <c r="E934" s="3" t="s">
        <v>697</v>
      </c>
      <c r="F934" s="3" t="s">
        <v>777</v>
      </c>
      <c r="G934" s="3" t="s">
        <v>102</v>
      </c>
      <c r="H934" s="3">
        <v>2019</v>
      </c>
      <c r="I934" s="3" t="s">
        <v>103</v>
      </c>
      <c r="J934" s="3" t="s">
        <v>83</v>
      </c>
      <c r="K934" s="14">
        <v>43874</v>
      </c>
      <c r="L934" s="3" t="s">
        <v>539</v>
      </c>
    </row>
    <row r="935" spans="1:12" x14ac:dyDescent="0.3">
      <c r="A935" s="11">
        <v>13262847</v>
      </c>
      <c r="B935" s="11">
        <v>4531232</v>
      </c>
      <c r="C935" s="22" t="str">
        <f t="shared" si="16"/>
        <v>https://support.microsoft.com/kb/4531232</v>
      </c>
      <c r="D935" s="3" t="s">
        <v>1325</v>
      </c>
      <c r="E935" s="3" t="s">
        <v>100</v>
      </c>
      <c r="F935" s="3" t="s">
        <v>579</v>
      </c>
      <c r="G935" s="3" t="s">
        <v>116</v>
      </c>
      <c r="H935" s="3">
        <v>2019</v>
      </c>
      <c r="I935" s="3" t="s">
        <v>103</v>
      </c>
      <c r="J935" s="3" t="s">
        <v>83</v>
      </c>
      <c r="K935" s="14">
        <v>43874</v>
      </c>
      <c r="L935" s="3" t="s">
        <v>539</v>
      </c>
    </row>
    <row r="936" spans="1:12" x14ac:dyDescent="0.3">
      <c r="A936" s="11">
        <v>13262799</v>
      </c>
      <c r="B936" s="11">
        <v>4538112</v>
      </c>
      <c r="C936" s="22" t="str">
        <f t="shared" si="16"/>
        <v>https://support.microsoft.com/kb/4538112</v>
      </c>
      <c r="D936" s="3" t="s">
        <v>1326</v>
      </c>
      <c r="E936" s="3" t="s">
        <v>100</v>
      </c>
      <c r="F936" s="3" t="s">
        <v>687</v>
      </c>
      <c r="G936" s="3" t="s">
        <v>116</v>
      </c>
      <c r="H936" s="3">
        <v>2019</v>
      </c>
      <c r="I936" s="3" t="s">
        <v>103</v>
      </c>
      <c r="J936" s="3" t="s">
        <v>83</v>
      </c>
      <c r="K936" s="14">
        <v>43874</v>
      </c>
      <c r="L936" s="3" t="s">
        <v>539</v>
      </c>
    </row>
    <row r="937" spans="1:12" x14ac:dyDescent="0.3">
      <c r="A937" s="11">
        <v>13262635</v>
      </c>
      <c r="B937" s="11">
        <v>4531384</v>
      </c>
      <c r="C937" s="22" t="str">
        <f t="shared" si="16"/>
        <v>https://support.microsoft.com/kb/4531384</v>
      </c>
      <c r="D937" s="3" t="s">
        <v>1327</v>
      </c>
      <c r="E937" s="3" t="s">
        <v>100</v>
      </c>
      <c r="F937" s="3" t="s">
        <v>110</v>
      </c>
      <c r="G937" s="3" t="s">
        <v>105</v>
      </c>
      <c r="H937" s="3">
        <v>2019</v>
      </c>
      <c r="I937" s="3" t="s">
        <v>103</v>
      </c>
      <c r="J937" s="3" t="s">
        <v>83</v>
      </c>
      <c r="K937" s="14">
        <v>43874</v>
      </c>
      <c r="L937" s="3" t="s">
        <v>539</v>
      </c>
    </row>
    <row r="938" spans="1:12" x14ac:dyDescent="0.3">
      <c r="A938" s="11">
        <v>13262515</v>
      </c>
      <c r="B938" s="11">
        <v>4534148</v>
      </c>
      <c r="C938" s="22" t="str">
        <f t="shared" si="16"/>
        <v>https://support.microsoft.com/kb/4534148</v>
      </c>
      <c r="D938" s="3" t="s">
        <v>1328</v>
      </c>
      <c r="E938" s="3" t="s">
        <v>100</v>
      </c>
      <c r="F938" s="3" t="s">
        <v>579</v>
      </c>
      <c r="G938" s="3" t="s">
        <v>105</v>
      </c>
      <c r="H938" s="3">
        <v>2019</v>
      </c>
      <c r="I938" s="3" t="s">
        <v>103</v>
      </c>
      <c r="J938" s="3" t="s">
        <v>83</v>
      </c>
      <c r="K938" s="14">
        <v>43874</v>
      </c>
      <c r="L938" s="3" t="s">
        <v>539</v>
      </c>
    </row>
    <row r="939" spans="1:12" x14ac:dyDescent="0.3">
      <c r="A939" s="11">
        <v>13257853</v>
      </c>
      <c r="B939" s="11">
        <v>4531736</v>
      </c>
      <c r="C939" s="22" t="str">
        <f t="shared" si="16"/>
        <v>https://support.microsoft.com/kb/4531736</v>
      </c>
      <c r="D939" s="3" t="s">
        <v>1329</v>
      </c>
      <c r="E939" s="3" t="s">
        <v>107</v>
      </c>
      <c r="F939" s="3" t="s">
        <v>199</v>
      </c>
      <c r="G939" s="3" t="s">
        <v>102</v>
      </c>
      <c r="H939" s="3">
        <v>2019</v>
      </c>
      <c r="I939" s="3" t="s">
        <v>103</v>
      </c>
      <c r="J939" s="3" t="s">
        <v>83</v>
      </c>
      <c r="K939" s="14">
        <v>43874</v>
      </c>
      <c r="L939" s="3" t="s">
        <v>539</v>
      </c>
    </row>
    <row r="940" spans="1:12" x14ac:dyDescent="0.3">
      <c r="A940" s="11">
        <v>13252064</v>
      </c>
      <c r="B940" s="11">
        <v>4538595</v>
      </c>
      <c r="C940" s="22" t="str">
        <f t="shared" si="16"/>
        <v>https://support.microsoft.com/kb/4538595</v>
      </c>
      <c r="D940" s="3" t="s">
        <v>1330</v>
      </c>
      <c r="E940" s="3" t="s">
        <v>100</v>
      </c>
      <c r="F940" s="3" t="s">
        <v>125</v>
      </c>
      <c r="G940" s="3" t="s">
        <v>105</v>
      </c>
      <c r="H940" s="3">
        <v>2019</v>
      </c>
      <c r="I940" s="3" t="s">
        <v>103</v>
      </c>
      <c r="J940" s="3" t="s">
        <v>83</v>
      </c>
      <c r="K940" s="14">
        <v>43874</v>
      </c>
      <c r="L940" s="3" t="s">
        <v>539</v>
      </c>
    </row>
    <row r="941" spans="1:12" x14ac:dyDescent="0.3">
      <c r="A941" s="11">
        <v>13250169</v>
      </c>
      <c r="B941" s="11">
        <v>4540371</v>
      </c>
      <c r="C941" s="22" t="str">
        <f t="shared" si="16"/>
        <v>https://support.microsoft.com/kb/4540371</v>
      </c>
      <c r="D941" s="3" t="s">
        <v>1331</v>
      </c>
      <c r="E941" s="3" t="s">
        <v>100</v>
      </c>
      <c r="F941" s="3" t="s">
        <v>161</v>
      </c>
      <c r="G941" s="3" t="s">
        <v>102</v>
      </c>
      <c r="H941" s="3">
        <v>2019</v>
      </c>
      <c r="I941" s="3" t="s">
        <v>103</v>
      </c>
      <c r="J941" s="3" t="s">
        <v>83</v>
      </c>
      <c r="K941" s="14">
        <v>43874</v>
      </c>
      <c r="L941" s="3" t="s">
        <v>539</v>
      </c>
    </row>
    <row r="942" spans="1:12" x14ac:dyDescent="0.3">
      <c r="A942" s="11">
        <v>13234378</v>
      </c>
      <c r="B942" s="11">
        <v>4538759</v>
      </c>
      <c r="C942" s="22" t="str">
        <f t="shared" si="16"/>
        <v>https://support.microsoft.com/kb/4538759</v>
      </c>
      <c r="D942" s="3" t="s">
        <v>1332</v>
      </c>
      <c r="E942" s="3" t="s">
        <v>100</v>
      </c>
      <c r="F942" s="3" t="s">
        <v>116</v>
      </c>
      <c r="G942" s="3" t="s">
        <v>116</v>
      </c>
      <c r="H942" s="3">
        <v>2019</v>
      </c>
      <c r="I942" s="3" t="s">
        <v>103</v>
      </c>
      <c r="J942" s="3" t="s">
        <v>83</v>
      </c>
      <c r="K942" s="14">
        <v>43874</v>
      </c>
      <c r="L942" s="3" t="s">
        <v>539</v>
      </c>
    </row>
    <row r="943" spans="1:12" x14ac:dyDescent="0.3">
      <c r="A943" s="11">
        <v>13200686</v>
      </c>
      <c r="B943" s="11">
        <v>4523102</v>
      </c>
      <c r="C943" s="22" t="str">
        <f t="shared" si="16"/>
        <v>https://support.microsoft.com/kb/4523102</v>
      </c>
      <c r="D943" s="3" t="s">
        <v>1333</v>
      </c>
      <c r="E943" s="3" t="s">
        <v>100</v>
      </c>
      <c r="F943" s="3" t="s">
        <v>123</v>
      </c>
      <c r="G943" s="3" t="s">
        <v>102</v>
      </c>
      <c r="H943" s="3">
        <v>2019</v>
      </c>
      <c r="I943" s="3" t="s">
        <v>103</v>
      </c>
      <c r="J943" s="3" t="s">
        <v>83</v>
      </c>
      <c r="K943" s="14">
        <v>43874</v>
      </c>
      <c r="L943" s="3" t="s">
        <v>539</v>
      </c>
    </row>
    <row r="944" spans="1:12" x14ac:dyDescent="0.3">
      <c r="A944" s="11">
        <v>13294167</v>
      </c>
      <c r="B944" s="11">
        <v>4533251</v>
      </c>
      <c r="C944" s="22" t="str">
        <f t="shared" si="16"/>
        <v>https://support.microsoft.com/kb/4533251</v>
      </c>
      <c r="D944" s="3" t="s">
        <v>1334</v>
      </c>
      <c r="E944" s="3" t="s">
        <v>100</v>
      </c>
      <c r="F944" s="3" t="s">
        <v>101</v>
      </c>
      <c r="G944" s="3" t="s">
        <v>102</v>
      </c>
      <c r="H944" s="3">
        <v>2019</v>
      </c>
      <c r="I944" s="3" t="s">
        <v>103</v>
      </c>
      <c r="J944" s="3" t="s">
        <v>86</v>
      </c>
      <c r="K944" s="14">
        <v>43837</v>
      </c>
      <c r="L944" s="3" t="s">
        <v>540</v>
      </c>
    </row>
    <row r="945" spans="1:12" x14ac:dyDescent="0.3">
      <c r="A945" s="11">
        <v>13268527</v>
      </c>
      <c r="B945" s="11">
        <v>4531349</v>
      </c>
      <c r="C945" s="22" t="str">
        <f t="shared" si="16"/>
        <v>https://support.microsoft.com/kb/4531349</v>
      </c>
      <c r="D945" s="3" t="s">
        <v>1335</v>
      </c>
      <c r="E945" s="3" t="s">
        <v>100</v>
      </c>
      <c r="F945" s="3" t="s">
        <v>1152</v>
      </c>
      <c r="G945" s="3" t="s">
        <v>116</v>
      </c>
      <c r="H945" s="3">
        <v>2019</v>
      </c>
      <c r="I945" s="3" t="s">
        <v>103</v>
      </c>
      <c r="J945" s="3" t="s">
        <v>86</v>
      </c>
      <c r="K945" s="14">
        <v>43837</v>
      </c>
      <c r="L945" s="3" t="s">
        <v>540</v>
      </c>
    </row>
    <row r="946" spans="1:12" x14ac:dyDescent="0.3">
      <c r="A946" s="11">
        <v>13268501</v>
      </c>
      <c r="B946" s="11">
        <v>4531238</v>
      </c>
      <c r="C946" s="22" t="str">
        <f t="shared" si="16"/>
        <v>https://support.microsoft.com/kb/4531238</v>
      </c>
      <c r="D946" s="3" t="s">
        <v>1336</v>
      </c>
      <c r="E946" s="3" t="s">
        <v>100</v>
      </c>
      <c r="F946" s="3" t="s">
        <v>165</v>
      </c>
      <c r="G946" s="3" t="s">
        <v>105</v>
      </c>
      <c r="H946" s="3">
        <v>2019</v>
      </c>
      <c r="I946" s="3" t="s">
        <v>103</v>
      </c>
      <c r="J946" s="3" t="s">
        <v>86</v>
      </c>
      <c r="K946" s="14">
        <v>43837</v>
      </c>
      <c r="L946" s="3" t="s">
        <v>540</v>
      </c>
    </row>
    <row r="947" spans="1:12" x14ac:dyDescent="0.3">
      <c r="A947" s="11">
        <v>13265941</v>
      </c>
      <c r="B947" s="11">
        <v>4531025</v>
      </c>
      <c r="C947" s="22" t="str">
        <f t="shared" si="16"/>
        <v>https://support.microsoft.com/kb/4531025</v>
      </c>
      <c r="D947" s="3" t="s">
        <v>1337</v>
      </c>
      <c r="E947" s="3" t="s">
        <v>100</v>
      </c>
      <c r="F947" s="3" t="s">
        <v>579</v>
      </c>
      <c r="G947" s="3" t="s">
        <v>116</v>
      </c>
      <c r="H947" s="3">
        <v>2019</v>
      </c>
      <c r="I947" s="3" t="s">
        <v>103</v>
      </c>
      <c r="J947" s="3" t="s">
        <v>86</v>
      </c>
      <c r="K947" s="14">
        <v>43837</v>
      </c>
      <c r="L947" s="3" t="s">
        <v>540</v>
      </c>
    </row>
    <row r="948" spans="1:12" x14ac:dyDescent="0.3">
      <c r="A948" s="11">
        <v>13265940</v>
      </c>
      <c r="B948" s="11">
        <v>4531226</v>
      </c>
      <c r="C948" s="22" t="str">
        <f t="shared" si="16"/>
        <v>https://support.microsoft.com/kb/4531226</v>
      </c>
      <c r="D948" s="3" t="s">
        <v>1338</v>
      </c>
      <c r="E948" s="3" t="s">
        <v>100</v>
      </c>
      <c r="F948" s="3" t="s">
        <v>1152</v>
      </c>
      <c r="G948" s="3" t="s">
        <v>116</v>
      </c>
      <c r="H948" s="3">
        <v>2019</v>
      </c>
      <c r="I948" s="3" t="s">
        <v>103</v>
      </c>
      <c r="J948" s="3" t="s">
        <v>86</v>
      </c>
      <c r="K948" s="14">
        <v>43837</v>
      </c>
      <c r="L948" s="3" t="s">
        <v>540</v>
      </c>
    </row>
    <row r="949" spans="1:12" x14ac:dyDescent="0.3">
      <c r="A949" s="11">
        <v>13264231</v>
      </c>
      <c r="B949" s="11">
        <v>4531125</v>
      </c>
      <c r="C949" s="22" t="str">
        <f t="shared" si="16"/>
        <v>https://support.microsoft.com/kb/4531125</v>
      </c>
      <c r="D949" s="3" t="s">
        <v>1339</v>
      </c>
      <c r="E949" s="3" t="s">
        <v>100</v>
      </c>
      <c r="F949" s="3" t="s">
        <v>139</v>
      </c>
      <c r="G949" s="3" t="s">
        <v>105</v>
      </c>
      <c r="H949" s="3">
        <v>2019</v>
      </c>
      <c r="I949" s="3" t="s">
        <v>103</v>
      </c>
      <c r="J949" s="3" t="s">
        <v>86</v>
      </c>
      <c r="K949" s="14">
        <v>43837</v>
      </c>
      <c r="L949" s="3" t="s">
        <v>540</v>
      </c>
    </row>
    <row r="950" spans="1:12" x14ac:dyDescent="0.3">
      <c r="A950" s="11">
        <v>13264113</v>
      </c>
      <c r="B950" s="11">
        <v>4530251</v>
      </c>
      <c r="C950" s="22" t="str">
        <f t="shared" si="16"/>
        <v>https://support.microsoft.com/kb/4530251</v>
      </c>
      <c r="D950" s="3" t="s">
        <v>1309</v>
      </c>
      <c r="E950" s="3" t="s">
        <v>100</v>
      </c>
      <c r="F950" s="3" t="s">
        <v>127</v>
      </c>
      <c r="G950" s="3" t="s">
        <v>102</v>
      </c>
      <c r="H950" s="3">
        <v>2019</v>
      </c>
      <c r="I950" s="3" t="s">
        <v>103</v>
      </c>
      <c r="J950" s="3" t="s">
        <v>86</v>
      </c>
      <c r="K950" s="14">
        <v>43837</v>
      </c>
      <c r="L950" s="3" t="s">
        <v>540</v>
      </c>
    </row>
    <row r="951" spans="1:12" x14ac:dyDescent="0.3">
      <c r="A951" s="11">
        <v>13263004</v>
      </c>
      <c r="B951" s="11">
        <v>4531029</v>
      </c>
      <c r="C951" s="22" t="str">
        <f t="shared" si="16"/>
        <v>https://support.microsoft.com/kb/4531029</v>
      </c>
      <c r="D951" s="3" t="s">
        <v>1340</v>
      </c>
      <c r="E951" s="3" t="s">
        <v>100</v>
      </c>
      <c r="F951" s="3" t="s">
        <v>1152</v>
      </c>
      <c r="G951" s="3" t="s">
        <v>105</v>
      </c>
      <c r="H951" s="3">
        <v>2019</v>
      </c>
      <c r="I951" s="3" t="s">
        <v>103</v>
      </c>
      <c r="J951" s="3" t="s">
        <v>86</v>
      </c>
      <c r="K951" s="14">
        <v>43837</v>
      </c>
      <c r="L951" s="3" t="s">
        <v>540</v>
      </c>
    </row>
    <row r="952" spans="1:12" x14ac:dyDescent="0.3">
      <c r="A952" s="11">
        <v>13262868</v>
      </c>
      <c r="B952" s="11">
        <v>4531026</v>
      </c>
      <c r="C952" s="22" t="str">
        <f t="shared" si="16"/>
        <v>https://support.microsoft.com/kb/4531026</v>
      </c>
      <c r="D952" s="3" t="s">
        <v>1341</v>
      </c>
      <c r="E952" s="3" t="s">
        <v>100</v>
      </c>
      <c r="F952" s="3" t="s">
        <v>1152</v>
      </c>
      <c r="G952" s="3" t="s">
        <v>116</v>
      </c>
      <c r="H952" s="3">
        <v>2019</v>
      </c>
      <c r="I952" s="3" t="s">
        <v>103</v>
      </c>
      <c r="J952" s="3" t="s">
        <v>86</v>
      </c>
      <c r="K952" s="14">
        <v>43837</v>
      </c>
      <c r="L952" s="3" t="s">
        <v>540</v>
      </c>
    </row>
    <row r="953" spans="1:12" x14ac:dyDescent="0.3">
      <c r="A953" s="11">
        <v>13262848</v>
      </c>
      <c r="B953" s="11">
        <v>4531225</v>
      </c>
      <c r="C953" s="22" t="str">
        <f t="shared" si="16"/>
        <v>https://support.microsoft.com/kb/4531225</v>
      </c>
      <c r="D953" s="3" t="s">
        <v>1342</v>
      </c>
      <c r="E953" s="3" t="s">
        <v>100</v>
      </c>
      <c r="F953" s="3" t="s">
        <v>579</v>
      </c>
      <c r="G953" s="3" t="s">
        <v>105</v>
      </c>
      <c r="H953" s="3">
        <v>2019</v>
      </c>
      <c r="I953" s="3" t="s">
        <v>103</v>
      </c>
      <c r="J953" s="3" t="s">
        <v>86</v>
      </c>
      <c r="K953" s="14">
        <v>43837</v>
      </c>
      <c r="L953" s="3" t="s">
        <v>540</v>
      </c>
    </row>
    <row r="954" spans="1:12" x14ac:dyDescent="0.3">
      <c r="A954" s="11">
        <v>13262844</v>
      </c>
      <c r="B954" s="11">
        <v>4531224</v>
      </c>
      <c r="C954" s="22" t="str">
        <f t="shared" si="16"/>
        <v>https://support.microsoft.com/kb/4531224</v>
      </c>
      <c r="D954" s="3" t="s">
        <v>1343</v>
      </c>
      <c r="E954" s="3" t="s">
        <v>100</v>
      </c>
      <c r="F954" s="3" t="s">
        <v>579</v>
      </c>
      <c r="G954" s="3" t="s">
        <v>105</v>
      </c>
      <c r="H954" s="3">
        <v>2019</v>
      </c>
      <c r="I954" s="3" t="s">
        <v>103</v>
      </c>
      <c r="J954" s="3" t="s">
        <v>86</v>
      </c>
      <c r="K954" s="14">
        <v>43837</v>
      </c>
      <c r="L954" s="3" t="s">
        <v>540</v>
      </c>
    </row>
    <row r="955" spans="1:12" x14ac:dyDescent="0.3">
      <c r="A955" s="11">
        <v>13262616</v>
      </c>
      <c r="B955" s="11">
        <v>4530769</v>
      </c>
      <c r="C955" s="22" t="str">
        <f t="shared" si="16"/>
        <v>https://support.microsoft.com/kb/4530769</v>
      </c>
      <c r="D955" s="3" t="s">
        <v>1344</v>
      </c>
      <c r="E955" s="3" t="s">
        <v>100</v>
      </c>
      <c r="F955" s="3" t="s">
        <v>1152</v>
      </c>
      <c r="G955" s="3" t="s">
        <v>105</v>
      </c>
      <c r="H955" s="3">
        <v>2019</v>
      </c>
      <c r="I955" s="3" t="s">
        <v>103</v>
      </c>
      <c r="J955" s="3" t="s">
        <v>86</v>
      </c>
      <c r="K955" s="14">
        <v>43837</v>
      </c>
      <c r="L955" s="3" t="s">
        <v>540</v>
      </c>
    </row>
    <row r="956" spans="1:12" x14ac:dyDescent="0.3">
      <c r="A956" s="11">
        <v>13262614</v>
      </c>
      <c r="B956" s="11">
        <v>4530499</v>
      </c>
      <c r="C956" s="22" t="str">
        <f t="shared" si="16"/>
        <v>https://support.microsoft.com/kb/4530499</v>
      </c>
      <c r="D956" s="3" t="s">
        <v>1345</v>
      </c>
      <c r="E956" s="3" t="s">
        <v>100</v>
      </c>
      <c r="F956" s="3" t="s">
        <v>579</v>
      </c>
      <c r="G956" s="3" t="s">
        <v>105</v>
      </c>
      <c r="H956" s="3">
        <v>2019</v>
      </c>
      <c r="I956" s="3" t="s">
        <v>103</v>
      </c>
      <c r="J956" s="3" t="s">
        <v>86</v>
      </c>
      <c r="K956" s="14">
        <v>43837</v>
      </c>
      <c r="L956" s="3" t="s">
        <v>540</v>
      </c>
    </row>
    <row r="957" spans="1:12" x14ac:dyDescent="0.3">
      <c r="A957" s="11">
        <v>13262593</v>
      </c>
      <c r="B957" s="11">
        <v>4530496</v>
      </c>
      <c r="C957" s="22" t="str">
        <f t="shared" si="16"/>
        <v>https://support.microsoft.com/kb/4530496</v>
      </c>
      <c r="D957" s="3" t="s">
        <v>1346</v>
      </c>
      <c r="E957" s="3" t="s">
        <v>100</v>
      </c>
      <c r="F957" s="3" t="s">
        <v>1152</v>
      </c>
      <c r="G957" s="3" t="s">
        <v>105</v>
      </c>
      <c r="H957" s="3">
        <v>2019</v>
      </c>
      <c r="I957" s="3" t="s">
        <v>103</v>
      </c>
      <c r="J957" s="3" t="s">
        <v>86</v>
      </c>
      <c r="K957" s="14">
        <v>43837</v>
      </c>
      <c r="L957" s="3" t="s">
        <v>540</v>
      </c>
    </row>
    <row r="958" spans="1:12" x14ac:dyDescent="0.3">
      <c r="A958" s="11">
        <v>13262555</v>
      </c>
      <c r="B958" s="11">
        <v>4530907</v>
      </c>
      <c r="C958" s="22" t="str">
        <f t="shared" si="16"/>
        <v>https://support.microsoft.com/kb/4530907</v>
      </c>
      <c r="D958" s="3" t="s">
        <v>1347</v>
      </c>
      <c r="E958" s="3" t="s">
        <v>100</v>
      </c>
      <c r="F958" s="3" t="s">
        <v>113</v>
      </c>
      <c r="G958" s="3" t="s">
        <v>105</v>
      </c>
      <c r="H958" s="3">
        <v>2019</v>
      </c>
      <c r="I958" s="3" t="s">
        <v>103</v>
      </c>
      <c r="J958" s="3" t="s">
        <v>86</v>
      </c>
      <c r="K958" s="14">
        <v>43837</v>
      </c>
      <c r="L958" s="3" t="s">
        <v>540</v>
      </c>
    </row>
    <row r="959" spans="1:12" x14ac:dyDescent="0.3">
      <c r="A959" s="11">
        <v>13262517</v>
      </c>
      <c r="B959" s="11">
        <v>4531049</v>
      </c>
      <c r="C959" s="22" t="str">
        <f t="shared" si="16"/>
        <v>https://support.microsoft.com/kb/4531049</v>
      </c>
      <c r="D959" s="3" t="s">
        <v>1348</v>
      </c>
      <c r="E959" s="3" t="s">
        <v>100</v>
      </c>
      <c r="F959" s="3" t="s">
        <v>110</v>
      </c>
      <c r="G959" s="3" t="s">
        <v>105</v>
      </c>
      <c r="H959" s="3">
        <v>2019</v>
      </c>
      <c r="I959" s="3" t="s">
        <v>103</v>
      </c>
      <c r="J959" s="3" t="s">
        <v>86</v>
      </c>
      <c r="K959" s="14">
        <v>43837</v>
      </c>
      <c r="L959" s="3" t="s">
        <v>540</v>
      </c>
    </row>
    <row r="960" spans="1:12" x14ac:dyDescent="0.3">
      <c r="A960" s="11">
        <v>13262374</v>
      </c>
      <c r="B960" s="11">
        <v>4530500</v>
      </c>
      <c r="C960" s="22" t="str">
        <f t="shared" si="16"/>
        <v>https://support.microsoft.com/kb/4530500</v>
      </c>
      <c r="D960" s="3" t="s">
        <v>1349</v>
      </c>
      <c r="E960" s="3" t="s">
        <v>100</v>
      </c>
      <c r="F960" s="3" t="s">
        <v>165</v>
      </c>
      <c r="G960" s="3" t="s">
        <v>102</v>
      </c>
      <c r="H960" s="3">
        <v>2019</v>
      </c>
      <c r="I960" s="3" t="s">
        <v>103</v>
      </c>
      <c r="J960" s="3" t="s">
        <v>86</v>
      </c>
      <c r="K960" s="14">
        <v>43837</v>
      </c>
      <c r="L960" s="3" t="s">
        <v>540</v>
      </c>
    </row>
    <row r="961" spans="1:12" x14ac:dyDescent="0.3">
      <c r="A961" s="11">
        <v>13261241</v>
      </c>
      <c r="B961" s="11">
        <v>4530468</v>
      </c>
      <c r="C961" s="22" t="str">
        <f t="shared" si="16"/>
        <v>https://support.microsoft.com/kb/4530468</v>
      </c>
      <c r="D961" s="3" t="s">
        <v>1350</v>
      </c>
      <c r="E961" s="3" t="s">
        <v>100</v>
      </c>
      <c r="F961" s="3" t="s">
        <v>125</v>
      </c>
      <c r="G961" s="3" t="s">
        <v>116</v>
      </c>
      <c r="H961" s="3">
        <v>2019</v>
      </c>
      <c r="I961" s="3" t="s">
        <v>103</v>
      </c>
      <c r="J961" s="3" t="s">
        <v>86</v>
      </c>
      <c r="K961" s="14">
        <v>43837</v>
      </c>
      <c r="L961" s="3" t="s">
        <v>540</v>
      </c>
    </row>
    <row r="962" spans="1:12" x14ac:dyDescent="0.3">
      <c r="A962" s="11">
        <v>13259822</v>
      </c>
      <c r="B962" s="11">
        <v>4530427</v>
      </c>
      <c r="C962" s="22" t="str">
        <f t="shared" si="16"/>
        <v>https://support.microsoft.com/kb/4530427</v>
      </c>
      <c r="D962" s="3" t="s">
        <v>1351</v>
      </c>
      <c r="E962" s="3" t="s">
        <v>100</v>
      </c>
      <c r="F962" s="3" t="s">
        <v>137</v>
      </c>
      <c r="G962" s="3" t="s">
        <v>102</v>
      </c>
      <c r="H962" s="3">
        <v>2019</v>
      </c>
      <c r="I962" s="3" t="s">
        <v>103</v>
      </c>
      <c r="J962" s="3" t="s">
        <v>86</v>
      </c>
      <c r="K962" s="14">
        <v>43837</v>
      </c>
      <c r="L962" s="3" t="s">
        <v>540</v>
      </c>
    </row>
    <row r="963" spans="1:12" x14ac:dyDescent="0.3">
      <c r="A963" s="11">
        <v>13256585</v>
      </c>
      <c r="B963" s="11">
        <v>4530283</v>
      </c>
      <c r="C963" s="22" t="str">
        <f t="shared" si="16"/>
        <v>https://support.microsoft.com/kb/4530283</v>
      </c>
      <c r="D963" s="3" t="s">
        <v>1352</v>
      </c>
      <c r="E963" s="3" t="s">
        <v>100</v>
      </c>
      <c r="F963" s="3" t="s">
        <v>120</v>
      </c>
      <c r="G963" s="3" t="s">
        <v>102</v>
      </c>
      <c r="H963" s="3">
        <v>2019</v>
      </c>
      <c r="I963" s="3" t="s">
        <v>103</v>
      </c>
      <c r="J963" s="3" t="s">
        <v>86</v>
      </c>
      <c r="K963" s="14">
        <v>43837</v>
      </c>
      <c r="L963" s="3" t="s">
        <v>540</v>
      </c>
    </row>
    <row r="964" spans="1:12" x14ac:dyDescent="0.3">
      <c r="A964" s="11">
        <v>13255812</v>
      </c>
      <c r="B964" s="11">
        <v>4530302</v>
      </c>
      <c r="C964" s="22" t="str">
        <f t="shared" si="16"/>
        <v>https://support.microsoft.com/kb/4530302</v>
      </c>
      <c r="D964" s="3" t="s">
        <v>1353</v>
      </c>
      <c r="E964" s="3" t="s">
        <v>100</v>
      </c>
      <c r="F964" s="3" t="s">
        <v>137</v>
      </c>
      <c r="G964" s="3" t="s">
        <v>105</v>
      </c>
      <c r="H964" s="3">
        <v>2019</v>
      </c>
      <c r="I964" s="3" t="s">
        <v>103</v>
      </c>
      <c r="J964" s="3" t="s">
        <v>86</v>
      </c>
      <c r="K964" s="14">
        <v>43837</v>
      </c>
      <c r="L964" s="3" t="s">
        <v>540</v>
      </c>
    </row>
    <row r="965" spans="1:12" x14ac:dyDescent="0.3">
      <c r="A965" s="11">
        <v>13255810</v>
      </c>
      <c r="B965" s="11">
        <v>4529944</v>
      </c>
      <c r="C965" s="22" t="str">
        <f t="shared" si="16"/>
        <v>https://support.microsoft.com/kb/4529944</v>
      </c>
      <c r="D965" s="3" t="s">
        <v>1354</v>
      </c>
      <c r="E965" s="3" t="s">
        <v>100</v>
      </c>
      <c r="F965" s="3" t="s">
        <v>125</v>
      </c>
      <c r="G965" s="3" t="s">
        <v>102</v>
      </c>
      <c r="H965" s="3">
        <v>2019</v>
      </c>
      <c r="I965" s="3" t="s">
        <v>103</v>
      </c>
      <c r="J965" s="3" t="s">
        <v>86</v>
      </c>
      <c r="K965" s="14">
        <v>43837</v>
      </c>
      <c r="L965" s="3" t="s">
        <v>540</v>
      </c>
    </row>
    <row r="966" spans="1:12" x14ac:dyDescent="0.3">
      <c r="A966" s="11">
        <v>13254405</v>
      </c>
      <c r="B966" s="11">
        <v>4530814</v>
      </c>
      <c r="C966" s="22" t="str">
        <f t="shared" si="16"/>
        <v>https://support.microsoft.com/kb/4530814</v>
      </c>
      <c r="D966" s="3" t="s">
        <v>1355</v>
      </c>
      <c r="E966" s="3" t="s">
        <v>100</v>
      </c>
      <c r="F966" s="3" t="s">
        <v>137</v>
      </c>
      <c r="G966" s="3" t="s">
        <v>102</v>
      </c>
      <c r="H966" s="3">
        <v>2019</v>
      </c>
      <c r="I966" s="3" t="s">
        <v>103</v>
      </c>
      <c r="J966" s="3" t="s">
        <v>86</v>
      </c>
      <c r="K966" s="14">
        <v>43837</v>
      </c>
      <c r="L966" s="3" t="s">
        <v>540</v>
      </c>
    </row>
    <row r="967" spans="1:12" x14ac:dyDescent="0.3">
      <c r="A967" s="11">
        <v>13254399</v>
      </c>
      <c r="B967" s="11">
        <v>4530303</v>
      </c>
      <c r="C967" s="22" t="str">
        <f t="shared" si="16"/>
        <v>https://support.microsoft.com/kb/4530303</v>
      </c>
      <c r="D967" s="3" t="s">
        <v>1356</v>
      </c>
      <c r="E967" s="3" t="s">
        <v>100</v>
      </c>
      <c r="F967" s="3" t="s">
        <v>137</v>
      </c>
      <c r="G967" s="3" t="s">
        <v>105</v>
      </c>
      <c r="H967" s="3">
        <v>2019</v>
      </c>
      <c r="I967" s="3" t="s">
        <v>103</v>
      </c>
      <c r="J967" s="3" t="s">
        <v>86</v>
      </c>
      <c r="K967" s="14">
        <v>43837</v>
      </c>
      <c r="L967" s="3" t="s">
        <v>540</v>
      </c>
    </row>
    <row r="968" spans="1:12" x14ac:dyDescent="0.3">
      <c r="A968" s="11">
        <v>13254394</v>
      </c>
      <c r="B968" s="11">
        <v>4530080</v>
      </c>
      <c r="C968" s="22" t="str">
        <f t="shared" si="16"/>
        <v>https://support.microsoft.com/kb/4530080</v>
      </c>
      <c r="D968" s="3" t="s">
        <v>1357</v>
      </c>
      <c r="E968" s="3" t="s">
        <v>100</v>
      </c>
      <c r="F968" s="3" t="s">
        <v>137</v>
      </c>
      <c r="G968" s="3" t="s">
        <v>102</v>
      </c>
      <c r="H968" s="3">
        <v>2019</v>
      </c>
      <c r="I968" s="3" t="s">
        <v>103</v>
      </c>
      <c r="J968" s="3" t="s">
        <v>86</v>
      </c>
      <c r="K968" s="14">
        <v>43837</v>
      </c>
      <c r="L968" s="3" t="s">
        <v>540</v>
      </c>
    </row>
    <row r="969" spans="1:12" x14ac:dyDescent="0.3">
      <c r="A969" s="11">
        <v>13254388</v>
      </c>
      <c r="B969" s="11">
        <v>4530287</v>
      </c>
      <c r="C969" s="22" t="str">
        <f t="shared" si="16"/>
        <v>https://support.microsoft.com/kb/4530287</v>
      </c>
      <c r="D969" s="3" t="s">
        <v>1358</v>
      </c>
      <c r="E969" s="3" t="s">
        <v>100</v>
      </c>
      <c r="F969" s="3" t="s">
        <v>137</v>
      </c>
      <c r="G969" s="3" t="s">
        <v>102</v>
      </c>
      <c r="H969" s="3">
        <v>2019</v>
      </c>
      <c r="I969" s="3" t="s">
        <v>103</v>
      </c>
      <c r="J969" s="3" t="s">
        <v>86</v>
      </c>
      <c r="K969" s="14">
        <v>43837</v>
      </c>
      <c r="L969" s="3" t="s">
        <v>540</v>
      </c>
    </row>
    <row r="970" spans="1:12" x14ac:dyDescent="0.3">
      <c r="A970" s="11">
        <v>13254382</v>
      </c>
      <c r="B970" s="11">
        <v>4530079</v>
      </c>
      <c r="C970" s="22" t="str">
        <f t="shared" si="16"/>
        <v>https://support.microsoft.com/kb/4530079</v>
      </c>
      <c r="D970" s="3" t="s">
        <v>1359</v>
      </c>
      <c r="E970" s="3" t="s">
        <v>100</v>
      </c>
      <c r="F970" s="3" t="s">
        <v>137</v>
      </c>
      <c r="G970" s="3" t="s">
        <v>102</v>
      </c>
      <c r="H970" s="3">
        <v>2019</v>
      </c>
      <c r="I970" s="3" t="s">
        <v>103</v>
      </c>
      <c r="J970" s="3" t="s">
        <v>86</v>
      </c>
      <c r="K970" s="14">
        <v>43837</v>
      </c>
      <c r="L970" s="3" t="s">
        <v>540</v>
      </c>
    </row>
    <row r="971" spans="1:12" x14ac:dyDescent="0.3">
      <c r="A971" s="11">
        <v>13254376</v>
      </c>
      <c r="B971" s="11">
        <v>4530286</v>
      </c>
      <c r="C971" s="22" t="str">
        <f t="shared" si="16"/>
        <v>https://support.microsoft.com/kb/4530286</v>
      </c>
      <c r="D971" s="3" t="s">
        <v>1360</v>
      </c>
      <c r="E971" s="3" t="s">
        <v>100</v>
      </c>
      <c r="F971" s="3" t="s">
        <v>137</v>
      </c>
      <c r="G971" s="3" t="s">
        <v>102</v>
      </c>
      <c r="H971" s="3">
        <v>2019</v>
      </c>
      <c r="I971" s="3" t="s">
        <v>103</v>
      </c>
      <c r="J971" s="3" t="s">
        <v>86</v>
      </c>
      <c r="K971" s="14">
        <v>43837</v>
      </c>
      <c r="L971" s="3" t="s">
        <v>540</v>
      </c>
    </row>
    <row r="972" spans="1:12" x14ac:dyDescent="0.3">
      <c r="A972" s="11">
        <v>13254368</v>
      </c>
      <c r="B972" s="11">
        <v>4530084</v>
      </c>
      <c r="C972" s="22" t="str">
        <f t="shared" si="16"/>
        <v>https://support.microsoft.com/kb/4530084</v>
      </c>
      <c r="D972" s="3" t="s">
        <v>1361</v>
      </c>
      <c r="E972" s="3" t="s">
        <v>100</v>
      </c>
      <c r="F972" s="3" t="s">
        <v>137</v>
      </c>
      <c r="G972" s="3" t="s">
        <v>102</v>
      </c>
      <c r="H972" s="3">
        <v>2019</v>
      </c>
      <c r="I972" s="3" t="s">
        <v>103</v>
      </c>
      <c r="J972" s="3" t="s">
        <v>86</v>
      </c>
      <c r="K972" s="14">
        <v>43837</v>
      </c>
      <c r="L972" s="3" t="s">
        <v>540</v>
      </c>
    </row>
    <row r="973" spans="1:12" x14ac:dyDescent="0.3">
      <c r="A973" s="11">
        <v>13253822</v>
      </c>
      <c r="B973" s="11">
        <v>4527538</v>
      </c>
      <c r="C973" s="22" t="str">
        <f t="shared" si="16"/>
        <v>https://support.microsoft.com/kb/4527538</v>
      </c>
      <c r="D973" s="3" t="s">
        <v>1362</v>
      </c>
      <c r="E973" s="3" t="s">
        <v>100</v>
      </c>
      <c r="F973" s="3" t="s">
        <v>127</v>
      </c>
      <c r="G973" s="3" t="s">
        <v>105</v>
      </c>
      <c r="H973" s="3">
        <v>2019</v>
      </c>
      <c r="I973" s="3" t="s">
        <v>103</v>
      </c>
      <c r="J973" s="3" t="s">
        <v>86</v>
      </c>
      <c r="K973" s="14">
        <v>43837</v>
      </c>
      <c r="L973" s="3" t="s">
        <v>540</v>
      </c>
    </row>
    <row r="974" spans="1:12" x14ac:dyDescent="0.3">
      <c r="A974" s="11">
        <v>13251715</v>
      </c>
      <c r="B974" s="11">
        <v>4529893</v>
      </c>
      <c r="C974" s="22" t="str">
        <f t="shared" si="16"/>
        <v>https://support.microsoft.com/kb/4529893</v>
      </c>
      <c r="D974" s="3" t="s">
        <v>1363</v>
      </c>
      <c r="E974" s="3" t="s">
        <v>100</v>
      </c>
      <c r="F974" s="3" t="s">
        <v>137</v>
      </c>
      <c r="G974" s="3" t="s">
        <v>105</v>
      </c>
      <c r="H974" s="3">
        <v>2019</v>
      </c>
      <c r="I974" s="3" t="s">
        <v>103</v>
      </c>
      <c r="J974" s="3" t="s">
        <v>86</v>
      </c>
      <c r="K974" s="14">
        <v>43837</v>
      </c>
      <c r="L974" s="3" t="s">
        <v>540</v>
      </c>
    </row>
    <row r="975" spans="1:12" x14ac:dyDescent="0.3">
      <c r="A975" s="11">
        <v>13240867</v>
      </c>
      <c r="B975" s="11">
        <v>4528097</v>
      </c>
      <c r="C975" s="22" t="str">
        <f t="shared" si="16"/>
        <v>https://support.microsoft.com/kb/4528097</v>
      </c>
      <c r="D975" s="3" t="s">
        <v>1364</v>
      </c>
      <c r="E975" s="3" t="s">
        <v>100</v>
      </c>
      <c r="F975" s="3" t="s">
        <v>110</v>
      </c>
      <c r="G975" s="3" t="s">
        <v>105</v>
      </c>
      <c r="H975" s="3">
        <v>2019</v>
      </c>
      <c r="I975" s="3" t="s">
        <v>103</v>
      </c>
      <c r="J975" s="3" t="s">
        <v>86</v>
      </c>
      <c r="K975" s="14">
        <v>43837</v>
      </c>
      <c r="L975" s="3" t="s">
        <v>540</v>
      </c>
    </row>
    <row r="976" spans="1:12" x14ac:dyDescent="0.3">
      <c r="A976" s="11">
        <v>13240653</v>
      </c>
      <c r="B976" s="11">
        <v>4530281</v>
      </c>
      <c r="C976" s="22" t="str">
        <f t="shared" si="16"/>
        <v>https://support.microsoft.com/kb/4530281</v>
      </c>
      <c r="D976" s="3" t="s">
        <v>1365</v>
      </c>
      <c r="E976" s="3" t="s">
        <v>100</v>
      </c>
      <c r="F976" s="3" t="s">
        <v>139</v>
      </c>
      <c r="G976" s="3" t="s">
        <v>105</v>
      </c>
      <c r="H976" s="3">
        <v>2019</v>
      </c>
      <c r="I976" s="3" t="s">
        <v>103</v>
      </c>
      <c r="J976" s="3" t="s">
        <v>86</v>
      </c>
      <c r="K976" s="14">
        <v>43837</v>
      </c>
      <c r="L976" s="3" t="s">
        <v>540</v>
      </c>
    </row>
    <row r="977" spans="1:12" x14ac:dyDescent="0.3">
      <c r="A977" s="11">
        <v>13239100</v>
      </c>
      <c r="B977" s="11">
        <v>4530055</v>
      </c>
      <c r="C977" s="22" t="str">
        <f t="shared" si="16"/>
        <v>https://support.microsoft.com/kb/4530055</v>
      </c>
      <c r="D977" s="3" t="s">
        <v>1366</v>
      </c>
      <c r="E977" s="3" t="s">
        <v>100</v>
      </c>
      <c r="F977" s="3" t="s">
        <v>101</v>
      </c>
      <c r="G977" s="3" t="s">
        <v>105</v>
      </c>
      <c r="H977" s="3">
        <v>2019</v>
      </c>
      <c r="I977" s="3" t="s">
        <v>103</v>
      </c>
      <c r="J977" s="3" t="s">
        <v>86</v>
      </c>
      <c r="K977" s="14">
        <v>43837</v>
      </c>
      <c r="L977" s="3" t="s">
        <v>540</v>
      </c>
    </row>
    <row r="978" spans="1:12" x14ac:dyDescent="0.3">
      <c r="A978" s="11">
        <v>13239089</v>
      </c>
      <c r="B978" s="11">
        <v>4530054</v>
      </c>
      <c r="C978" s="22" t="str">
        <f t="shared" si="16"/>
        <v>https://support.microsoft.com/kb/4530054</v>
      </c>
      <c r="D978" s="3" t="s">
        <v>1367</v>
      </c>
      <c r="E978" s="3" t="s">
        <v>100</v>
      </c>
      <c r="F978" s="3" t="s">
        <v>101</v>
      </c>
      <c r="G978" s="3" t="s">
        <v>105</v>
      </c>
      <c r="H978" s="3">
        <v>2019</v>
      </c>
      <c r="I978" s="3" t="s">
        <v>103</v>
      </c>
      <c r="J978" s="3" t="s">
        <v>86</v>
      </c>
      <c r="K978" s="14">
        <v>43837</v>
      </c>
      <c r="L978" s="3" t="s">
        <v>540</v>
      </c>
    </row>
    <row r="979" spans="1:12" x14ac:dyDescent="0.3">
      <c r="A979" s="11">
        <v>13238936</v>
      </c>
      <c r="B979" s="11">
        <v>4528168</v>
      </c>
      <c r="C979" s="22" t="str">
        <f t="shared" si="16"/>
        <v>https://support.microsoft.com/kb/4528168</v>
      </c>
      <c r="D979" s="3" t="s">
        <v>1368</v>
      </c>
      <c r="E979" s="3" t="s">
        <v>100</v>
      </c>
      <c r="F979" s="3" t="s">
        <v>110</v>
      </c>
      <c r="G979" s="3" t="s">
        <v>105</v>
      </c>
      <c r="H979" s="3">
        <v>2019</v>
      </c>
      <c r="I979" s="3" t="s">
        <v>103</v>
      </c>
      <c r="J979" s="3" t="s">
        <v>86</v>
      </c>
      <c r="K979" s="14">
        <v>43837</v>
      </c>
      <c r="L979" s="3" t="s">
        <v>540</v>
      </c>
    </row>
    <row r="980" spans="1:12" x14ac:dyDescent="0.3">
      <c r="A980" s="11">
        <v>13234477</v>
      </c>
      <c r="B980" s="11">
        <v>4528492</v>
      </c>
      <c r="C980" s="22" t="str">
        <f t="shared" si="16"/>
        <v>https://support.microsoft.com/kb/4528492</v>
      </c>
      <c r="D980" s="3" t="s">
        <v>1369</v>
      </c>
      <c r="E980" s="3" t="s">
        <v>100</v>
      </c>
      <c r="F980" s="3" t="s">
        <v>139</v>
      </c>
      <c r="G980" s="3" t="s">
        <v>105</v>
      </c>
      <c r="H980" s="3">
        <v>2019</v>
      </c>
      <c r="I980" s="3" t="s">
        <v>103</v>
      </c>
      <c r="J980" s="3" t="s">
        <v>86</v>
      </c>
      <c r="K980" s="14">
        <v>43837</v>
      </c>
      <c r="L980" s="3" t="s">
        <v>540</v>
      </c>
    </row>
    <row r="981" spans="1:12" x14ac:dyDescent="0.3">
      <c r="A981" s="11">
        <v>13234476</v>
      </c>
      <c r="B981" s="11">
        <v>4528491</v>
      </c>
      <c r="C981" s="22" t="str">
        <f t="shared" si="16"/>
        <v>https://support.microsoft.com/kb/4528491</v>
      </c>
      <c r="D981" s="3" t="s">
        <v>1370</v>
      </c>
      <c r="E981" s="3" t="s">
        <v>100</v>
      </c>
      <c r="F981" s="3" t="s">
        <v>139</v>
      </c>
      <c r="G981" s="3" t="s">
        <v>105</v>
      </c>
      <c r="H981" s="3">
        <v>2019</v>
      </c>
      <c r="I981" s="3" t="s">
        <v>103</v>
      </c>
      <c r="J981" s="3" t="s">
        <v>86</v>
      </c>
      <c r="K981" s="14">
        <v>43837</v>
      </c>
      <c r="L981" s="3" t="s">
        <v>540</v>
      </c>
    </row>
    <row r="982" spans="1:12" x14ac:dyDescent="0.3">
      <c r="A982" s="11">
        <v>13234475</v>
      </c>
      <c r="B982" s="11">
        <v>4530280</v>
      </c>
      <c r="C982" s="22" t="str">
        <f t="shared" si="16"/>
        <v>https://support.microsoft.com/kb/4530280</v>
      </c>
      <c r="D982" s="3" t="s">
        <v>1371</v>
      </c>
      <c r="E982" s="3" t="s">
        <v>100</v>
      </c>
      <c r="F982" s="3" t="s">
        <v>139</v>
      </c>
      <c r="G982" s="3" t="s">
        <v>105</v>
      </c>
      <c r="H982" s="3">
        <v>2019</v>
      </c>
      <c r="I982" s="3" t="s">
        <v>103</v>
      </c>
      <c r="J982" s="3" t="s">
        <v>86</v>
      </c>
      <c r="K982" s="14">
        <v>43837</v>
      </c>
      <c r="L982" s="3" t="s">
        <v>540</v>
      </c>
    </row>
    <row r="983" spans="1:12" x14ac:dyDescent="0.3">
      <c r="A983" s="11">
        <v>13234474</v>
      </c>
      <c r="B983" s="11">
        <v>4528490</v>
      </c>
      <c r="C983" s="22" t="str">
        <f t="shared" si="16"/>
        <v>https://support.microsoft.com/kb/4528490</v>
      </c>
      <c r="D983" s="3" t="s">
        <v>1372</v>
      </c>
      <c r="E983" s="3" t="s">
        <v>100</v>
      </c>
      <c r="F983" s="3" t="s">
        <v>139</v>
      </c>
      <c r="G983" s="3" t="s">
        <v>105</v>
      </c>
      <c r="H983" s="3">
        <v>2019</v>
      </c>
      <c r="I983" s="3" t="s">
        <v>103</v>
      </c>
      <c r="J983" s="3" t="s">
        <v>86</v>
      </c>
      <c r="K983" s="14">
        <v>43837</v>
      </c>
      <c r="L983" s="3" t="s">
        <v>540</v>
      </c>
    </row>
    <row r="984" spans="1:12" x14ac:dyDescent="0.3">
      <c r="A984" s="11">
        <v>13234473</v>
      </c>
      <c r="B984" s="11">
        <v>4528139</v>
      </c>
      <c r="C984" s="22" t="str">
        <f t="shared" si="16"/>
        <v>https://support.microsoft.com/kb/4528139</v>
      </c>
      <c r="D984" s="3" t="s">
        <v>1373</v>
      </c>
      <c r="E984" s="3" t="s">
        <v>100</v>
      </c>
      <c r="F984" s="3" t="s">
        <v>139</v>
      </c>
      <c r="G984" s="3" t="s">
        <v>105</v>
      </c>
      <c r="H984" s="3">
        <v>2019</v>
      </c>
      <c r="I984" s="3" t="s">
        <v>103</v>
      </c>
      <c r="J984" s="3" t="s">
        <v>86</v>
      </c>
      <c r="K984" s="14">
        <v>43837</v>
      </c>
      <c r="L984" s="3" t="s">
        <v>540</v>
      </c>
    </row>
    <row r="985" spans="1:12" x14ac:dyDescent="0.3">
      <c r="A985" s="11">
        <v>13234380</v>
      </c>
      <c r="B985" s="11">
        <v>4529848</v>
      </c>
      <c r="C985" s="22" t="str">
        <f t="shared" si="16"/>
        <v>https://support.microsoft.com/kb/4529848</v>
      </c>
      <c r="D985" s="3" t="s">
        <v>1374</v>
      </c>
      <c r="E985" s="3" t="s">
        <v>100</v>
      </c>
      <c r="F985" s="3" t="s">
        <v>1152</v>
      </c>
      <c r="G985" s="3" t="s">
        <v>105</v>
      </c>
      <c r="H985" s="3">
        <v>2019</v>
      </c>
      <c r="I985" s="3" t="s">
        <v>103</v>
      </c>
      <c r="J985" s="3" t="s">
        <v>86</v>
      </c>
      <c r="K985" s="14">
        <v>43837</v>
      </c>
      <c r="L985" s="3" t="s">
        <v>540</v>
      </c>
    </row>
    <row r="986" spans="1:12" x14ac:dyDescent="0.3">
      <c r="A986" s="11">
        <v>13234379</v>
      </c>
      <c r="B986" s="11">
        <v>4528337</v>
      </c>
      <c r="C986" s="22" t="str">
        <f t="shared" si="16"/>
        <v>https://support.microsoft.com/kb/4528337</v>
      </c>
      <c r="D986" s="3" t="s">
        <v>1375</v>
      </c>
      <c r="E986" s="3" t="s">
        <v>100</v>
      </c>
      <c r="F986" s="3" t="s">
        <v>127</v>
      </c>
      <c r="G986" s="3" t="s">
        <v>105</v>
      </c>
      <c r="H986" s="3">
        <v>2019</v>
      </c>
      <c r="I986" s="3" t="s">
        <v>103</v>
      </c>
      <c r="J986" s="3" t="s">
        <v>86</v>
      </c>
      <c r="K986" s="14">
        <v>43837</v>
      </c>
      <c r="L986" s="3" t="s">
        <v>540</v>
      </c>
    </row>
    <row r="987" spans="1:12" x14ac:dyDescent="0.3">
      <c r="A987" s="11">
        <v>13224872</v>
      </c>
      <c r="B987" s="11">
        <v>4530720</v>
      </c>
      <c r="C987" s="22" t="str">
        <f t="shared" si="16"/>
        <v>https://support.microsoft.com/kb/4530720</v>
      </c>
      <c r="D987" s="3" t="s">
        <v>1376</v>
      </c>
      <c r="E987" s="3" t="s">
        <v>100</v>
      </c>
      <c r="F987" s="3" t="s">
        <v>332</v>
      </c>
      <c r="G987" s="3" t="s">
        <v>102</v>
      </c>
      <c r="H987" s="3">
        <v>2019</v>
      </c>
      <c r="I987" s="3" t="s">
        <v>103</v>
      </c>
      <c r="J987" s="3" t="s">
        <v>86</v>
      </c>
      <c r="K987" s="14">
        <v>43837</v>
      </c>
      <c r="L987" s="3" t="s">
        <v>540</v>
      </c>
    </row>
    <row r="988" spans="1:12" x14ac:dyDescent="0.3">
      <c r="A988" s="11">
        <v>13222690</v>
      </c>
      <c r="B988" s="11">
        <v>4519366</v>
      </c>
      <c r="C988" s="22" t="str">
        <f t="shared" si="16"/>
        <v>https://support.microsoft.com/kb/4519366</v>
      </c>
      <c r="D988" s="3" t="s">
        <v>1377</v>
      </c>
      <c r="E988" s="3" t="s">
        <v>100</v>
      </c>
      <c r="F988" s="3" t="s">
        <v>113</v>
      </c>
      <c r="G988" s="3" t="s">
        <v>105</v>
      </c>
      <c r="H988" s="3">
        <v>2019</v>
      </c>
      <c r="I988" s="3" t="s">
        <v>103</v>
      </c>
      <c r="J988" s="3" t="s">
        <v>86</v>
      </c>
      <c r="K988" s="14">
        <v>43837</v>
      </c>
      <c r="L988" s="3" t="s">
        <v>540</v>
      </c>
    </row>
    <row r="989" spans="1:12" x14ac:dyDescent="0.3">
      <c r="A989" s="11">
        <v>13221770</v>
      </c>
      <c r="B989" s="11">
        <v>4536077</v>
      </c>
      <c r="C989" s="22" t="str">
        <f t="shared" si="16"/>
        <v>https://support.microsoft.com/kb/4536077</v>
      </c>
      <c r="D989" s="3" t="s">
        <v>1378</v>
      </c>
      <c r="E989" s="3" t="s">
        <v>100</v>
      </c>
      <c r="F989" s="3" t="s">
        <v>101</v>
      </c>
      <c r="G989" s="3" t="s">
        <v>105</v>
      </c>
      <c r="H989" s="3">
        <v>2019</v>
      </c>
      <c r="I989" s="3" t="s">
        <v>103</v>
      </c>
      <c r="J989" s="3" t="s">
        <v>86</v>
      </c>
      <c r="K989" s="14">
        <v>43837</v>
      </c>
      <c r="L989" s="3" t="s">
        <v>540</v>
      </c>
    </row>
    <row r="990" spans="1:12" x14ac:dyDescent="0.3">
      <c r="A990" s="11">
        <v>13218547</v>
      </c>
      <c r="B990" s="11">
        <v>4526315</v>
      </c>
      <c r="C990" s="22" t="str">
        <f t="shared" si="16"/>
        <v>https://support.microsoft.com/kb/4526315</v>
      </c>
      <c r="D990" s="3" t="s">
        <v>1379</v>
      </c>
      <c r="E990" s="3" t="s">
        <v>100</v>
      </c>
      <c r="F990" s="3" t="s">
        <v>153</v>
      </c>
      <c r="G990" s="3" t="s">
        <v>102</v>
      </c>
      <c r="H990" s="3">
        <v>2019</v>
      </c>
      <c r="I990" s="3" t="s">
        <v>103</v>
      </c>
      <c r="J990" s="3" t="s">
        <v>86</v>
      </c>
      <c r="K990" s="14">
        <v>43837</v>
      </c>
      <c r="L990" s="3" t="s">
        <v>540</v>
      </c>
    </row>
    <row r="991" spans="1:12" x14ac:dyDescent="0.3">
      <c r="A991" s="11">
        <v>13211966</v>
      </c>
      <c r="B991" s="11">
        <v>4521960</v>
      </c>
      <c r="C991" s="22" t="str">
        <f t="shared" si="16"/>
        <v>https://support.microsoft.com/kb/4521960</v>
      </c>
      <c r="D991" s="3" t="s">
        <v>1380</v>
      </c>
      <c r="E991" s="3" t="s">
        <v>100</v>
      </c>
      <c r="F991" s="3" t="s">
        <v>139</v>
      </c>
      <c r="G991" s="3" t="s">
        <v>102</v>
      </c>
      <c r="H991" s="3">
        <v>2019</v>
      </c>
      <c r="I991" s="3" t="s">
        <v>103</v>
      </c>
      <c r="J991" s="3" t="s">
        <v>86</v>
      </c>
      <c r="K991" s="14">
        <v>43837</v>
      </c>
      <c r="L991" s="3" t="s">
        <v>540</v>
      </c>
    </row>
    <row r="992" spans="1:12" x14ac:dyDescent="0.3">
      <c r="A992" s="11">
        <v>13211965</v>
      </c>
      <c r="B992" s="11">
        <v>4521659</v>
      </c>
      <c r="C992" s="22" t="str">
        <f t="shared" si="16"/>
        <v>https://support.microsoft.com/kb/4521659</v>
      </c>
      <c r="D992" s="3" t="s">
        <v>1381</v>
      </c>
      <c r="E992" s="3" t="s">
        <v>100</v>
      </c>
      <c r="F992" s="3" t="s">
        <v>123</v>
      </c>
      <c r="G992" s="3" t="s">
        <v>102</v>
      </c>
      <c r="H992" s="3">
        <v>2019</v>
      </c>
      <c r="I992" s="3" t="s">
        <v>103</v>
      </c>
      <c r="J992" s="3" t="s">
        <v>86</v>
      </c>
      <c r="K992" s="14">
        <v>43837</v>
      </c>
      <c r="L992" s="3" t="s">
        <v>540</v>
      </c>
    </row>
    <row r="993" spans="1:12" x14ac:dyDescent="0.3">
      <c r="A993" s="11">
        <v>13211960</v>
      </c>
      <c r="B993" s="11">
        <v>4522405</v>
      </c>
      <c r="C993" s="22" t="str">
        <f t="shared" si="16"/>
        <v>https://support.microsoft.com/kb/4522405</v>
      </c>
      <c r="D993" s="3" t="s">
        <v>1382</v>
      </c>
      <c r="E993" s="3" t="s">
        <v>100</v>
      </c>
      <c r="F993" s="3" t="s">
        <v>214</v>
      </c>
      <c r="G993" s="3" t="s">
        <v>105</v>
      </c>
      <c r="H993" s="3">
        <v>2019</v>
      </c>
      <c r="I993" s="3" t="s">
        <v>103</v>
      </c>
      <c r="J993" s="3" t="s">
        <v>86</v>
      </c>
      <c r="K993" s="14">
        <v>43837</v>
      </c>
      <c r="L993" s="3" t="s">
        <v>540</v>
      </c>
    </row>
    <row r="994" spans="1:12" x14ac:dyDescent="0.3">
      <c r="A994" s="11">
        <v>13211959</v>
      </c>
      <c r="B994" s="11">
        <v>4518364</v>
      </c>
      <c r="C994" s="22" t="str">
        <f t="shared" ref="C994:C1005" si="17">HYPERLINK("https://support.microsoft.com/kb/"&amp;B994)</f>
        <v>https://support.microsoft.com/kb/4518364</v>
      </c>
      <c r="D994" s="3" t="s">
        <v>1383</v>
      </c>
      <c r="E994" s="3" t="s">
        <v>100</v>
      </c>
      <c r="F994" s="3" t="s">
        <v>110</v>
      </c>
      <c r="G994" s="3" t="s">
        <v>102</v>
      </c>
      <c r="H994" s="3">
        <v>2019</v>
      </c>
      <c r="I994" s="3" t="s">
        <v>103</v>
      </c>
      <c r="J994" s="3" t="s">
        <v>86</v>
      </c>
      <c r="K994" s="14">
        <v>43837</v>
      </c>
      <c r="L994" s="3" t="s">
        <v>540</v>
      </c>
    </row>
    <row r="995" spans="1:12" x14ac:dyDescent="0.3">
      <c r="A995" s="11">
        <v>13211958</v>
      </c>
      <c r="B995" s="11">
        <v>4516999</v>
      </c>
      <c r="C995" s="22" t="str">
        <f t="shared" si="17"/>
        <v>https://support.microsoft.com/kb/4516999</v>
      </c>
      <c r="D995" s="3" t="s">
        <v>1384</v>
      </c>
      <c r="E995" s="3" t="s">
        <v>380</v>
      </c>
      <c r="F995" s="3" t="s">
        <v>945</v>
      </c>
      <c r="G995" s="3" t="s">
        <v>102</v>
      </c>
      <c r="H995" s="3">
        <v>2019</v>
      </c>
      <c r="I995" s="3" t="s">
        <v>103</v>
      </c>
      <c r="J995" s="3" t="s">
        <v>86</v>
      </c>
      <c r="K995" s="14">
        <v>43837</v>
      </c>
      <c r="L995" s="3" t="s">
        <v>540</v>
      </c>
    </row>
    <row r="996" spans="1:12" x14ac:dyDescent="0.3">
      <c r="A996" s="11">
        <v>13211951</v>
      </c>
      <c r="B996" s="11">
        <v>4522002</v>
      </c>
      <c r="C996" s="22" t="str">
        <f t="shared" si="17"/>
        <v>https://support.microsoft.com/kb/4522002</v>
      </c>
      <c r="D996" s="3" t="s">
        <v>1385</v>
      </c>
      <c r="E996" s="3" t="s">
        <v>100</v>
      </c>
      <c r="F996" s="3" t="s">
        <v>145</v>
      </c>
      <c r="G996" s="3" t="s">
        <v>116</v>
      </c>
      <c r="H996" s="3">
        <v>2019</v>
      </c>
      <c r="I996" s="3" t="s">
        <v>103</v>
      </c>
      <c r="J996" s="3" t="s">
        <v>86</v>
      </c>
      <c r="K996" s="14">
        <v>43837</v>
      </c>
      <c r="L996" s="3" t="s">
        <v>540</v>
      </c>
    </row>
    <row r="997" spans="1:12" x14ac:dyDescent="0.3">
      <c r="A997" s="11">
        <v>13202468</v>
      </c>
      <c r="B997" s="11">
        <v>4529942</v>
      </c>
      <c r="C997" s="22" t="str">
        <f t="shared" si="17"/>
        <v>https://support.microsoft.com/kb/4529942</v>
      </c>
      <c r="D997" s="3" t="s">
        <v>1386</v>
      </c>
      <c r="E997" s="3" t="s">
        <v>100</v>
      </c>
      <c r="F997" s="3" t="s">
        <v>123</v>
      </c>
      <c r="G997" s="3" t="s">
        <v>102</v>
      </c>
      <c r="H997" s="3">
        <v>2019</v>
      </c>
      <c r="I997" s="3" t="s">
        <v>103</v>
      </c>
      <c r="J997" s="3" t="s">
        <v>86</v>
      </c>
      <c r="K997" s="14">
        <v>43837</v>
      </c>
      <c r="L997" s="3" t="s">
        <v>540</v>
      </c>
    </row>
    <row r="998" spans="1:12" x14ac:dyDescent="0.3">
      <c r="A998" s="11">
        <v>13200684</v>
      </c>
      <c r="B998" s="11">
        <v>4521739</v>
      </c>
      <c r="C998" s="22" t="str">
        <f t="shared" si="17"/>
        <v>https://support.microsoft.com/kb/4521739</v>
      </c>
      <c r="D998" s="3" t="s">
        <v>1387</v>
      </c>
      <c r="E998" s="3" t="s">
        <v>100</v>
      </c>
      <c r="F998" s="3" t="s">
        <v>120</v>
      </c>
      <c r="G998" s="3" t="s">
        <v>102</v>
      </c>
      <c r="H998" s="3">
        <v>2019</v>
      </c>
      <c r="I998" s="3" t="s">
        <v>103</v>
      </c>
      <c r="J998" s="3" t="s">
        <v>86</v>
      </c>
      <c r="K998" s="14">
        <v>43837</v>
      </c>
      <c r="L998" s="3" t="s">
        <v>540</v>
      </c>
    </row>
    <row r="999" spans="1:12" x14ac:dyDescent="0.3">
      <c r="A999" s="11">
        <v>13198916</v>
      </c>
      <c r="B999" s="11">
        <v>4517771</v>
      </c>
      <c r="C999" s="22" t="str">
        <f t="shared" si="17"/>
        <v>https://support.microsoft.com/kb/4517771</v>
      </c>
      <c r="D999" s="3" t="s">
        <v>1388</v>
      </c>
      <c r="E999" s="3" t="s">
        <v>100</v>
      </c>
      <c r="F999" s="3" t="s">
        <v>110</v>
      </c>
      <c r="G999" s="3" t="s">
        <v>102</v>
      </c>
      <c r="H999" s="3">
        <v>2019</v>
      </c>
      <c r="I999" s="3" t="s">
        <v>103</v>
      </c>
      <c r="J999" s="3" t="s">
        <v>86</v>
      </c>
      <c r="K999" s="14">
        <v>43837</v>
      </c>
      <c r="L999" s="3" t="s">
        <v>540</v>
      </c>
    </row>
    <row r="1000" spans="1:12" x14ac:dyDescent="0.3">
      <c r="A1000" s="11">
        <v>13198914</v>
      </c>
      <c r="B1000" s="11">
        <v>4519668</v>
      </c>
      <c r="C1000" s="22" t="str">
        <f t="shared" si="17"/>
        <v>https://support.microsoft.com/kb/4519668</v>
      </c>
      <c r="D1000" s="3" t="s">
        <v>1389</v>
      </c>
      <c r="E1000" s="3" t="s">
        <v>100</v>
      </c>
      <c r="F1000" s="3" t="s">
        <v>165</v>
      </c>
      <c r="G1000" s="3" t="s">
        <v>102</v>
      </c>
      <c r="H1000" s="3">
        <v>2019</v>
      </c>
      <c r="I1000" s="3" t="s">
        <v>103</v>
      </c>
      <c r="J1000" s="3" t="s">
        <v>86</v>
      </c>
      <c r="K1000" s="14">
        <v>43837</v>
      </c>
      <c r="L1000" s="3" t="s">
        <v>540</v>
      </c>
    </row>
    <row r="1001" spans="1:12" x14ac:dyDescent="0.3">
      <c r="A1001" s="11">
        <v>13198910</v>
      </c>
      <c r="B1001" s="11">
        <v>4515772</v>
      </c>
      <c r="C1001" s="22" t="str">
        <f t="shared" si="17"/>
        <v>https://support.microsoft.com/kb/4515772</v>
      </c>
      <c r="D1001" s="3" t="s">
        <v>1390</v>
      </c>
      <c r="E1001" s="3" t="s">
        <v>100</v>
      </c>
      <c r="F1001" s="3" t="s">
        <v>101</v>
      </c>
      <c r="G1001" s="3" t="s">
        <v>102</v>
      </c>
      <c r="H1001" s="3">
        <v>2019</v>
      </c>
      <c r="I1001" s="3" t="s">
        <v>103</v>
      </c>
      <c r="J1001" s="3" t="s">
        <v>86</v>
      </c>
      <c r="K1001" s="14">
        <v>43837</v>
      </c>
      <c r="L1001" s="3" t="s">
        <v>540</v>
      </c>
    </row>
    <row r="1002" spans="1:12" x14ac:dyDescent="0.3">
      <c r="A1002" s="11">
        <v>13187033</v>
      </c>
      <c r="B1002" s="11">
        <v>4530827</v>
      </c>
      <c r="C1002" s="22" t="str">
        <f t="shared" si="17"/>
        <v>https://support.microsoft.com/kb/4530827</v>
      </c>
      <c r="D1002" s="3" t="s">
        <v>1391</v>
      </c>
      <c r="E1002" s="3" t="s">
        <v>100</v>
      </c>
      <c r="F1002" s="3" t="s">
        <v>579</v>
      </c>
      <c r="G1002" s="3" t="s">
        <v>116</v>
      </c>
      <c r="H1002" s="3">
        <v>2019</v>
      </c>
      <c r="I1002" s="3" t="s">
        <v>103</v>
      </c>
      <c r="J1002" s="3" t="s">
        <v>86</v>
      </c>
      <c r="K1002" s="14">
        <v>43837</v>
      </c>
      <c r="L1002" s="3" t="s">
        <v>540</v>
      </c>
    </row>
    <row r="1003" spans="1:12" x14ac:dyDescent="0.3">
      <c r="A1003" s="11">
        <v>13166854</v>
      </c>
      <c r="B1003" s="11">
        <v>4521702</v>
      </c>
      <c r="C1003" s="22" t="str">
        <f t="shared" si="17"/>
        <v>https://support.microsoft.com/kb/4521702</v>
      </c>
      <c r="D1003" s="3" t="s">
        <v>1392</v>
      </c>
      <c r="E1003" s="3" t="s">
        <v>100</v>
      </c>
      <c r="F1003" s="3" t="s">
        <v>139</v>
      </c>
      <c r="G1003" s="3" t="s">
        <v>102</v>
      </c>
      <c r="H1003" s="3">
        <v>2019</v>
      </c>
      <c r="I1003" s="3" t="s">
        <v>103</v>
      </c>
      <c r="J1003" s="3" t="s">
        <v>86</v>
      </c>
      <c r="K1003" s="14">
        <v>43837</v>
      </c>
      <c r="L1003" s="3" t="s">
        <v>540</v>
      </c>
    </row>
    <row r="1004" spans="1:12" x14ac:dyDescent="0.3">
      <c r="A1004" s="11">
        <v>13166853</v>
      </c>
      <c r="B1004" s="11">
        <v>4519796</v>
      </c>
      <c r="C1004" s="22" t="str">
        <f t="shared" si="17"/>
        <v>https://support.microsoft.com/kb/4519796</v>
      </c>
      <c r="D1004" s="3" t="s">
        <v>1393</v>
      </c>
      <c r="E1004" s="3" t="s">
        <v>100</v>
      </c>
      <c r="F1004" s="3" t="s">
        <v>139</v>
      </c>
      <c r="G1004" s="3" t="s">
        <v>102</v>
      </c>
      <c r="H1004" s="3">
        <v>2019</v>
      </c>
      <c r="I1004" s="3" t="s">
        <v>103</v>
      </c>
      <c r="J1004" s="3" t="s">
        <v>86</v>
      </c>
      <c r="K1004" s="14">
        <v>43837</v>
      </c>
      <c r="L1004" s="3" t="s">
        <v>540</v>
      </c>
    </row>
    <row r="1005" spans="1:12" x14ac:dyDescent="0.3">
      <c r="A1005" s="11">
        <v>12710429</v>
      </c>
      <c r="B1005" s="11">
        <v>4527165</v>
      </c>
      <c r="C1005" s="22" t="str">
        <f t="shared" si="17"/>
        <v>https://support.microsoft.com/kb/4527165</v>
      </c>
      <c r="D1005" s="3" t="s">
        <v>1394</v>
      </c>
      <c r="E1005" s="3" t="s">
        <v>211</v>
      </c>
      <c r="F1005" s="3" t="s">
        <v>777</v>
      </c>
      <c r="G1005" s="3" t="s">
        <v>102</v>
      </c>
      <c r="H1005" s="3">
        <v>2019</v>
      </c>
      <c r="I1005" s="3" t="s">
        <v>89</v>
      </c>
      <c r="J1005" s="3" t="s">
        <v>89</v>
      </c>
      <c r="K1005" s="14">
        <v>43773</v>
      </c>
      <c r="L1005" s="3" t="s">
        <v>541</v>
      </c>
    </row>
    <row r="1006" spans="1:12" x14ac:dyDescent="0.3">
      <c r="C1006" s="22"/>
      <c r="K1006" s="14"/>
    </row>
    <row r="1007" spans="1:12" x14ac:dyDescent="0.3">
      <c r="C1007" s="22"/>
      <c r="K1007" s="14"/>
    </row>
    <row r="1008" spans="1:12" x14ac:dyDescent="0.3">
      <c r="C1008" s="22"/>
      <c r="K1008" s="14"/>
    </row>
    <row r="1009" spans="3:11" x14ac:dyDescent="0.3">
      <c r="C1009" s="22"/>
      <c r="K1009" s="14"/>
    </row>
    <row r="1010" spans="3:11" x14ac:dyDescent="0.3">
      <c r="C1010" s="22"/>
      <c r="K1010" s="14"/>
    </row>
    <row r="1011" spans="3:11" x14ac:dyDescent="0.3">
      <c r="C1011" s="22"/>
      <c r="K1011" s="14"/>
    </row>
    <row r="1012" spans="3:11" x14ac:dyDescent="0.3">
      <c r="C1012" s="22"/>
      <c r="K1012" s="14"/>
    </row>
    <row r="1013" spans="3:11" x14ac:dyDescent="0.3">
      <c r="C1013" s="22"/>
      <c r="K1013" s="14"/>
    </row>
    <row r="1014" spans="3:11" x14ac:dyDescent="0.3">
      <c r="C1014" s="22"/>
      <c r="K1014" s="14"/>
    </row>
    <row r="1015" spans="3:11" x14ac:dyDescent="0.3">
      <c r="C1015" s="22"/>
      <c r="K1015" s="14"/>
    </row>
    <row r="1016" spans="3:11" x14ac:dyDescent="0.3">
      <c r="C1016" s="22"/>
      <c r="K1016" s="14"/>
    </row>
    <row r="1017" spans="3:11" x14ac:dyDescent="0.3">
      <c r="C1017" s="22"/>
      <c r="K1017" s="14"/>
    </row>
    <row r="1018" spans="3:11" x14ac:dyDescent="0.3">
      <c r="C1018" s="22"/>
      <c r="K1018" s="14"/>
    </row>
    <row r="1019" spans="3:11" x14ac:dyDescent="0.3">
      <c r="C1019" s="22"/>
      <c r="K1019" s="14"/>
    </row>
    <row r="1020" spans="3:11" x14ac:dyDescent="0.3">
      <c r="C1020" s="22"/>
      <c r="K1020" s="14"/>
    </row>
    <row r="1021" spans="3:11" x14ac:dyDescent="0.3">
      <c r="C1021" s="22"/>
      <c r="K1021" s="14"/>
    </row>
    <row r="1022" spans="3:11" x14ac:dyDescent="0.3">
      <c r="C1022" s="22"/>
      <c r="K1022" s="14"/>
    </row>
    <row r="1023" spans="3:11" x14ac:dyDescent="0.3">
      <c r="C1023" s="22"/>
      <c r="K1023" s="14"/>
    </row>
    <row r="1024" spans="3:11" x14ac:dyDescent="0.3">
      <c r="C1024" s="22"/>
      <c r="K1024" s="14"/>
    </row>
    <row r="1025" spans="3:11" x14ac:dyDescent="0.3">
      <c r="C1025" s="22"/>
      <c r="K1025" s="14"/>
    </row>
    <row r="1026" spans="3:11" x14ac:dyDescent="0.3">
      <c r="C1026" s="22"/>
      <c r="K1026" s="14"/>
    </row>
    <row r="1027" spans="3:11" x14ac:dyDescent="0.3">
      <c r="C1027" s="22"/>
      <c r="K1027" s="14"/>
    </row>
    <row r="1028" spans="3:11" x14ac:dyDescent="0.3">
      <c r="C1028" s="22"/>
      <c r="K1028" s="14"/>
    </row>
    <row r="1029" spans="3:11" x14ac:dyDescent="0.3">
      <c r="C1029" s="22"/>
      <c r="K1029" s="14"/>
    </row>
    <row r="1030" spans="3:11" x14ac:dyDescent="0.3">
      <c r="C1030" s="22"/>
      <c r="K1030" s="14"/>
    </row>
    <row r="1031" spans="3:11" x14ac:dyDescent="0.3">
      <c r="C1031" s="22"/>
      <c r="K1031" s="14"/>
    </row>
    <row r="1032" spans="3:11" x14ac:dyDescent="0.3">
      <c r="C1032" s="22"/>
      <c r="K1032" s="14"/>
    </row>
    <row r="1033" spans="3:11" x14ac:dyDescent="0.3">
      <c r="C1033" s="22"/>
      <c r="K1033" s="14"/>
    </row>
    <row r="1034" spans="3:11" x14ac:dyDescent="0.3">
      <c r="C1034" s="22"/>
      <c r="K1034" s="14"/>
    </row>
    <row r="1035" spans="3:11" x14ac:dyDescent="0.3">
      <c r="C1035" s="22"/>
      <c r="K1035" s="14"/>
    </row>
    <row r="1036" spans="3:11" x14ac:dyDescent="0.3">
      <c r="C1036" s="22"/>
      <c r="K1036" s="14"/>
    </row>
    <row r="1037" spans="3:11" x14ac:dyDescent="0.3">
      <c r="C1037" s="22"/>
      <c r="K1037" s="14"/>
    </row>
    <row r="1038" spans="3:11" x14ac:dyDescent="0.3">
      <c r="C1038" s="22"/>
      <c r="K1038" s="14"/>
    </row>
    <row r="1039" spans="3:11" x14ac:dyDescent="0.3">
      <c r="C1039" s="22"/>
      <c r="K1039" s="14"/>
    </row>
    <row r="1040" spans="3:11" x14ac:dyDescent="0.3">
      <c r="C1040" s="22"/>
      <c r="K1040" s="14"/>
    </row>
    <row r="1041" spans="3:11" x14ac:dyDescent="0.3">
      <c r="C1041" s="22"/>
      <c r="K1041" s="14"/>
    </row>
    <row r="1042" spans="3:11" x14ac:dyDescent="0.3">
      <c r="C1042" s="22"/>
      <c r="K1042" s="14"/>
    </row>
    <row r="1043" spans="3:11" x14ac:dyDescent="0.3">
      <c r="C1043" s="22"/>
      <c r="K1043" s="14"/>
    </row>
    <row r="1044" spans="3:11" x14ac:dyDescent="0.3">
      <c r="C1044" s="22"/>
      <c r="K1044" s="14"/>
    </row>
    <row r="1045" spans="3:11" x14ac:dyDescent="0.3">
      <c r="C1045" s="22"/>
      <c r="K1045" s="14"/>
    </row>
    <row r="1046" spans="3:11" x14ac:dyDescent="0.3">
      <c r="C1046" s="22"/>
      <c r="K1046" s="14"/>
    </row>
    <row r="1047" spans="3:11" x14ac:dyDescent="0.3">
      <c r="C1047" s="22"/>
      <c r="K1047" s="14"/>
    </row>
    <row r="1048" spans="3:11" x14ac:dyDescent="0.3">
      <c r="C1048" s="22"/>
      <c r="K1048" s="14"/>
    </row>
    <row r="1049" spans="3:11" x14ac:dyDescent="0.3">
      <c r="C1049" s="22"/>
      <c r="K1049" s="14"/>
    </row>
    <row r="1050" spans="3:11" x14ac:dyDescent="0.3">
      <c r="C1050" s="22"/>
      <c r="K1050" s="14"/>
    </row>
    <row r="1051" spans="3:11" x14ac:dyDescent="0.3">
      <c r="C1051" s="22"/>
      <c r="K1051" s="14"/>
    </row>
    <row r="1052" spans="3:11" x14ac:dyDescent="0.3">
      <c r="C1052" s="22"/>
      <c r="K1052" s="14"/>
    </row>
    <row r="1053" spans="3:11" x14ac:dyDescent="0.3">
      <c r="C1053" s="22"/>
      <c r="K1053" s="14"/>
    </row>
    <row r="1054" spans="3:11" x14ac:dyDescent="0.3">
      <c r="C1054" s="22"/>
      <c r="K1054" s="14"/>
    </row>
    <row r="1055" spans="3:11" x14ac:dyDescent="0.3">
      <c r="C1055" s="22"/>
      <c r="K1055" s="14"/>
    </row>
    <row r="1056" spans="3:11" x14ac:dyDescent="0.3">
      <c r="C1056" s="22"/>
      <c r="K1056" s="14"/>
    </row>
    <row r="1057" spans="3:11" x14ac:dyDescent="0.3">
      <c r="C1057" s="22"/>
      <c r="K1057" s="14"/>
    </row>
    <row r="1058" spans="3:11" x14ac:dyDescent="0.3">
      <c r="C1058" s="22"/>
      <c r="K1058" s="14"/>
    </row>
    <row r="1059" spans="3:11" x14ac:dyDescent="0.3">
      <c r="C1059" s="22"/>
      <c r="K1059" s="14"/>
    </row>
    <row r="1060" spans="3:11" x14ac:dyDescent="0.3">
      <c r="C1060" s="22"/>
      <c r="K1060" s="14"/>
    </row>
    <row r="1061" spans="3:11" x14ac:dyDescent="0.3">
      <c r="C1061" s="22"/>
      <c r="K1061" s="14"/>
    </row>
    <row r="1062" spans="3:11" x14ac:dyDescent="0.3">
      <c r="C1062" s="22"/>
      <c r="K1062" s="14"/>
    </row>
    <row r="1063" spans="3:11" x14ac:dyDescent="0.3">
      <c r="C1063" s="22"/>
      <c r="K1063" s="14"/>
    </row>
    <row r="1064" spans="3:11" x14ac:dyDescent="0.3">
      <c r="C1064" s="22"/>
      <c r="K1064" s="14"/>
    </row>
    <row r="1065" spans="3:11" x14ac:dyDescent="0.3">
      <c r="C1065" s="22"/>
      <c r="K1065" s="14"/>
    </row>
    <row r="1066" spans="3:11" x14ac:dyDescent="0.3">
      <c r="C1066" s="22"/>
      <c r="K1066" s="14"/>
    </row>
    <row r="1067" spans="3:11" x14ac:dyDescent="0.3">
      <c r="C1067" s="22"/>
      <c r="K1067" s="14"/>
    </row>
    <row r="1068" spans="3:11" x14ac:dyDescent="0.3">
      <c r="C1068" s="22"/>
      <c r="K1068" s="14"/>
    </row>
    <row r="1069" spans="3:11" x14ac:dyDescent="0.3">
      <c r="C1069" s="22"/>
      <c r="K1069" s="14"/>
    </row>
    <row r="1070" spans="3:11" x14ac:dyDescent="0.3">
      <c r="C1070" s="22"/>
      <c r="K1070" s="14"/>
    </row>
    <row r="1071" spans="3:11" x14ac:dyDescent="0.3">
      <c r="C1071" s="22"/>
      <c r="K1071" s="14"/>
    </row>
    <row r="1072" spans="3:11" x14ac:dyDescent="0.3">
      <c r="C1072" s="22"/>
      <c r="K1072" s="14"/>
    </row>
    <row r="1073" spans="3:11" x14ac:dyDescent="0.3">
      <c r="C1073" s="22"/>
      <c r="K1073" s="14"/>
    </row>
    <row r="1074" spans="3:11" x14ac:dyDescent="0.3">
      <c r="C1074" s="22"/>
      <c r="K1074" s="14"/>
    </row>
    <row r="1075" spans="3:11" x14ac:dyDescent="0.3">
      <c r="C1075" s="22"/>
      <c r="K1075" s="14"/>
    </row>
    <row r="1076" spans="3:11" x14ac:dyDescent="0.3">
      <c r="C1076" s="22"/>
      <c r="K1076" s="14"/>
    </row>
    <row r="1077" spans="3:11" x14ac:dyDescent="0.3">
      <c r="C1077" s="22"/>
      <c r="K1077" s="14"/>
    </row>
    <row r="1078" spans="3:11" x14ac:dyDescent="0.3">
      <c r="C1078" s="22"/>
      <c r="K1078" s="14"/>
    </row>
    <row r="1079" spans="3:11" x14ac:dyDescent="0.3">
      <c r="C1079" s="22"/>
      <c r="K1079" s="14"/>
    </row>
    <row r="1080" spans="3:11" x14ac:dyDescent="0.3">
      <c r="C1080" s="22"/>
      <c r="K1080" s="14"/>
    </row>
    <row r="1081" spans="3:11" x14ac:dyDescent="0.3">
      <c r="C1081" s="22"/>
      <c r="K1081" s="14"/>
    </row>
    <row r="1082" spans="3:11" x14ac:dyDescent="0.3">
      <c r="C1082" s="22"/>
      <c r="K1082" s="14"/>
    </row>
    <row r="1083" spans="3:11" x14ac:dyDescent="0.3">
      <c r="C1083" s="22"/>
      <c r="K1083" s="14"/>
    </row>
    <row r="1084" spans="3:11" x14ac:dyDescent="0.3">
      <c r="C1084" s="22"/>
      <c r="K1084" s="14"/>
    </row>
    <row r="1085" spans="3:11" x14ac:dyDescent="0.3">
      <c r="C1085" s="22"/>
      <c r="K1085" s="14"/>
    </row>
    <row r="1086" spans="3:11" x14ac:dyDescent="0.3">
      <c r="C1086" s="22"/>
      <c r="K1086" s="14"/>
    </row>
    <row r="1087" spans="3:11" x14ac:dyDescent="0.3">
      <c r="C1087" s="22"/>
      <c r="K1087" s="14"/>
    </row>
    <row r="1088" spans="3:11" x14ac:dyDescent="0.3">
      <c r="C1088" s="22"/>
      <c r="K1088" s="14"/>
    </row>
    <row r="1089" spans="3:11" x14ac:dyDescent="0.3">
      <c r="C1089" s="22"/>
      <c r="K1089" s="14"/>
    </row>
    <row r="1090" spans="3:11" x14ac:dyDescent="0.3">
      <c r="C1090" s="22"/>
      <c r="K1090" s="14"/>
    </row>
    <row r="1091" spans="3:11" x14ac:dyDescent="0.3">
      <c r="C1091" s="22"/>
      <c r="K1091" s="14"/>
    </row>
    <row r="1092" spans="3:11" x14ac:dyDescent="0.3">
      <c r="C1092" s="22"/>
      <c r="K1092" s="14"/>
    </row>
    <row r="1093" spans="3:11" x14ac:dyDescent="0.3">
      <c r="C1093" s="22"/>
      <c r="K1093" s="14"/>
    </row>
    <row r="1094" spans="3:11" x14ac:dyDescent="0.3">
      <c r="C1094" s="22"/>
      <c r="K1094" s="14"/>
    </row>
    <row r="1095" spans="3:11" x14ac:dyDescent="0.3">
      <c r="C1095" s="22"/>
      <c r="K1095" s="14"/>
    </row>
    <row r="1096" spans="3:11" x14ac:dyDescent="0.3">
      <c r="C1096" s="22"/>
      <c r="K1096" s="14"/>
    </row>
    <row r="1097" spans="3:11" x14ac:dyDescent="0.3">
      <c r="C1097" s="22"/>
      <c r="K1097" s="14"/>
    </row>
    <row r="1098" spans="3:11" x14ac:dyDescent="0.3">
      <c r="C1098" s="22"/>
      <c r="K1098" s="14"/>
    </row>
    <row r="1099" spans="3:11" x14ac:dyDescent="0.3">
      <c r="C1099" s="22"/>
      <c r="K1099" s="14"/>
    </row>
    <row r="1100" spans="3:11" x14ac:dyDescent="0.3">
      <c r="C1100" s="22"/>
      <c r="K1100" s="14"/>
    </row>
    <row r="1101" spans="3:11" x14ac:dyDescent="0.3">
      <c r="C1101" s="22"/>
      <c r="K1101" s="14"/>
    </row>
    <row r="1102" spans="3:11" x14ac:dyDescent="0.3">
      <c r="C1102" s="22"/>
      <c r="K1102" s="14"/>
    </row>
    <row r="1103" spans="3:11" x14ac:dyDescent="0.3">
      <c r="C1103" s="22"/>
      <c r="K1103" s="14"/>
    </row>
    <row r="1104" spans="3:11" x14ac:dyDescent="0.3">
      <c r="C1104" s="22"/>
      <c r="K1104" s="14"/>
    </row>
    <row r="1105" spans="1:12" x14ac:dyDescent="0.3">
      <c r="C1105" s="22"/>
      <c r="K1105" s="14"/>
    </row>
    <row r="1106" spans="1:12" x14ac:dyDescent="0.3">
      <c r="C1106" s="22"/>
      <c r="K1106" s="14"/>
    </row>
    <row r="1107" spans="1:12" x14ac:dyDescent="0.3">
      <c r="A1107" s="12"/>
      <c r="B1107" s="12"/>
      <c r="C1107" s="12"/>
      <c r="D1107" s="2"/>
      <c r="E1107" s="2"/>
      <c r="F1107" s="2"/>
      <c r="G1107" s="2"/>
      <c r="H1107" s="12"/>
      <c r="I1107" s="2"/>
      <c r="J1107" s="2"/>
      <c r="K1107" s="2"/>
      <c r="L1107" s="2"/>
    </row>
    <row r="1108" spans="1:12" x14ac:dyDescent="0.3">
      <c r="C1108" s="22"/>
      <c r="K1108" s="14"/>
    </row>
    <row r="1109" spans="1:12" x14ac:dyDescent="0.3">
      <c r="C1109" s="22"/>
      <c r="K1109" s="14"/>
    </row>
    <row r="1110" spans="1:12" x14ac:dyDescent="0.3">
      <c r="C1110" s="22"/>
      <c r="K1110" s="14"/>
    </row>
    <row r="1111" spans="1:12" x14ac:dyDescent="0.3">
      <c r="C1111" s="22"/>
      <c r="K1111" s="14"/>
    </row>
    <row r="1112" spans="1:12" x14ac:dyDescent="0.3">
      <c r="C1112" s="22"/>
      <c r="K1112" s="14"/>
    </row>
    <row r="1113" spans="1:12" x14ac:dyDescent="0.3">
      <c r="C1113" s="22"/>
      <c r="K1113" s="14"/>
    </row>
    <row r="1114" spans="1:12" x14ac:dyDescent="0.3">
      <c r="C1114" s="22"/>
      <c r="K1114" s="14"/>
    </row>
    <row r="1115" spans="1:12" x14ac:dyDescent="0.3">
      <c r="C1115" s="22"/>
      <c r="K1115" s="14"/>
    </row>
    <row r="1116" spans="1:12" x14ac:dyDescent="0.3">
      <c r="C1116" s="22"/>
      <c r="K1116" s="14"/>
    </row>
    <row r="1117" spans="1:12" x14ac:dyDescent="0.3">
      <c r="C1117" s="22"/>
      <c r="K1117" s="14"/>
    </row>
    <row r="1118" spans="1:12" x14ac:dyDescent="0.3">
      <c r="C1118" s="22"/>
      <c r="K1118" s="14"/>
    </row>
    <row r="1119" spans="1:12" x14ac:dyDescent="0.3">
      <c r="C1119" s="22"/>
      <c r="K1119" s="14"/>
    </row>
    <row r="1120" spans="1:12" x14ac:dyDescent="0.3">
      <c r="C1120" s="22"/>
      <c r="K1120" s="14"/>
    </row>
    <row r="1121" spans="3:11" x14ac:dyDescent="0.3">
      <c r="C1121" s="22"/>
      <c r="K1121" s="14"/>
    </row>
    <row r="1122" spans="3:11" x14ac:dyDescent="0.3">
      <c r="C1122" s="22"/>
      <c r="K1122" s="14"/>
    </row>
    <row r="1123" spans="3:11" x14ac:dyDescent="0.3">
      <c r="C1123" s="22"/>
      <c r="K1123" s="14"/>
    </row>
    <row r="1124" spans="3:11" x14ac:dyDescent="0.3">
      <c r="C1124" s="22"/>
      <c r="K1124" s="14"/>
    </row>
    <row r="1125" spans="3:11" x14ac:dyDescent="0.3">
      <c r="C1125" s="22"/>
      <c r="K1125" s="14"/>
    </row>
    <row r="1126" spans="3:11" x14ac:dyDescent="0.3">
      <c r="C1126" s="22"/>
      <c r="K1126" s="14"/>
    </row>
    <row r="1127" spans="3:11" x14ac:dyDescent="0.3">
      <c r="C1127" s="22"/>
      <c r="K1127" s="14"/>
    </row>
    <row r="1128" spans="3:11" x14ac:dyDescent="0.3">
      <c r="C1128" s="22"/>
      <c r="K1128" s="14"/>
    </row>
    <row r="1129" spans="3:11" x14ac:dyDescent="0.3">
      <c r="C1129" s="22"/>
      <c r="K1129" s="14"/>
    </row>
    <row r="1130" spans="3:11" x14ac:dyDescent="0.3">
      <c r="C1130" s="22"/>
      <c r="K1130" s="14"/>
    </row>
    <row r="1131" spans="3:11" x14ac:dyDescent="0.3">
      <c r="C1131" s="22"/>
      <c r="K1131" s="14"/>
    </row>
    <row r="1132" spans="3:11" x14ac:dyDescent="0.3">
      <c r="C1132" s="22"/>
      <c r="K1132" s="14"/>
    </row>
    <row r="1133" spans="3:11" x14ac:dyDescent="0.3">
      <c r="C1133" s="22"/>
      <c r="K1133" s="14"/>
    </row>
    <row r="1134" spans="3:11" x14ac:dyDescent="0.3">
      <c r="C1134" s="22"/>
      <c r="K1134" s="14"/>
    </row>
    <row r="1135" spans="3:11" x14ac:dyDescent="0.3">
      <c r="C1135" s="22"/>
      <c r="K1135" s="14"/>
    </row>
    <row r="1136" spans="3:11" x14ac:dyDescent="0.3">
      <c r="C1136" s="22"/>
      <c r="K1136" s="14"/>
    </row>
    <row r="1137" spans="3:12" x14ac:dyDescent="0.3">
      <c r="C1137" s="22"/>
      <c r="K1137" s="14"/>
    </row>
    <row r="1138" spans="3:12" x14ac:dyDescent="0.3">
      <c r="C1138" s="22"/>
      <c r="K1138" s="14"/>
    </row>
    <row r="1139" spans="3:12" x14ac:dyDescent="0.3">
      <c r="C1139" s="22"/>
      <c r="K1139" s="14"/>
    </row>
    <row r="1140" spans="3:12" x14ac:dyDescent="0.3">
      <c r="C1140" s="22"/>
      <c r="K1140" s="14"/>
    </row>
    <row r="1141" spans="3:12" x14ac:dyDescent="0.3">
      <c r="C1141" s="22"/>
      <c r="K1141" s="14"/>
    </row>
    <row r="1142" spans="3:12" x14ac:dyDescent="0.3">
      <c r="C1142" s="22"/>
      <c r="K1142" s="14"/>
    </row>
    <row r="1143" spans="3:12" x14ac:dyDescent="0.3">
      <c r="C1143" s="22"/>
      <c r="K1143" s="14"/>
    </row>
    <row r="1144" spans="3:12" x14ac:dyDescent="0.3">
      <c r="C1144" s="24"/>
      <c r="D1144" s="13"/>
      <c r="E1144" s="13"/>
      <c r="F1144" s="13"/>
      <c r="G1144" s="13"/>
      <c r="I1144" s="13"/>
      <c r="J1144" s="13"/>
      <c r="K1144" s="15"/>
      <c r="L1144" s="13"/>
    </row>
    <row r="1145" spans="3:12" x14ac:dyDescent="0.3">
      <c r="C1145" s="22"/>
      <c r="D1145" s="13"/>
      <c r="E1145" s="13"/>
      <c r="F1145" s="13"/>
      <c r="G1145" s="13"/>
      <c r="I1145" s="13"/>
      <c r="J1145" s="13"/>
      <c r="K1145" s="15"/>
      <c r="L1145" s="13"/>
    </row>
    <row r="1146" spans="3:12" x14ac:dyDescent="0.3">
      <c r="C1146" s="22"/>
      <c r="K1146" s="14"/>
    </row>
    <row r="1147" spans="3:12" x14ac:dyDescent="0.3">
      <c r="C1147" s="22"/>
      <c r="K1147" s="14"/>
    </row>
    <row r="1148" spans="3:12" x14ac:dyDescent="0.3">
      <c r="C1148" s="22"/>
      <c r="K1148" s="14"/>
    </row>
    <row r="1149" spans="3:12" x14ac:dyDescent="0.3">
      <c r="C1149" s="22"/>
      <c r="K1149" s="14"/>
    </row>
    <row r="1150" spans="3:12" x14ac:dyDescent="0.3">
      <c r="C1150" s="22"/>
      <c r="K1150" s="14"/>
    </row>
    <row r="1151" spans="3:12" x14ac:dyDescent="0.3">
      <c r="C1151" s="22"/>
      <c r="K1151" s="14"/>
    </row>
    <row r="1152" spans="3:12" x14ac:dyDescent="0.3">
      <c r="C1152" s="22"/>
      <c r="K1152" s="14"/>
    </row>
    <row r="1153" spans="3:11" x14ac:dyDescent="0.3">
      <c r="C1153" s="22"/>
      <c r="K1153" s="14"/>
    </row>
    <row r="1154" spans="3:11" x14ac:dyDescent="0.3">
      <c r="C1154" s="22"/>
      <c r="K1154" s="14"/>
    </row>
    <row r="1155" spans="3:11" x14ac:dyDescent="0.3">
      <c r="C1155" s="22"/>
      <c r="K1155" s="14"/>
    </row>
    <row r="1156" spans="3:11" x14ac:dyDescent="0.3">
      <c r="C1156" s="22"/>
      <c r="K1156" s="14"/>
    </row>
    <row r="1157" spans="3:11" x14ac:dyDescent="0.3">
      <c r="C1157" s="22"/>
      <c r="K1157" s="14"/>
    </row>
    <row r="1158" spans="3:11" x14ac:dyDescent="0.3">
      <c r="C1158" s="22"/>
      <c r="K1158" s="14"/>
    </row>
    <row r="1159" spans="3:11" x14ac:dyDescent="0.3">
      <c r="C1159" s="22"/>
      <c r="K1159" s="14"/>
    </row>
    <row r="1160" spans="3:11" x14ac:dyDescent="0.3">
      <c r="C1160" s="22"/>
      <c r="K1160" s="14"/>
    </row>
    <row r="1161" spans="3:11" x14ac:dyDescent="0.3">
      <c r="C1161" s="22"/>
      <c r="K1161" s="14"/>
    </row>
    <row r="1162" spans="3:11" x14ac:dyDescent="0.3">
      <c r="C1162" s="22"/>
      <c r="K1162" s="14"/>
    </row>
    <row r="1163" spans="3:11" x14ac:dyDescent="0.3">
      <c r="C1163" s="22"/>
      <c r="K1163" s="14"/>
    </row>
    <row r="1164" spans="3:11" x14ac:dyDescent="0.3">
      <c r="C1164" s="22"/>
      <c r="K1164" s="14"/>
    </row>
    <row r="1165" spans="3:11" x14ac:dyDescent="0.3">
      <c r="C1165" s="22"/>
      <c r="K1165" s="14"/>
    </row>
    <row r="1166" spans="3:11" x14ac:dyDescent="0.3">
      <c r="C1166" s="22"/>
      <c r="K1166" s="14"/>
    </row>
    <row r="1167" spans="3:11" x14ac:dyDescent="0.3">
      <c r="C1167" s="22"/>
      <c r="K1167" s="14"/>
    </row>
    <row r="1168" spans="3:11" x14ac:dyDescent="0.3">
      <c r="C1168" s="22"/>
      <c r="K1168" s="14"/>
    </row>
    <row r="1169" spans="3:11" x14ac:dyDescent="0.3">
      <c r="C1169" s="22"/>
      <c r="K1169" s="14"/>
    </row>
    <row r="1170" spans="3:11" x14ac:dyDescent="0.3">
      <c r="C1170" s="22"/>
      <c r="K1170" s="14"/>
    </row>
    <row r="1171" spans="3:11" x14ac:dyDescent="0.3">
      <c r="C1171" s="22"/>
      <c r="K1171" s="14"/>
    </row>
    <row r="1172" spans="3:11" x14ac:dyDescent="0.3">
      <c r="C1172" s="22"/>
      <c r="K1172" s="14"/>
    </row>
    <row r="1173" spans="3:11" x14ac:dyDescent="0.3">
      <c r="C1173" s="22"/>
      <c r="K1173" s="14"/>
    </row>
    <row r="1174" spans="3:11" x14ac:dyDescent="0.3">
      <c r="C1174" s="22"/>
      <c r="K1174" s="14"/>
    </row>
    <row r="1175" spans="3:11" x14ac:dyDescent="0.3">
      <c r="C1175" s="22"/>
      <c r="K1175" s="14"/>
    </row>
    <row r="1176" spans="3:11" x14ac:dyDescent="0.3">
      <c r="C1176" s="22"/>
      <c r="K1176" s="14"/>
    </row>
    <row r="1177" spans="3:11" x14ac:dyDescent="0.3">
      <c r="C1177" s="22"/>
      <c r="K1177" s="14"/>
    </row>
    <row r="1178" spans="3:11" x14ac:dyDescent="0.3">
      <c r="C1178" s="22"/>
      <c r="K1178" s="14"/>
    </row>
    <row r="1179" spans="3:11" x14ac:dyDescent="0.3">
      <c r="C1179" s="22"/>
      <c r="K1179" s="14"/>
    </row>
    <row r="1180" spans="3:11" x14ac:dyDescent="0.3">
      <c r="C1180" s="22"/>
      <c r="K1180" s="14"/>
    </row>
    <row r="1181" spans="3:11" x14ac:dyDescent="0.3">
      <c r="C1181" s="22"/>
      <c r="K1181" s="14"/>
    </row>
    <row r="1182" spans="3:11" x14ac:dyDescent="0.3">
      <c r="C1182" s="22"/>
      <c r="K1182" s="14"/>
    </row>
    <row r="1183" spans="3:11" x14ac:dyDescent="0.3">
      <c r="C1183" s="22"/>
      <c r="K1183" s="14"/>
    </row>
    <row r="1184" spans="3:11" x14ac:dyDescent="0.3">
      <c r="C1184" s="22"/>
      <c r="K1184" s="14"/>
    </row>
    <row r="1185" spans="3:11" x14ac:dyDescent="0.3">
      <c r="C1185" s="22"/>
      <c r="K1185" s="14"/>
    </row>
    <row r="1186" spans="3:11" x14ac:dyDescent="0.3">
      <c r="C1186" s="22"/>
      <c r="K1186" s="14"/>
    </row>
    <row r="1187" spans="3:11" x14ac:dyDescent="0.3">
      <c r="C1187" s="22"/>
      <c r="K1187" s="14"/>
    </row>
    <row r="1188" spans="3:11" x14ac:dyDescent="0.3">
      <c r="C1188" s="22"/>
      <c r="K1188" s="14"/>
    </row>
    <row r="1189" spans="3:11" x14ac:dyDescent="0.3">
      <c r="C1189" s="22"/>
      <c r="K1189" s="14"/>
    </row>
    <row r="1190" spans="3:11" x14ac:dyDescent="0.3">
      <c r="C1190" s="22"/>
      <c r="K1190" s="14"/>
    </row>
    <row r="1191" spans="3:11" x14ac:dyDescent="0.3">
      <c r="C1191" s="22"/>
      <c r="K1191" s="14"/>
    </row>
    <row r="1192" spans="3:11" x14ac:dyDescent="0.3">
      <c r="C1192" s="22"/>
      <c r="K1192" s="14"/>
    </row>
    <row r="1193" spans="3:11" x14ac:dyDescent="0.3">
      <c r="C1193" s="22"/>
      <c r="K1193" s="14"/>
    </row>
    <row r="1194" spans="3:11" x14ac:dyDescent="0.3">
      <c r="C1194" s="22"/>
      <c r="K1194" s="14"/>
    </row>
    <row r="1195" spans="3:11" x14ac:dyDescent="0.3">
      <c r="C1195" s="22"/>
      <c r="K1195" s="14"/>
    </row>
    <row r="1196" spans="3:11" x14ac:dyDescent="0.3">
      <c r="C1196" s="22"/>
      <c r="K1196" s="14"/>
    </row>
    <row r="1197" spans="3:11" x14ac:dyDescent="0.3">
      <c r="C1197" s="22"/>
      <c r="K1197" s="14"/>
    </row>
    <row r="1198" spans="3:11" x14ac:dyDescent="0.3">
      <c r="C1198" s="22"/>
      <c r="K1198" s="14"/>
    </row>
    <row r="1199" spans="3:11" x14ac:dyDescent="0.3">
      <c r="C1199" s="22"/>
      <c r="K1199" s="14"/>
    </row>
    <row r="1200" spans="3:11" x14ac:dyDescent="0.3">
      <c r="C1200" s="22"/>
      <c r="K1200" s="14"/>
    </row>
    <row r="1201" spans="3:11" x14ac:dyDescent="0.3">
      <c r="C1201" s="22"/>
      <c r="K1201" s="14"/>
    </row>
    <row r="1202" spans="3:11" x14ac:dyDescent="0.3">
      <c r="C1202" s="22"/>
      <c r="K1202" s="14"/>
    </row>
    <row r="1203" spans="3:11" x14ac:dyDescent="0.3">
      <c r="C1203" s="22"/>
      <c r="K1203" s="14"/>
    </row>
    <row r="1204" spans="3:11" x14ac:dyDescent="0.3">
      <c r="C1204" s="22"/>
      <c r="K1204" s="14"/>
    </row>
    <row r="1205" spans="3:11" x14ac:dyDescent="0.3">
      <c r="C1205" s="22"/>
      <c r="K1205" s="14"/>
    </row>
    <row r="1206" spans="3:11" x14ac:dyDescent="0.3">
      <c r="C1206" s="22"/>
      <c r="K1206" s="14"/>
    </row>
    <row r="1207" spans="3:11" x14ac:dyDescent="0.3">
      <c r="C1207" s="22"/>
      <c r="K1207" s="14"/>
    </row>
    <row r="1208" spans="3:11" x14ac:dyDescent="0.3">
      <c r="C1208" s="22"/>
      <c r="K1208" s="14"/>
    </row>
    <row r="1209" spans="3:11" x14ac:dyDescent="0.3">
      <c r="C1209" s="22"/>
      <c r="K1209" s="14"/>
    </row>
    <row r="1210" spans="3:11" x14ac:dyDescent="0.3">
      <c r="C1210" s="22"/>
      <c r="K1210" s="14"/>
    </row>
    <row r="1211" spans="3:11" x14ac:dyDescent="0.3">
      <c r="C1211" s="22"/>
      <c r="K1211" s="14"/>
    </row>
    <row r="1212" spans="3:11" x14ac:dyDescent="0.3">
      <c r="C1212" s="22"/>
      <c r="K1212" s="14"/>
    </row>
    <row r="1213" spans="3:11" x14ac:dyDescent="0.3">
      <c r="C1213" s="22"/>
      <c r="K1213" s="14"/>
    </row>
    <row r="1214" spans="3:11" x14ac:dyDescent="0.3">
      <c r="C1214" s="22"/>
      <c r="K1214" s="14"/>
    </row>
    <row r="1215" spans="3:11" x14ac:dyDescent="0.3">
      <c r="C1215" s="22"/>
      <c r="K1215" s="14"/>
    </row>
    <row r="1216" spans="3:11" x14ac:dyDescent="0.3">
      <c r="C1216" s="22"/>
      <c r="K1216" s="14"/>
    </row>
    <row r="1217" spans="3:11" x14ac:dyDescent="0.3">
      <c r="C1217" s="22"/>
      <c r="K1217" s="14"/>
    </row>
    <row r="1218" spans="3:11" x14ac:dyDescent="0.3">
      <c r="C1218" s="22"/>
      <c r="K1218" s="14"/>
    </row>
    <row r="1219" spans="3:11" x14ac:dyDescent="0.3">
      <c r="C1219" s="22"/>
      <c r="K1219" s="14"/>
    </row>
    <row r="1220" spans="3:11" x14ac:dyDescent="0.3">
      <c r="C1220" s="22"/>
      <c r="K1220" s="14"/>
    </row>
    <row r="1221" spans="3:11" x14ac:dyDescent="0.3">
      <c r="C1221" s="22"/>
      <c r="K1221" s="14"/>
    </row>
    <row r="1222" spans="3:11" x14ac:dyDescent="0.3">
      <c r="C1222" s="22"/>
      <c r="K1222" s="14"/>
    </row>
    <row r="1223" spans="3:11" x14ac:dyDescent="0.3">
      <c r="C1223" s="22"/>
      <c r="K1223" s="14"/>
    </row>
    <row r="1224" spans="3:11" x14ac:dyDescent="0.3">
      <c r="C1224" s="22"/>
      <c r="K1224" s="14"/>
    </row>
    <row r="1225" spans="3:11" x14ac:dyDescent="0.3">
      <c r="C1225" s="22"/>
      <c r="K1225" s="14"/>
    </row>
    <row r="1226" spans="3:11" x14ac:dyDescent="0.3">
      <c r="C1226" s="22"/>
      <c r="K1226" s="14"/>
    </row>
    <row r="1227" spans="3:11" x14ac:dyDescent="0.3">
      <c r="C1227" s="22"/>
      <c r="K1227" s="14"/>
    </row>
    <row r="1228" spans="3:11" x14ac:dyDescent="0.3">
      <c r="C1228" s="22"/>
      <c r="K1228" s="14"/>
    </row>
    <row r="1229" spans="3:11" x14ac:dyDescent="0.3">
      <c r="C1229" s="22"/>
      <c r="K1229" s="14"/>
    </row>
    <row r="1230" spans="3:11" x14ac:dyDescent="0.3">
      <c r="C1230" s="22"/>
      <c r="K1230" s="14"/>
    </row>
    <row r="1231" spans="3:11" x14ac:dyDescent="0.3">
      <c r="C1231" s="22"/>
      <c r="K1231" s="14"/>
    </row>
    <row r="1232" spans="3:11" x14ac:dyDescent="0.3">
      <c r="C1232" s="22"/>
      <c r="K1232" s="14"/>
    </row>
    <row r="1233" spans="3:11" x14ac:dyDescent="0.3">
      <c r="C1233" s="22"/>
      <c r="K1233" s="14"/>
    </row>
    <row r="1234" spans="3:11" x14ac:dyDescent="0.3">
      <c r="C1234" s="22"/>
      <c r="K1234" s="14"/>
    </row>
    <row r="1235" spans="3:11" x14ac:dyDescent="0.3">
      <c r="C1235" s="22"/>
      <c r="K1235" s="14"/>
    </row>
    <row r="1236" spans="3:11" x14ac:dyDescent="0.3">
      <c r="C1236" s="22"/>
      <c r="K1236" s="14"/>
    </row>
    <row r="1237" spans="3:11" x14ac:dyDescent="0.3">
      <c r="C1237" s="22"/>
      <c r="K1237" s="14"/>
    </row>
    <row r="1238" spans="3:11" x14ac:dyDescent="0.3">
      <c r="C1238" s="22"/>
      <c r="K1238" s="14"/>
    </row>
    <row r="1239" spans="3:11" x14ac:dyDescent="0.3">
      <c r="C1239" s="22"/>
      <c r="K1239" s="14"/>
    </row>
    <row r="1240" spans="3:11" x14ac:dyDescent="0.3">
      <c r="C1240" s="22"/>
      <c r="K1240" s="14"/>
    </row>
    <row r="1241" spans="3:11" x14ac:dyDescent="0.3">
      <c r="C1241" s="22"/>
      <c r="K1241" s="14"/>
    </row>
    <row r="1242" spans="3:11" x14ac:dyDescent="0.3">
      <c r="C1242" s="22"/>
      <c r="K1242" s="14"/>
    </row>
    <row r="1243" spans="3:11" x14ac:dyDescent="0.3">
      <c r="C1243" s="22"/>
      <c r="K1243" s="14"/>
    </row>
    <row r="1244" spans="3:11" x14ac:dyDescent="0.3">
      <c r="C1244" s="22"/>
      <c r="K1244" s="14"/>
    </row>
    <row r="1245" spans="3:11" x14ac:dyDescent="0.3">
      <c r="C1245" s="22"/>
      <c r="K1245" s="14"/>
    </row>
    <row r="1246" spans="3:11" x14ac:dyDescent="0.3">
      <c r="C1246" s="22"/>
      <c r="K1246" s="14"/>
    </row>
    <row r="1247" spans="3:11" x14ac:dyDescent="0.3">
      <c r="C1247" s="22"/>
      <c r="K1247" s="14"/>
    </row>
    <row r="1248" spans="3:11" x14ac:dyDescent="0.3">
      <c r="C1248" s="22"/>
      <c r="K1248" s="14"/>
    </row>
    <row r="1249" spans="3:11" x14ac:dyDescent="0.3">
      <c r="C1249" s="22"/>
      <c r="K1249" s="14"/>
    </row>
    <row r="1250" spans="3:11" x14ac:dyDescent="0.3">
      <c r="C1250" s="22"/>
      <c r="K1250" s="14"/>
    </row>
    <row r="1251" spans="3:11" x14ac:dyDescent="0.3">
      <c r="C1251" s="22"/>
      <c r="K1251" s="14"/>
    </row>
    <row r="1252" spans="3:11" x14ac:dyDescent="0.3">
      <c r="C1252" s="22"/>
      <c r="K1252" s="14"/>
    </row>
    <row r="1253" spans="3:11" x14ac:dyDescent="0.3">
      <c r="C1253" s="22"/>
      <c r="K1253" s="14"/>
    </row>
    <row r="1254" spans="3:11" x14ac:dyDescent="0.3">
      <c r="C1254" s="22"/>
      <c r="K1254" s="14"/>
    </row>
    <row r="1255" spans="3:11" x14ac:dyDescent="0.3">
      <c r="C1255" s="22"/>
      <c r="K1255" s="14"/>
    </row>
    <row r="1256" spans="3:11" x14ac:dyDescent="0.3">
      <c r="C1256" s="22"/>
      <c r="K1256" s="14"/>
    </row>
    <row r="1257" spans="3:11" x14ac:dyDescent="0.3">
      <c r="C1257" s="22"/>
      <c r="K1257" s="14"/>
    </row>
    <row r="1258" spans="3:11" x14ac:dyDescent="0.3">
      <c r="C1258" s="22"/>
      <c r="K1258" s="14"/>
    </row>
    <row r="1259" spans="3:11" x14ac:dyDescent="0.3">
      <c r="C1259" s="22"/>
      <c r="K1259" s="14"/>
    </row>
    <row r="1260" spans="3:11" x14ac:dyDescent="0.3">
      <c r="C1260" s="22"/>
      <c r="K1260" s="14"/>
    </row>
    <row r="1261" spans="3:11" x14ac:dyDescent="0.3">
      <c r="C1261" s="22"/>
      <c r="K1261" s="14"/>
    </row>
    <row r="1262" spans="3:11" x14ac:dyDescent="0.3">
      <c r="C1262" s="22"/>
      <c r="K1262" s="14"/>
    </row>
    <row r="1263" spans="3:11" x14ac:dyDescent="0.3">
      <c r="C1263" s="22"/>
      <c r="K1263" s="14"/>
    </row>
    <row r="1264" spans="3:11" x14ac:dyDescent="0.3">
      <c r="C1264" s="22"/>
      <c r="K1264" s="14"/>
    </row>
    <row r="1265" spans="3:11" x14ac:dyDescent="0.3">
      <c r="C1265" s="22"/>
      <c r="K1265" s="14"/>
    </row>
    <row r="1266" spans="3:11" x14ac:dyDescent="0.3">
      <c r="C1266" s="22"/>
      <c r="K1266" s="14"/>
    </row>
    <row r="1267" spans="3:11" x14ac:dyDescent="0.3">
      <c r="C1267" s="22"/>
      <c r="K1267" s="14"/>
    </row>
    <row r="1268" spans="3:11" x14ac:dyDescent="0.3">
      <c r="C1268" s="22"/>
      <c r="K1268" s="14"/>
    </row>
    <row r="1269" spans="3:11" x14ac:dyDescent="0.3">
      <c r="C1269" s="22"/>
      <c r="K1269" s="14"/>
    </row>
    <row r="1270" spans="3:11" x14ac:dyDescent="0.3">
      <c r="C1270" s="22"/>
      <c r="K1270" s="14"/>
    </row>
    <row r="1271" spans="3:11" x14ac:dyDescent="0.3">
      <c r="C1271" s="22"/>
      <c r="K1271" s="14"/>
    </row>
    <row r="1272" spans="3:11" x14ac:dyDescent="0.3">
      <c r="C1272" s="22"/>
      <c r="K1272" s="14"/>
    </row>
    <row r="1273" spans="3:11" x14ac:dyDescent="0.3">
      <c r="C1273" s="22"/>
      <c r="K1273" s="14"/>
    </row>
    <row r="1274" spans="3:11" x14ac:dyDescent="0.3">
      <c r="C1274" s="22"/>
      <c r="K1274" s="14"/>
    </row>
    <row r="1275" spans="3:11" x14ac:dyDescent="0.3">
      <c r="C1275" s="22"/>
      <c r="K1275" s="14"/>
    </row>
    <row r="1276" spans="3:11" x14ac:dyDescent="0.3">
      <c r="C1276" s="22"/>
      <c r="K1276" s="14"/>
    </row>
    <row r="1277" spans="3:11" x14ac:dyDescent="0.3">
      <c r="C1277" s="22"/>
      <c r="K1277" s="14"/>
    </row>
    <row r="1278" spans="3:11" x14ac:dyDescent="0.3">
      <c r="C1278" s="22"/>
      <c r="K1278" s="14"/>
    </row>
    <row r="1279" spans="3:11" x14ac:dyDescent="0.3">
      <c r="C1279" s="22"/>
      <c r="K1279" s="14"/>
    </row>
    <row r="1280" spans="3:11" x14ac:dyDescent="0.3">
      <c r="C1280" s="22"/>
      <c r="K1280" s="14"/>
    </row>
    <row r="1281" spans="3:11" x14ac:dyDescent="0.3">
      <c r="C1281" s="22"/>
      <c r="K1281" s="14"/>
    </row>
    <row r="1282" spans="3:11" x14ac:dyDescent="0.3">
      <c r="C1282" s="22"/>
      <c r="K1282" s="14"/>
    </row>
    <row r="1283" spans="3:11" x14ac:dyDescent="0.3">
      <c r="C1283" s="22"/>
      <c r="K1283" s="14"/>
    </row>
    <row r="1284" spans="3:11" x14ac:dyDescent="0.3">
      <c r="C1284" s="22"/>
      <c r="K1284" s="14"/>
    </row>
    <row r="1285" spans="3:11" x14ac:dyDescent="0.3">
      <c r="C1285" s="22"/>
      <c r="K1285" s="14"/>
    </row>
    <row r="1286" spans="3:11" x14ac:dyDescent="0.3">
      <c r="C1286" s="22"/>
      <c r="K1286" s="14"/>
    </row>
    <row r="1287" spans="3:11" x14ac:dyDescent="0.3">
      <c r="C1287" s="22"/>
      <c r="K1287" s="14"/>
    </row>
    <row r="1288" spans="3:11" x14ac:dyDescent="0.3">
      <c r="C1288" s="22"/>
      <c r="K1288" s="14"/>
    </row>
    <row r="1289" spans="3:11" x14ac:dyDescent="0.3">
      <c r="C1289" s="22"/>
      <c r="K1289" s="14"/>
    </row>
    <row r="1290" spans="3:11" x14ac:dyDescent="0.3">
      <c r="C1290" s="22"/>
      <c r="K1290" s="14"/>
    </row>
    <row r="1291" spans="3:11" x14ac:dyDescent="0.3">
      <c r="C1291" s="22"/>
      <c r="K1291" s="14"/>
    </row>
    <row r="1292" spans="3:11" x14ac:dyDescent="0.3">
      <c r="C1292" s="22"/>
      <c r="K1292" s="14"/>
    </row>
    <row r="1293" spans="3:11" x14ac:dyDescent="0.3">
      <c r="C1293" s="22"/>
      <c r="K1293" s="14"/>
    </row>
    <row r="1294" spans="3:11" x14ac:dyDescent="0.3">
      <c r="C1294" s="22"/>
      <c r="K1294" s="14"/>
    </row>
    <row r="1295" spans="3:11" x14ac:dyDescent="0.3">
      <c r="C1295" s="22"/>
      <c r="K1295" s="14"/>
    </row>
    <row r="1296" spans="3:11" x14ac:dyDescent="0.3">
      <c r="C1296" s="22"/>
      <c r="K1296" s="14"/>
    </row>
    <row r="1297" spans="3:11" x14ac:dyDescent="0.3">
      <c r="C1297" s="22"/>
      <c r="K1297" s="14"/>
    </row>
    <row r="1298" spans="3:11" x14ac:dyDescent="0.3">
      <c r="C1298" s="22"/>
      <c r="K1298" s="14"/>
    </row>
    <row r="1299" spans="3:11" x14ac:dyDescent="0.3">
      <c r="C1299" s="22"/>
      <c r="K1299" s="14"/>
    </row>
    <row r="1300" spans="3:11" x14ac:dyDescent="0.3">
      <c r="C1300" s="22"/>
      <c r="K1300" s="14"/>
    </row>
    <row r="1301" spans="3:11" x14ac:dyDescent="0.3">
      <c r="C1301" s="22"/>
      <c r="K1301" s="14"/>
    </row>
    <row r="1302" spans="3:11" x14ac:dyDescent="0.3">
      <c r="C1302" s="22"/>
      <c r="K1302" s="14"/>
    </row>
    <row r="1303" spans="3:11" x14ac:dyDescent="0.3">
      <c r="C1303" s="22"/>
      <c r="K1303" s="14"/>
    </row>
    <row r="1304" spans="3:11" x14ac:dyDescent="0.3">
      <c r="C1304" s="22"/>
      <c r="K1304" s="14"/>
    </row>
    <row r="1305" spans="3:11" x14ac:dyDescent="0.3">
      <c r="C1305" s="22"/>
      <c r="K1305" s="14"/>
    </row>
    <row r="1306" spans="3:11" x14ac:dyDescent="0.3">
      <c r="C1306" s="22"/>
      <c r="K1306" s="14"/>
    </row>
    <row r="1307" spans="3:11" x14ac:dyDescent="0.3">
      <c r="C1307" s="22"/>
      <c r="K1307" s="14"/>
    </row>
    <row r="1308" spans="3:11" x14ac:dyDescent="0.3">
      <c r="C1308" s="22"/>
      <c r="K1308" s="14"/>
    </row>
    <row r="1309" spans="3:11" x14ac:dyDescent="0.3">
      <c r="C1309" s="22"/>
      <c r="K1309" s="14"/>
    </row>
    <row r="1310" spans="3:11" x14ac:dyDescent="0.3">
      <c r="C1310" s="22"/>
      <c r="K1310" s="14"/>
    </row>
    <row r="1311" spans="3:11" x14ac:dyDescent="0.3">
      <c r="C1311" s="22"/>
      <c r="K1311" s="14"/>
    </row>
    <row r="1312" spans="3:11" x14ac:dyDescent="0.3">
      <c r="C1312" s="22"/>
      <c r="K1312" s="14"/>
    </row>
    <row r="1313" spans="3:11" x14ac:dyDescent="0.3">
      <c r="C1313" s="22"/>
      <c r="K1313" s="14"/>
    </row>
    <row r="1314" spans="3:11" x14ac:dyDescent="0.3">
      <c r="C1314" s="22"/>
      <c r="K1314" s="14"/>
    </row>
    <row r="1315" spans="3:11" x14ac:dyDescent="0.3">
      <c r="C1315" s="22"/>
      <c r="K1315" s="14"/>
    </row>
    <row r="1316" spans="3:11" x14ac:dyDescent="0.3">
      <c r="C1316" s="22"/>
      <c r="K1316" s="14"/>
    </row>
    <row r="1317" spans="3:11" x14ac:dyDescent="0.3">
      <c r="C1317" s="22"/>
      <c r="K1317" s="14"/>
    </row>
    <row r="1318" spans="3:11" x14ac:dyDescent="0.3">
      <c r="C1318" s="22"/>
      <c r="K1318" s="14"/>
    </row>
    <row r="1319" spans="3:11" x14ac:dyDescent="0.3">
      <c r="C1319" s="22"/>
      <c r="K1319" s="14"/>
    </row>
    <row r="1320" spans="3:11" x14ac:dyDescent="0.3">
      <c r="C1320" s="22"/>
      <c r="K1320" s="14"/>
    </row>
    <row r="1321" spans="3:11" x14ac:dyDescent="0.3">
      <c r="C1321" s="22"/>
      <c r="K1321" s="14"/>
    </row>
    <row r="1322" spans="3:11" x14ac:dyDescent="0.3">
      <c r="C1322" s="22"/>
      <c r="K1322" s="14"/>
    </row>
    <row r="1323" spans="3:11" x14ac:dyDescent="0.3">
      <c r="C1323" s="22"/>
      <c r="K1323" s="14"/>
    </row>
    <row r="1324" spans="3:11" x14ac:dyDescent="0.3">
      <c r="C1324" s="22"/>
      <c r="K1324" s="14"/>
    </row>
    <row r="1325" spans="3:11" x14ac:dyDescent="0.3">
      <c r="C1325" s="22"/>
      <c r="K1325" s="14"/>
    </row>
    <row r="1326" spans="3:11" x14ac:dyDescent="0.3">
      <c r="C1326" s="22"/>
      <c r="K1326" s="14"/>
    </row>
    <row r="1327" spans="3:11" x14ac:dyDescent="0.3">
      <c r="C1327" s="22"/>
      <c r="K1327" s="14"/>
    </row>
    <row r="1328" spans="3:11" x14ac:dyDescent="0.3">
      <c r="C1328" s="22"/>
      <c r="K1328" s="14"/>
    </row>
    <row r="1329" spans="3:11" x14ac:dyDescent="0.3">
      <c r="C1329" s="22"/>
      <c r="K1329" s="14"/>
    </row>
  </sheetData>
  <conditionalFormatting sqref="A1:A1329">
    <cfRule type="duplicateValues" dxfId="7" priority="78"/>
    <cfRule type="duplicateValues" dxfId="6" priority="79"/>
    <cfRule type="duplicateValues" dxfId="5" priority="80"/>
    <cfRule type="duplicateValues" dxfId="4" priority="81"/>
  </conditionalFormatting>
  <conditionalFormatting sqref="A1330:A1048576">
    <cfRule type="duplicateValues" dxfId="3" priority="5"/>
    <cfRule type="duplicateValues" dxfId="2" priority="19"/>
    <cfRule type="duplicateValues" dxfId="1" priority="29"/>
    <cfRule type="duplicateValues" dxfId="0" priority="31"/>
  </conditionalFormatting>
  <hyperlinks>
    <hyperlink ref="C224" r:id="rId1" xr:uid="{B62E01D8-824E-4AC7-AA2C-CEB54CF3413A}"/>
    <hyperlink ref="C176" r:id="rId2" xr:uid="{48C3FE86-FFDD-4B2B-8806-A4F70731B1A3}"/>
    <hyperlink ref="C150" r:id="rId3" xr:uid="{B5A1BB84-1C34-4759-9D18-16F47ADE886E}"/>
    <hyperlink ref="C16" r:id="rId4" xr:uid="{A9127A4D-ED13-4E8C-B348-5FA1542143A1}"/>
    <hyperlink ref="C17:C27" r:id="rId5" display="https://learn.microsoft.com/troubleshoot/sql/releases/sqlserver-2019/cumulativeupdate27" xr:uid="{1791EB31-4232-497F-837C-FB35D1D201A3}"/>
    <hyperlink ref="C29" r:id="rId6" xr:uid="{0CF8C9B3-01B6-40A9-AA72-06742E8FC0A9}"/>
    <hyperlink ref="C28" r:id="rId7" xr:uid="{D3C1321D-593E-4B1F-812F-970D6143A9E9}"/>
    <hyperlink ref="C2" r:id="rId8" xr:uid="{9F98DA75-0958-4968-A7DD-CBE21D39B742}"/>
  </hyperlinks>
  <pageMargins left="0.7" right="0.7" top="0.75" bottom="0.75" header="0.3" footer="0.3"/>
  <pageSetup paperSize="9" orientation="portrait" r:id="rId9"/>
  <customProperties>
    <customPr name="EpmWorksheetKeyString_GUID" r:id="rId10"/>
  </customProperties>
  <ignoredErrors>
    <ignoredError sqref="C224 C176 C152:C154 C106:C150 C54:C103 C16:C48 C2:C13" calculatedColumn="1"/>
  </ignoredErrors>
  <tableParts count="1">
    <tablePart r:id="rId11"/>
  </tableParts>
  <extLst>
    <ext xmlns:x14="http://schemas.microsoft.com/office/spreadsheetml/2009/9/main" uri="{CCE6A557-97BC-4b89-ADB6-D9C93CAAB3DF}">
      <x14:dataValidations xmlns:xm="http://schemas.microsoft.com/office/excel/2006/main" count="2">
        <x14:dataValidation type="list" allowBlank="1" showInputMessage="1" showErrorMessage="1" xr:uid="{CF04AC84-ADAB-4459-8F94-A2E742DF8791}">
          <x14:formula1>
            <xm:f>Component!$A$1:$A$57</xm:f>
          </x14:formula1>
          <xm:sqref>F16:F1005</xm:sqref>
        </x14:dataValidation>
        <x14:dataValidation type="list" allowBlank="1" showInputMessage="1" showErrorMessage="1" xr:uid="{66EB5401-FD6A-4E78-A7E8-AB5C3995870B}">
          <x14:formula1>
            <xm:f>Feature!$A$1:$A$11</xm:f>
          </x14:formula1>
          <xm:sqref>E16:E1329</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B75C98-5F1A-4860-8209-2586563CA759}">
  <sheetPr>
    <tabColor rgb="FF00B050"/>
  </sheetPr>
  <dimension ref="A1:H51"/>
  <sheetViews>
    <sheetView workbookViewId="0">
      <pane ySplit="1" topLeftCell="A2" activePane="bottomLeft" state="frozen"/>
      <selection pane="bottomLeft"/>
    </sheetView>
  </sheetViews>
  <sheetFormatPr defaultRowHeight="14.4" x14ac:dyDescent="0.3"/>
  <cols>
    <col min="1" max="1" width="15.109375" customWidth="1"/>
    <col min="2" max="2" width="13.44140625" customWidth="1"/>
    <col min="3" max="3" width="38.88671875" customWidth="1"/>
    <col min="4" max="4" width="15" customWidth="1"/>
    <col min="5" max="5" width="22" customWidth="1"/>
    <col min="6" max="6" width="33.44140625" customWidth="1"/>
    <col min="7" max="7" width="22.88671875" customWidth="1"/>
    <col min="8" max="8" width="53.6640625" customWidth="1"/>
  </cols>
  <sheetData>
    <row r="1" spans="1:8" ht="18" customHeight="1" x14ac:dyDescent="0.3">
      <c r="A1" s="69" t="s">
        <v>20</v>
      </c>
      <c r="B1" s="69" t="s">
        <v>21</v>
      </c>
      <c r="C1" s="69" t="s">
        <v>22</v>
      </c>
      <c r="D1" s="70" t="s">
        <v>23</v>
      </c>
      <c r="E1" s="70" t="s">
        <v>24</v>
      </c>
      <c r="F1" s="69" t="s">
        <v>25</v>
      </c>
      <c r="G1" s="69" t="s">
        <v>26</v>
      </c>
      <c r="H1" s="69" t="s">
        <v>27</v>
      </c>
    </row>
    <row r="2" spans="1:8" ht="16.5" customHeight="1" x14ac:dyDescent="0.3">
      <c r="A2" s="34" t="s">
        <v>1395</v>
      </c>
      <c r="B2" s="11">
        <v>5040940</v>
      </c>
      <c r="C2" s="82" t="s">
        <v>1396</v>
      </c>
      <c r="D2" s="35">
        <v>45482</v>
      </c>
      <c r="E2" s="3" t="s">
        <v>30</v>
      </c>
      <c r="F2" s="3" t="s">
        <v>1397</v>
      </c>
      <c r="G2" s="13" t="s">
        <v>35</v>
      </c>
      <c r="H2" s="34"/>
    </row>
    <row r="3" spans="1:8" ht="16.5" customHeight="1" x14ac:dyDescent="0.3">
      <c r="A3" s="34" t="s">
        <v>1398</v>
      </c>
      <c r="B3" s="11">
        <v>5040942</v>
      </c>
      <c r="C3" s="82" t="s">
        <v>1399</v>
      </c>
      <c r="D3" s="35">
        <v>45482</v>
      </c>
      <c r="E3" s="3" t="s">
        <v>30</v>
      </c>
      <c r="F3" s="3" t="s">
        <v>37</v>
      </c>
      <c r="G3" s="13" t="s">
        <v>38</v>
      </c>
      <c r="H3" s="34"/>
    </row>
    <row r="4" spans="1:8" ht="16.5" customHeight="1" x14ac:dyDescent="0.3">
      <c r="A4" s="34" t="s">
        <v>1400</v>
      </c>
      <c r="B4" s="11">
        <v>5029376</v>
      </c>
      <c r="C4" s="68" t="str">
        <f t="shared" ref="C4:C5" si="0">HYPERLINK("https://support.microsoft.com/kb/"&amp;B4)</f>
        <v>https://support.microsoft.com/kb/5029376</v>
      </c>
      <c r="D4" s="35">
        <v>45209</v>
      </c>
      <c r="E4" s="3" t="s">
        <v>30</v>
      </c>
      <c r="F4" s="3" t="s">
        <v>1397</v>
      </c>
      <c r="G4" s="13" t="s">
        <v>35</v>
      </c>
      <c r="H4" s="34"/>
    </row>
    <row r="5" spans="1:8" ht="16.5" customHeight="1" x14ac:dyDescent="0.3">
      <c r="A5" s="34" t="s">
        <v>1401</v>
      </c>
      <c r="B5" s="11">
        <v>5029375</v>
      </c>
      <c r="C5" s="68" t="str">
        <f t="shared" si="0"/>
        <v>https://support.microsoft.com/kb/5029375</v>
      </c>
      <c r="D5" s="35">
        <v>45209</v>
      </c>
      <c r="E5" s="3" t="s">
        <v>30</v>
      </c>
      <c r="F5" s="3" t="s">
        <v>37</v>
      </c>
      <c r="G5" s="13" t="s">
        <v>38</v>
      </c>
      <c r="H5" s="34"/>
    </row>
    <row r="6" spans="1:8" s="58" customFormat="1" ht="16.5" customHeight="1" x14ac:dyDescent="0.3">
      <c r="A6" s="34" t="s">
        <v>1402</v>
      </c>
      <c r="B6" s="11">
        <v>5021126</v>
      </c>
      <c r="C6" s="68" t="str">
        <f>HYPERLINK("https://support.microsoft.com/kb/"&amp;B6)</f>
        <v>https://support.microsoft.com/kb/5021126</v>
      </c>
      <c r="D6" s="35">
        <v>44971</v>
      </c>
      <c r="E6" s="3" t="s">
        <v>30</v>
      </c>
      <c r="F6" s="3" t="s">
        <v>1397</v>
      </c>
      <c r="G6" s="13" t="s">
        <v>35</v>
      </c>
      <c r="H6" s="34"/>
    </row>
    <row r="7" spans="1:8" ht="16.5" customHeight="1" x14ac:dyDescent="0.3">
      <c r="A7" s="34" t="s">
        <v>1403</v>
      </c>
      <c r="B7" s="11">
        <v>5021127</v>
      </c>
      <c r="C7" s="9" t="str">
        <f>HYPERLINK("https://support.microsoft.com/kb/"&amp;B7)</f>
        <v>https://support.microsoft.com/kb/5021127</v>
      </c>
      <c r="D7" s="35">
        <v>44971</v>
      </c>
      <c r="E7" s="3" t="s">
        <v>30</v>
      </c>
      <c r="F7" s="3" t="s">
        <v>37</v>
      </c>
      <c r="G7" s="13" t="s">
        <v>38</v>
      </c>
      <c r="H7" s="34"/>
    </row>
    <row r="8" spans="1:8" x14ac:dyDescent="0.3">
      <c r="A8" s="3" t="s">
        <v>1404</v>
      </c>
      <c r="B8" s="11">
        <v>5016884</v>
      </c>
      <c r="C8" s="10" t="s">
        <v>1405</v>
      </c>
      <c r="D8" s="14">
        <v>44824</v>
      </c>
      <c r="E8" s="3" t="s">
        <v>30</v>
      </c>
      <c r="F8" s="3" t="s">
        <v>1406</v>
      </c>
      <c r="G8" s="4" t="s">
        <v>32</v>
      </c>
      <c r="H8" s="3"/>
    </row>
    <row r="9" spans="1:8" x14ac:dyDescent="0.3">
      <c r="A9" s="3" t="s">
        <v>1407</v>
      </c>
      <c r="B9" s="11">
        <v>5013756</v>
      </c>
      <c r="C9" s="10" t="s">
        <v>1408</v>
      </c>
      <c r="D9" s="14">
        <v>44755</v>
      </c>
      <c r="E9" s="3" t="s">
        <v>30</v>
      </c>
      <c r="F9" s="3" t="s">
        <v>1409</v>
      </c>
      <c r="G9" s="4" t="s">
        <v>32</v>
      </c>
      <c r="H9" s="3"/>
    </row>
    <row r="10" spans="1:8" x14ac:dyDescent="0.3">
      <c r="A10" s="13" t="s">
        <v>1410</v>
      </c>
      <c r="B10" s="11">
        <v>5014553</v>
      </c>
      <c r="C10" s="10" t="s">
        <v>1411</v>
      </c>
      <c r="D10" s="14">
        <v>44726</v>
      </c>
      <c r="E10" s="3" t="s">
        <v>30</v>
      </c>
      <c r="F10" s="3" t="s">
        <v>1412</v>
      </c>
      <c r="G10" s="13" t="s">
        <v>35</v>
      </c>
      <c r="H10" s="3"/>
    </row>
    <row r="11" spans="1:8" x14ac:dyDescent="0.3">
      <c r="A11" s="13" t="s">
        <v>1413</v>
      </c>
      <c r="B11" s="11">
        <v>5014354</v>
      </c>
      <c r="C11" s="10" t="s">
        <v>1414</v>
      </c>
      <c r="D11" s="14">
        <v>44726</v>
      </c>
      <c r="E11" s="3" t="s">
        <v>30</v>
      </c>
      <c r="F11" s="3" t="s">
        <v>37</v>
      </c>
      <c r="G11" s="13" t="s">
        <v>38</v>
      </c>
      <c r="H11" s="3"/>
    </row>
    <row r="12" spans="1:8" x14ac:dyDescent="0.3">
      <c r="A12" s="3" t="s">
        <v>1415</v>
      </c>
      <c r="B12" s="11">
        <v>5010786</v>
      </c>
      <c r="C12" s="10" t="s">
        <v>1416</v>
      </c>
      <c r="D12" s="14">
        <v>44650</v>
      </c>
      <c r="E12" s="3" t="s">
        <v>30</v>
      </c>
      <c r="F12" s="3" t="s">
        <v>1417</v>
      </c>
      <c r="G12" s="4" t="s">
        <v>32</v>
      </c>
      <c r="H12" s="3"/>
    </row>
    <row r="13" spans="1:8" x14ac:dyDescent="0.3">
      <c r="A13" s="3" t="s">
        <v>1418</v>
      </c>
      <c r="B13" s="11">
        <v>5008084</v>
      </c>
      <c r="C13" s="10" t="s">
        <v>1419</v>
      </c>
      <c r="D13" s="14">
        <v>44574</v>
      </c>
      <c r="E13" s="3" t="s">
        <v>30</v>
      </c>
      <c r="F13" s="3" t="s">
        <v>470</v>
      </c>
      <c r="G13" s="4" t="s">
        <v>32</v>
      </c>
      <c r="H13" s="3"/>
    </row>
    <row r="14" spans="1:8" x14ac:dyDescent="0.3">
      <c r="A14" s="3" t="s">
        <v>1420</v>
      </c>
      <c r="B14" s="11">
        <v>5006944</v>
      </c>
      <c r="C14" s="10" t="s">
        <v>1421</v>
      </c>
      <c r="D14" s="14">
        <v>44496</v>
      </c>
      <c r="E14" s="3" t="s">
        <v>30</v>
      </c>
      <c r="F14" s="3" t="s">
        <v>478</v>
      </c>
      <c r="G14" s="4" t="s">
        <v>32</v>
      </c>
      <c r="H14" s="3"/>
    </row>
    <row r="15" spans="1:8" x14ac:dyDescent="0.3">
      <c r="A15" s="3" t="s">
        <v>1422</v>
      </c>
      <c r="B15" s="11">
        <v>5005226</v>
      </c>
      <c r="C15" s="10" t="s">
        <v>1423</v>
      </c>
      <c r="D15" s="14">
        <v>44453</v>
      </c>
      <c r="E15" s="3" t="s">
        <v>30</v>
      </c>
      <c r="F15" s="3" t="s">
        <v>481</v>
      </c>
      <c r="G15" s="4" t="s">
        <v>32</v>
      </c>
      <c r="H15" s="3"/>
    </row>
    <row r="16" spans="1:8" x14ac:dyDescent="0.3">
      <c r="A16" s="3" t="s">
        <v>1424</v>
      </c>
      <c r="B16" s="11">
        <v>5003830</v>
      </c>
      <c r="C16" s="10" t="s">
        <v>1425</v>
      </c>
      <c r="D16" s="14">
        <v>44389</v>
      </c>
      <c r="E16" s="3" t="s">
        <v>30</v>
      </c>
      <c r="F16" s="3" t="s">
        <v>489</v>
      </c>
      <c r="G16" s="4" t="s">
        <v>32</v>
      </c>
      <c r="H16" s="3"/>
    </row>
    <row r="17" spans="1:8" x14ac:dyDescent="0.3">
      <c r="A17" s="3" t="s">
        <v>1426</v>
      </c>
      <c r="B17" s="11">
        <v>5001228</v>
      </c>
      <c r="C17" s="10" t="s">
        <v>1427</v>
      </c>
      <c r="D17" s="14">
        <v>44326</v>
      </c>
      <c r="E17" s="3" t="s">
        <v>30</v>
      </c>
      <c r="F17" s="3" t="s">
        <v>492</v>
      </c>
      <c r="G17" s="4" t="s">
        <v>32</v>
      </c>
      <c r="H17" s="3"/>
    </row>
    <row r="18" spans="1:8" x14ac:dyDescent="0.3">
      <c r="A18" s="3" t="s">
        <v>1428</v>
      </c>
      <c r="B18" s="11">
        <v>5000685</v>
      </c>
      <c r="C18" s="10" t="s">
        <v>1429</v>
      </c>
      <c r="D18" s="14">
        <v>44251</v>
      </c>
      <c r="E18" s="3" t="s">
        <v>30</v>
      </c>
      <c r="F18" s="3" t="s">
        <v>495</v>
      </c>
      <c r="G18" s="4" t="s">
        <v>32</v>
      </c>
      <c r="H18" s="3"/>
    </row>
    <row r="19" spans="1:8" x14ac:dyDescent="0.3">
      <c r="A19" s="3" t="s">
        <v>1430</v>
      </c>
      <c r="B19" s="11">
        <v>4583457</v>
      </c>
      <c r="C19" s="10" t="s">
        <v>1431</v>
      </c>
      <c r="D19" s="14">
        <v>44208</v>
      </c>
      <c r="E19" s="3" t="s">
        <v>30</v>
      </c>
      <c r="F19" s="3" t="s">
        <v>498</v>
      </c>
      <c r="G19" s="4" t="s">
        <v>35</v>
      </c>
      <c r="H19" s="3"/>
    </row>
    <row r="20" spans="1:8" x14ac:dyDescent="0.3">
      <c r="A20" s="3" t="s">
        <v>1432</v>
      </c>
      <c r="B20" s="11">
        <v>4583456</v>
      </c>
      <c r="C20" s="10" t="s">
        <v>1433</v>
      </c>
      <c r="D20" s="14">
        <v>44208</v>
      </c>
      <c r="E20" s="3" t="s">
        <v>30</v>
      </c>
      <c r="F20" s="3" t="s">
        <v>37</v>
      </c>
      <c r="G20" s="4" t="s">
        <v>38</v>
      </c>
      <c r="H20" s="3"/>
    </row>
    <row r="21" spans="1:8" x14ac:dyDescent="0.3">
      <c r="A21" s="3" t="s">
        <v>1434</v>
      </c>
      <c r="B21" s="11">
        <v>4577467</v>
      </c>
      <c r="C21" s="10" t="s">
        <v>1435</v>
      </c>
      <c r="D21" s="14">
        <v>44084</v>
      </c>
      <c r="E21" s="3" t="s">
        <v>30</v>
      </c>
      <c r="F21" s="3" t="s">
        <v>503</v>
      </c>
      <c r="G21" s="4" t="s">
        <v>32</v>
      </c>
      <c r="H21" s="3"/>
    </row>
    <row r="22" spans="1:8" x14ac:dyDescent="0.3">
      <c r="A22" s="3" t="s">
        <v>1436</v>
      </c>
      <c r="B22" s="11">
        <v>4557397</v>
      </c>
      <c r="C22" s="10" t="s">
        <v>1437</v>
      </c>
      <c r="D22" s="14">
        <v>44013</v>
      </c>
      <c r="E22" s="3" t="s">
        <v>30</v>
      </c>
      <c r="F22" s="3" t="s">
        <v>506</v>
      </c>
      <c r="G22" s="4" t="s">
        <v>32</v>
      </c>
      <c r="H22" s="3"/>
    </row>
    <row r="23" spans="1:8" x14ac:dyDescent="0.3">
      <c r="A23" s="3" t="s">
        <v>1438</v>
      </c>
      <c r="B23" s="11">
        <v>4541283</v>
      </c>
      <c r="C23" s="10" t="s">
        <v>1439</v>
      </c>
      <c r="D23" s="14">
        <v>43928</v>
      </c>
      <c r="E23" s="3" t="s">
        <v>30</v>
      </c>
      <c r="F23" s="3" t="s">
        <v>508</v>
      </c>
      <c r="G23" s="4" t="s">
        <v>32</v>
      </c>
      <c r="H23" s="3"/>
    </row>
    <row r="24" spans="1:8" x14ac:dyDescent="0.3">
      <c r="A24" s="3" t="s">
        <v>1440</v>
      </c>
      <c r="B24" s="11">
        <v>4535007</v>
      </c>
      <c r="C24" s="10" t="s">
        <v>1441</v>
      </c>
      <c r="D24" s="14">
        <v>43866</v>
      </c>
      <c r="E24" s="3" t="s">
        <v>30</v>
      </c>
      <c r="F24" s="3" t="s">
        <v>510</v>
      </c>
      <c r="G24" s="4" t="s">
        <v>32</v>
      </c>
      <c r="H24" s="3"/>
    </row>
    <row r="25" spans="1:8" x14ac:dyDescent="0.3">
      <c r="A25" s="3" t="s">
        <v>1442</v>
      </c>
      <c r="B25" s="11">
        <v>4527377</v>
      </c>
      <c r="C25" s="10" t="s">
        <v>1443</v>
      </c>
      <c r="D25" s="14">
        <v>43808</v>
      </c>
      <c r="E25" s="3" t="s">
        <v>30</v>
      </c>
      <c r="F25" s="3" t="s">
        <v>515</v>
      </c>
      <c r="G25" s="4" t="s">
        <v>32</v>
      </c>
      <c r="H25" s="3"/>
    </row>
    <row r="26" spans="1:8" x14ac:dyDescent="0.3">
      <c r="A26" s="3" t="s">
        <v>1444</v>
      </c>
      <c r="B26" s="11">
        <v>4515579</v>
      </c>
      <c r="C26" s="10" t="s">
        <v>1445</v>
      </c>
      <c r="D26" s="14">
        <v>43746</v>
      </c>
      <c r="E26" s="3" t="s">
        <v>30</v>
      </c>
      <c r="F26" s="3" t="s">
        <v>517</v>
      </c>
      <c r="G26" s="4" t="s">
        <v>32</v>
      </c>
      <c r="H26" s="3"/>
    </row>
    <row r="27" spans="1:8" x14ac:dyDescent="0.3">
      <c r="A27" s="3" t="s">
        <v>1446</v>
      </c>
      <c r="B27" s="11">
        <v>4508218</v>
      </c>
      <c r="C27" s="10" t="s">
        <v>1447</v>
      </c>
      <c r="D27" s="14">
        <v>43678</v>
      </c>
      <c r="E27" s="3" t="s">
        <v>30</v>
      </c>
      <c r="F27" s="3" t="s">
        <v>522</v>
      </c>
      <c r="G27" s="4" t="s">
        <v>32</v>
      </c>
      <c r="H27" s="3"/>
    </row>
    <row r="28" spans="1:8" x14ac:dyDescent="0.3">
      <c r="A28" s="3" t="s">
        <v>1448</v>
      </c>
      <c r="B28" s="11">
        <v>4505225</v>
      </c>
      <c r="C28" s="10" t="s">
        <v>1449</v>
      </c>
      <c r="D28" s="14">
        <v>43655</v>
      </c>
      <c r="E28" s="3" t="s">
        <v>30</v>
      </c>
      <c r="F28" s="3" t="s">
        <v>1450</v>
      </c>
      <c r="G28" s="4" t="s">
        <v>35</v>
      </c>
      <c r="H28" s="3"/>
    </row>
    <row r="29" spans="1:8" x14ac:dyDescent="0.3">
      <c r="A29" s="3" t="s">
        <v>1451</v>
      </c>
      <c r="B29" s="11">
        <v>4505224</v>
      </c>
      <c r="C29" s="10" t="s">
        <v>1452</v>
      </c>
      <c r="D29" s="14">
        <v>43655</v>
      </c>
      <c r="E29" s="3" t="s">
        <v>30</v>
      </c>
      <c r="F29" s="3" t="s">
        <v>38</v>
      </c>
      <c r="G29" s="4" t="s">
        <v>38</v>
      </c>
      <c r="H29" s="3"/>
    </row>
    <row r="30" spans="1:8" x14ac:dyDescent="0.3">
      <c r="A30" s="3" t="s">
        <v>1453</v>
      </c>
      <c r="B30" s="11">
        <v>4498951</v>
      </c>
      <c r="C30" s="10" t="s">
        <v>1454</v>
      </c>
      <c r="D30" s="14">
        <v>43608</v>
      </c>
      <c r="E30" s="3" t="s">
        <v>30</v>
      </c>
      <c r="F30" s="3" t="s">
        <v>524</v>
      </c>
      <c r="G30" s="4" t="s">
        <v>32</v>
      </c>
      <c r="H30" s="3"/>
    </row>
    <row r="31" spans="1:8" x14ac:dyDescent="0.3">
      <c r="A31" s="3" t="s">
        <v>1455</v>
      </c>
      <c r="B31" s="11">
        <v>4494352</v>
      </c>
      <c r="C31" s="10" t="s">
        <v>1456</v>
      </c>
      <c r="D31" s="14">
        <v>43599</v>
      </c>
      <c r="E31" s="3" t="s">
        <v>30</v>
      </c>
      <c r="F31" s="3" t="s">
        <v>1457</v>
      </c>
      <c r="G31" s="4" t="s">
        <v>35</v>
      </c>
      <c r="H31" s="3"/>
    </row>
    <row r="32" spans="1:8" x14ac:dyDescent="0.3">
      <c r="A32" s="3" t="s">
        <v>1458</v>
      </c>
      <c r="B32" s="11">
        <v>4494351</v>
      </c>
      <c r="C32" s="10" t="s">
        <v>1459</v>
      </c>
      <c r="D32" s="14">
        <v>43599</v>
      </c>
      <c r="E32" s="3" t="s">
        <v>30</v>
      </c>
      <c r="F32" s="3" t="s">
        <v>37</v>
      </c>
      <c r="G32" s="4" t="s">
        <v>38</v>
      </c>
      <c r="H32" s="3"/>
    </row>
    <row r="33" spans="1:8" x14ac:dyDescent="0.3">
      <c r="A33" s="3" t="s">
        <v>1460</v>
      </c>
      <c r="B33" s="11">
        <v>4484710</v>
      </c>
      <c r="C33" s="10" t="s">
        <v>1461</v>
      </c>
      <c r="D33" s="14">
        <v>43549</v>
      </c>
      <c r="E33" s="3" t="s">
        <v>30</v>
      </c>
      <c r="F33" s="3" t="s">
        <v>31</v>
      </c>
      <c r="G33" s="4" t="s">
        <v>32</v>
      </c>
      <c r="H33" s="3"/>
    </row>
    <row r="34" spans="1:8" x14ac:dyDescent="0.3">
      <c r="A34" s="3" t="s">
        <v>1462</v>
      </c>
      <c r="B34" s="11">
        <v>4466404</v>
      </c>
      <c r="C34" s="10" t="s">
        <v>1463</v>
      </c>
      <c r="D34" s="14">
        <v>43452</v>
      </c>
      <c r="E34" s="3" t="s">
        <v>30</v>
      </c>
      <c r="F34" s="3" t="s">
        <v>41</v>
      </c>
      <c r="G34" s="4" t="s">
        <v>32</v>
      </c>
      <c r="H34" s="3"/>
    </row>
    <row r="35" spans="1:8" x14ac:dyDescent="0.3">
      <c r="A35" s="3" t="s">
        <v>1464</v>
      </c>
      <c r="B35" s="11">
        <v>4464082</v>
      </c>
      <c r="C35" s="10" t="s">
        <v>1465</v>
      </c>
      <c r="D35" s="14">
        <v>43397</v>
      </c>
      <c r="E35" s="3" t="s">
        <v>30</v>
      </c>
      <c r="F35" s="3" t="s">
        <v>47</v>
      </c>
      <c r="G35" s="4" t="s">
        <v>32</v>
      </c>
      <c r="H35" s="3"/>
    </row>
    <row r="36" spans="1:8" x14ac:dyDescent="0.3">
      <c r="A36" s="3" t="s">
        <v>1466</v>
      </c>
      <c r="B36" s="11">
        <v>4462262</v>
      </c>
      <c r="C36" s="10" t="s">
        <v>1467</v>
      </c>
      <c r="D36" s="14">
        <v>43363</v>
      </c>
      <c r="E36" s="3" t="s">
        <v>30</v>
      </c>
      <c r="F36" s="3" t="s">
        <v>50</v>
      </c>
      <c r="G36" s="4" t="s">
        <v>32</v>
      </c>
      <c r="H36" s="3"/>
    </row>
    <row r="37" spans="1:8" x14ac:dyDescent="0.3">
      <c r="A37" s="3" t="s">
        <v>1468</v>
      </c>
      <c r="B37" s="11">
        <v>4342123</v>
      </c>
      <c r="C37" s="10" t="s">
        <v>1469</v>
      </c>
      <c r="D37" s="14">
        <v>43339</v>
      </c>
      <c r="E37" s="3" t="s">
        <v>30</v>
      </c>
      <c r="F37" s="3" t="s">
        <v>56</v>
      </c>
      <c r="G37" s="4" t="s">
        <v>32</v>
      </c>
      <c r="H37" s="3"/>
    </row>
    <row r="38" spans="1:8" x14ac:dyDescent="0.3">
      <c r="A38" s="3" t="s">
        <v>1470</v>
      </c>
      <c r="B38" s="11">
        <v>4293803</v>
      </c>
      <c r="C38" s="10" t="s">
        <v>1471</v>
      </c>
      <c r="D38" s="14">
        <v>43326</v>
      </c>
      <c r="E38" s="3" t="s">
        <v>30</v>
      </c>
      <c r="F38" s="3" t="s">
        <v>37</v>
      </c>
      <c r="G38" s="4" t="s">
        <v>38</v>
      </c>
      <c r="H38" s="3"/>
    </row>
    <row r="39" spans="1:8" x14ac:dyDescent="0.3">
      <c r="A39" s="3" t="s">
        <v>1472</v>
      </c>
      <c r="B39" s="11">
        <v>4293805</v>
      </c>
      <c r="C39" s="10" t="s">
        <v>1473</v>
      </c>
      <c r="D39" s="14">
        <v>43326</v>
      </c>
      <c r="E39" s="3" t="s">
        <v>30</v>
      </c>
      <c r="F39" s="3" t="s">
        <v>1474</v>
      </c>
      <c r="G39" s="4" t="s">
        <v>35</v>
      </c>
      <c r="H39" s="3"/>
    </row>
    <row r="40" spans="1:8" x14ac:dyDescent="0.3">
      <c r="A40" s="3" t="s">
        <v>1475</v>
      </c>
      <c r="B40" s="11">
        <v>4341265</v>
      </c>
      <c r="C40" s="10" t="s">
        <v>1476</v>
      </c>
      <c r="D40" s="14">
        <v>43298</v>
      </c>
      <c r="E40" s="3" t="s">
        <v>30</v>
      </c>
      <c r="F40" s="3" t="s">
        <v>59</v>
      </c>
      <c r="G40" s="4" t="s">
        <v>32</v>
      </c>
      <c r="H40" s="3"/>
    </row>
    <row r="41" spans="1:8" x14ac:dyDescent="0.3">
      <c r="A41" s="3" t="s">
        <v>1477</v>
      </c>
      <c r="B41" s="11">
        <v>4338363</v>
      </c>
      <c r="C41" s="10" t="s">
        <v>1478</v>
      </c>
      <c r="D41" s="14">
        <v>43244</v>
      </c>
      <c r="E41" s="3" t="s">
        <v>30</v>
      </c>
      <c r="F41" s="3" t="s">
        <v>65</v>
      </c>
      <c r="G41" s="4" t="s">
        <v>32</v>
      </c>
      <c r="H41" s="3"/>
    </row>
    <row r="42" spans="1:8" x14ac:dyDescent="0.3">
      <c r="A42" s="3" t="s">
        <v>1479</v>
      </c>
      <c r="B42" s="11">
        <v>4229789</v>
      </c>
      <c r="C42" s="10" t="s">
        <v>1480</v>
      </c>
      <c r="D42" s="14">
        <v>43244</v>
      </c>
      <c r="E42" s="3" t="s">
        <v>30</v>
      </c>
      <c r="F42" s="3" t="s">
        <v>68</v>
      </c>
      <c r="G42" s="4" t="s">
        <v>32</v>
      </c>
      <c r="H42" s="3"/>
    </row>
    <row r="43" spans="1:8" x14ac:dyDescent="0.3">
      <c r="A43" s="3" t="s">
        <v>1481</v>
      </c>
      <c r="B43" s="11">
        <v>4101464</v>
      </c>
      <c r="C43" s="10" t="s">
        <v>1482</v>
      </c>
      <c r="D43" s="14">
        <v>43208</v>
      </c>
      <c r="E43" s="3" t="s">
        <v>30</v>
      </c>
      <c r="F43" s="3" t="s">
        <v>71</v>
      </c>
      <c r="G43" s="4" t="s">
        <v>32</v>
      </c>
      <c r="H43" s="3"/>
    </row>
    <row r="44" spans="1:8" x14ac:dyDescent="0.3">
      <c r="A44" s="3" t="s">
        <v>1483</v>
      </c>
      <c r="B44" s="11">
        <v>4092643</v>
      </c>
      <c r="C44" s="10" t="s">
        <v>1484</v>
      </c>
      <c r="D44" s="14">
        <v>43180</v>
      </c>
      <c r="E44" s="3" t="s">
        <v>30</v>
      </c>
      <c r="F44" s="3" t="s">
        <v>74</v>
      </c>
      <c r="G44" s="4" t="s">
        <v>32</v>
      </c>
      <c r="H44" s="3"/>
    </row>
    <row r="45" spans="1:8" x14ac:dyDescent="0.3">
      <c r="A45" s="3" t="s">
        <v>1485</v>
      </c>
      <c r="B45" s="11">
        <v>4056498</v>
      </c>
      <c r="C45" s="10" t="s">
        <v>1486</v>
      </c>
      <c r="D45" s="14">
        <v>43151</v>
      </c>
      <c r="E45" s="3" t="s">
        <v>30</v>
      </c>
      <c r="F45" s="3" t="s">
        <v>77</v>
      </c>
      <c r="G45" s="4" t="s">
        <v>32</v>
      </c>
      <c r="H45" s="3"/>
    </row>
    <row r="46" spans="1:8" x14ac:dyDescent="0.3">
      <c r="A46" s="3" t="s">
        <v>1487</v>
      </c>
      <c r="B46" s="11">
        <v>4052987</v>
      </c>
      <c r="C46" s="10" t="s">
        <v>1488</v>
      </c>
      <c r="D46" s="14">
        <v>43103</v>
      </c>
      <c r="E46" s="3" t="s">
        <v>30</v>
      </c>
      <c r="F46" s="3" t="s">
        <v>80</v>
      </c>
      <c r="G46" s="23" t="s">
        <v>1489</v>
      </c>
      <c r="H46" s="3"/>
    </row>
    <row r="47" spans="1:8" x14ac:dyDescent="0.3">
      <c r="A47" s="7" t="s">
        <v>1487</v>
      </c>
      <c r="B47" s="11">
        <v>4058562</v>
      </c>
      <c r="C47" s="10" t="s">
        <v>1490</v>
      </c>
      <c r="D47" s="14">
        <v>43103</v>
      </c>
      <c r="E47" s="3" t="s">
        <v>30</v>
      </c>
      <c r="F47" s="3" t="s">
        <v>1491</v>
      </c>
      <c r="G47" s="23" t="s">
        <v>1492</v>
      </c>
      <c r="H47" s="3"/>
    </row>
    <row r="48" spans="1:8" x14ac:dyDescent="0.3">
      <c r="A48" s="3" t="s">
        <v>1493</v>
      </c>
      <c r="B48" s="11">
        <v>4057122</v>
      </c>
      <c r="C48" s="10" t="s">
        <v>1494</v>
      </c>
      <c r="D48" s="14">
        <v>43103</v>
      </c>
      <c r="E48" s="3" t="s">
        <v>30</v>
      </c>
      <c r="F48" s="3" t="s">
        <v>37</v>
      </c>
      <c r="G48" s="23" t="s">
        <v>1492</v>
      </c>
      <c r="H48" s="3"/>
    </row>
    <row r="49" spans="1:8" x14ac:dyDescent="0.3">
      <c r="A49" s="3" t="s">
        <v>1495</v>
      </c>
      <c r="B49" s="11">
        <v>4052574</v>
      </c>
      <c r="C49" s="10" t="s">
        <v>1496</v>
      </c>
      <c r="D49" s="14">
        <v>43074</v>
      </c>
      <c r="E49" s="3" t="s">
        <v>30</v>
      </c>
      <c r="F49" s="3" t="s">
        <v>83</v>
      </c>
      <c r="G49" s="4" t="s">
        <v>32</v>
      </c>
      <c r="H49" s="3"/>
    </row>
    <row r="50" spans="1:8" x14ac:dyDescent="0.3">
      <c r="A50" s="3" t="s">
        <v>1497</v>
      </c>
      <c r="B50" s="11">
        <v>4038634</v>
      </c>
      <c r="C50" s="10" t="s">
        <v>1498</v>
      </c>
      <c r="D50" s="14">
        <v>43033</v>
      </c>
      <c r="E50" s="3" t="s">
        <v>30</v>
      </c>
      <c r="F50" s="3" t="s">
        <v>86</v>
      </c>
      <c r="G50" s="4" t="s">
        <v>32</v>
      </c>
      <c r="H50" s="3"/>
    </row>
    <row r="51" spans="1:8" x14ac:dyDescent="0.3">
      <c r="A51" s="3" t="s">
        <v>1499</v>
      </c>
      <c r="B51" s="11" t="s">
        <v>30</v>
      </c>
      <c r="C51" s="10"/>
      <c r="D51" s="14">
        <v>43007</v>
      </c>
      <c r="E51" s="3" t="s">
        <v>89</v>
      </c>
      <c r="F51" s="3" t="s">
        <v>30</v>
      </c>
      <c r="G51" s="4" t="s">
        <v>89</v>
      </c>
      <c r="H51" s="3"/>
    </row>
  </sheetData>
  <phoneticPr fontId="9" type="noConversion"/>
  <hyperlinks>
    <hyperlink ref="C50" r:id="rId1" xr:uid="{DB3EBF15-A5DF-44F1-B8CD-CA587565D580}"/>
    <hyperlink ref="C49" r:id="rId2" xr:uid="{EF074404-05B2-41DE-9762-ADA8B0956732}"/>
    <hyperlink ref="C48" r:id="rId3" xr:uid="{4CB4E0B1-4B73-4807-88B7-9075863728F6}"/>
    <hyperlink ref="C46" r:id="rId4" xr:uid="{B1972CEB-F32F-4657-86D0-DF35C773DB83}"/>
    <hyperlink ref="C47" r:id="rId5" xr:uid="{337BEB53-1692-4590-B7FB-0ABCC692CD57}"/>
    <hyperlink ref="C45" r:id="rId6" xr:uid="{8F141F17-E6B2-4EF8-94B5-C8FC8E014BCE}"/>
    <hyperlink ref="C44" r:id="rId7" xr:uid="{9EB197EA-94C4-4436-9C2F-A4FA6006F0AC}"/>
    <hyperlink ref="C43" r:id="rId8" xr:uid="{D6958731-6896-462E-A82B-DF95C7CA6D85}"/>
    <hyperlink ref="C42" r:id="rId9" xr:uid="{144352B5-D4DC-42A8-B051-03821BB0BEBE}"/>
    <hyperlink ref="C41" r:id="rId10" xr:uid="{82485A26-D5F3-4DDE-B3A0-3D51A93CA407}"/>
    <hyperlink ref="C40" r:id="rId11" xr:uid="{F9A36698-D998-4F79-A401-7BC164ECD5C1}"/>
    <hyperlink ref="C39" r:id="rId12" xr:uid="{D13F5EBF-01F0-44DF-8A16-48C06599FF22}"/>
    <hyperlink ref="C38" r:id="rId13" xr:uid="{71ABD32D-49F9-443E-B318-C12441177CBB}"/>
    <hyperlink ref="C37" r:id="rId14" xr:uid="{A5C1C4C9-5379-43BC-87E7-F678021E4D2B}"/>
    <hyperlink ref="C36" r:id="rId15" xr:uid="{3CC8D7A7-5417-4A4E-8BE5-8AB77A883EA3}"/>
    <hyperlink ref="C35" r:id="rId16" xr:uid="{BD17283D-9973-43DB-BF55-4AD0AAAFD9BD}"/>
    <hyperlink ref="C34" r:id="rId17" xr:uid="{89553A40-FC66-43AA-8579-C36E0521B5A4}"/>
    <hyperlink ref="C33" r:id="rId18" xr:uid="{52FCE3F8-9069-4A23-9E6A-F71FCA686460}"/>
    <hyperlink ref="C32" r:id="rId19" xr:uid="{FECCB146-95BE-46C8-955E-1783F9BA8762}"/>
    <hyperlink ref="C31" r:id="rId20" xr:uid="{A96A3E46-6B43-4492-8175-2621D4A2CAF2}"/>
    <hyperlink ref="C30" r:id="rId21" xr:uid="{0AC43C91-C902-4E51-A2D4-0E7BE7B79B95}"/>
    <hyperlink ref="C29" r:id="rId22" xr:uid="{7F65F5F9-2F36-45DF-AF94-39AC990212A6}"/>
    <hyperlink ref="C28" r:id="rId23" xr:uid="{E99221EA-6C4B-4F1D-AD7B-BC5D37F1FBA3}"/>
    <hyperlink ref="C27" r:id="rId24" xr:uid="{20CC931A-3172-4CEB-B233-1FE7E39FCD45}"/>
    <hyperlink ref="C26" r:id="rId25" xr:uid="{E26FD949-B6DF-4CF6-8DD5-D544FF2BBEEC}"/>
    <hyperlink ref="C25" r:id="rId26" xr:uid="{1DE2F550-C8F2-4E7B-8483-8AF36DD8EEC7}"/>
    <hyperlink ref="C24" r:id="rId27" xr:uid="{57269C47-E1A2-4933-9D0F-1BFFB3FD4898}"/>
    <hyperlink ref="C23" r:id="rId28" xr:uid="{95EC1024-92B9-458F-BB49-FD3D36C676CB}"/>
    <hyperlink ref="C22" r:id="rId29" xr:uid="{E068D981-C6F4-479F-887D-A41B32603411}"/>
    <hyperlink ref="C21" r:id="rId30" xr:uid="{38B54492-4378-4833-B6DA-5359E7F30B1D}"/>
    <hyperlink ref="C20" r:id="rId31" xr:uid="{751AB506-470F-46A7-855D-860090090E79}"/>
    <hyperlink ref="C19" r:id="rId32" xr:uid="{1ACBF6BC-8D6F-4F47-A3BD-FD47D18B9F69}"/>
    <hyperlink ref="C18" r:id="rId33" xr:uid="{B7BF04AE-D9BC-4F34-81D3-1587C0CD4FDF}"/>
    <hyperlink ref="C17" r:id="rId34" xr:uid="{86078A5B-85EA-4DDA-A57A-52F0FE2A86BE}"/>
    <hyperlink ref="C16" r:id="rId35" xr:uid="{7AA711D9-C951-407B-87CD-3177D53AB8B6}"/>
    <hyperlink ref="C15" r:id="rId36" xr:uid="{9252572E-BFA0-42A7-8571-2FA5EA6D72D0}"/>
    <hyperlink ref="C14" r:id="rId37" xr:uid="{A8EA5DC3-AAEB-4E18-8FE1-C2FC82D498D6}"/>
    <hyperlink ref="C13" r:id="rId38" xr:uid="{F350252D-A127-4825-BC6E-0C48D4EB7AF3}"/>
    <hyperlink ref="C12" r:id="rId39" xr:uid="{BC300BC8-0F2F-4C86-B062-DD00276B5E96}"/>
    <hyperlink ref="C11" r:id="rId40" xr:uid="{E3A313C2-3AA7-4C3E-A326-141D38B43CBC}"/>
    <hyperlink ref="C10" r:id="rId41" xr:uid="{9D876237-3D9F-468C-A511-D4D8693778F1}"/>
    <hyperlink ref="C9" r:id="rId42" xr:uid="{66B40F14-8FAA-463F-8E3D-64FC0E663B31}"/>
    <hyperlink ref="C8" r:id="rId43" xr:uid="{51C70DCA-3042-450B-B3E5-582504CEA8A3}"/>
    <hyperlink ref="G46" r:id="rId44" display="https://portal.msrc.microsoft.com/en-us/security-guidance/advisory/ADV180002" xr:uid="{450A97F2-9009-4564-9F86-EB96FF610B4B}"/>
    <hyperlink ref="G48" r:id="rId45" display="https://portal.msrc.microsoft.com/en-us/security-guidance/advisory/ADV180002" xr:uid="{BBEF69CA-A8E1-47DE-9607-9E6353FD1C29}"/>
    <hyperlink ref="G47" r:id="rId46" display="https://portal.msrc.microsoft.com/en-us/security-guidance/advisory/ADV180002" xr:uid="{E5928B11-DB42-4774-9A6E-E4E4C1698FBC}"/>
    <hyperlink ref="C2" r:id="rId47" xr:uid="{248923E3-EF01-411E-B5BC-C91B3027DD11}"/>
    <hyperlink ref="C3" r:id="rId48" xr:uid="{2914C3A3-35C0-4D04-B5EF-3B1AB26FC68D}"/>
  </hyperlinks>
  <pageMargins left="0.7" right="0.7" top="0.75" bottom="0.75" header="0.3" footer="0.3"/>
  <pageSetup orientation="portrait" r:id="rId49"/>
  <customProperties>
    <customPr name="EpmWorksheetKeyString_GUID" r:id="rId50"/>
  </customProperties>
  <tableParts count="1">
    <tablePart r:id="rId51"/>
  </tablePart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5B3310-EFA2-43E1-9862-2F1D788FC2D5}">
  <sheetPr>
    <tabColor theme="2"/>
  </sheetPr>
  <dimension ref="A1:L964"/>
  <sheetViews>
    <sheetView topLeftCell="B1" zoomScaleNormal="100" workbookViewId="0">
      <pane ySplit="1" topLeftCell="A22" activePane="bottomLeft" state="frozen"/>
      <selection pane="bottomLeft" activeCell="B1" sqref="B1"/>
    </sheetView>
  </sheetViews>
  <sheetFormatPr defaultRowHeight="14.4" x14ac:dyDescent="0.3"/>
  <cols>
    <col min="1" max="1" width="13.6640625" style="11" customWidth="1"/>
    <col min="2" max="2" width="12.109375" style="11" bestFit="1" customWidth="1"/>
    <col min="3" max="3" width="40.5546875" customWidth="1"/>
    <col min="4" max="4" width="87.109375" customWidth="1"/>
    <col min="5" max="5" width="28.6640625" customWidth="1"/>
    <col min="6" max="6" width="21.88671875" customWidth="1"/>
    <col min="7" max="7" width="11.33203125" style="11" customWidth="1"/>
    <col min="8" max="8" width="14.33203125" bestFit="1" customWidth="1"/>
    <col min="9" max="9" width="10" bestFit="1" customWidth="1"/>
    <col min="10" max="10" width="15" bestFit="1" customWidth="1"/>
    <col min="11" max="11" width="12.5546875" bestFit="1" customWidth="1"/>
    <col min="12" max="12" width="15.6640625" customWidth="1"/>
  </cols>
  <sheetData>
    <row r="1" spans="1:12" s="2" customFormat="1" x14ac:dyDescent="0.3">
      <c r="A1" s="60" t="s">
        <v>543</v>
      </c>
      <c r="B1" s="60" t="s">
        <v>91</v>
      </c>
      <c r="C1" s="60" t="s">
        <v>22</v>
      </c>
      <c r="D1" s="61" t="s">
        <v>92</v>
      </c>
      <c r="E1" s="61" t="s">
        <v>93</v>
      </c>
      <c r="F1" s="61" t="s">
        <v>94</v>
      </c>
      <c r="G1" s="61" t="s">
        <v>95</v>
      </c>
      <c r="H1" s="60" t="s">
        <v>0</v>
      </c>
      <c r="I1" s="61" t="s">
        <v>96</v>
      </c>
      <c r="J1" s="61" t="s">
        <v>97</v>
      </c>
      <c r="K1" s="61" t="s">
        <v>23</v>
      </c>
      <c r="L1" s="61" t="s">
        <v>98</v>
      </c>
    </row>
    <row r="2" spans="1:12" x14ac:dyDescent="0.3">
      <c r="A2" s="11">
        <v>3299259</v>
      </c>
      <c r="B2" s="11">
        <v>5040940</v>
      </c>
      <c r="C2" s="22" t="str">
        <f>HYPERLINK("https://support.microsoft.com/kb/"&amp;B2)</f>
        <v>https://support.microsoft.com/kb/5040940</v>
      </c>
      <c r="D2" s="3" t="s">
        <v>129</v>
      </c>
      <c r="E2" s="3" t="s">
        <v>100</v>
      </c>
      <c r="F2" s="3" t="s">
        <v>130</v>
      </c>
      <c r="G2" s="3" t="s">
        <v>102</v>
      </c>
      <c r="H2" s="3">
        <v>2017</v>
      </c>
      <c r="I2" s="3" t="s">
        <v>103</v>
      </c>
      <c r="J2" s="3" t="s">
        <v>1397</v>
      </c>
      <c r="K2" s="14">
        <v>45482</v>
      </c>
      <c r="L2" s="3" t="s">
        <v>1395</v>
      </c>
    </row>
    <row r="3" spans="1:12" x14ac:dyDescent="0.3">
      <c r="A3" s="11">
        <v>3297381</v>
      </c>
      <c r="B3" s="11">
        <v>5040942</v>
      </c>
      <c r="C3" s="22" t="str">
        <f>HYPERLINK("https://support.microsoft.com/kb/"&amp;B3)</f>
        <v>https://support.microsoft.com/kb/5040942</v>
      </c>
      <c r="D3" s="3" t="s">
        <v>129</v>
      </c>
      <c r="E3" s="3" t="s">
        <v>100</v>
      </c>
      <c r="F3" s="3" t="s">
        <v>130</v>
      </c>
      <c r="G3" s="3" t="s">
        <v>102</v>
      </c>
      <c r="H3" s="3">
        <v>2017</v>
      </c>
      <c r="I3" s="3" t="s">
        <v>89</v>
      </c>
      <c r="J3" s="3" t="s">
        <v>37</v>
      </c>
      <c r="K3" s="14">
        <v>45482</v>
      </c>
      <c r="L3" s="3" t="s">
        <v>1398</v>
      </c>
    </row>
    <row r="4" spans="1:12" x14ac:dyDescent="0.3">
      <c r="A4" s="11">
        <v>2555112</v>
      </c>
      <c r="B4" s="11">
        <v>5029376</v>
      </c>
      <c r="C4" s="22" t="str">
        <f>HYPERLINK("https://support.microsoft.com/kb/"&amp;B4)</f>
        <v>https://support.microsoft.com/kb/5029376</v>
      </c>
      <c r="D4" s="3" t="s">
        <v>256</v>
      </c>
      <c r="E4" s="3" t="s">
        <v>100</v>
      </c>
      <c r="F4" s="3" t="s">
        <v>137</v>
      </c>
      <c r="G4" s="3" t="s">
        <v>105</v>
      </c>
      <c r="H4" s="3">
        <v>2017</v>
      </c>
      <c r="I4" s="3" t="s">
        <v>103</v>
      </c>
      <c r="J4" s="3" t="s">
        <v>1397</v>
      </c>
      <c r="K4" s="14">
        <v>45209</v>
      </c>
      <c r="L4" s="3" t="s">
        <v>1400</v>
      </c>
    </row>
    <row r="5" spans="1:12" x14ac:dyDescent="0.3">
      <c r="A5" s="11">
        <v>2555109</v>
      </c>
      <c r="B5" s="11">
        <v>5029375</v>
      </c>
      <c r="C5" s="22" t="str">
        <f>HYPERLINK("https://support.microsoft.com/kb/"&amp;B5)</f>
        <v>https://support.microsoft.com/kb/5029375</v>
      </c>
      <c r="D5" s="3" t="s">
        <v>256</v>
      </c>
      <c r="E5" s="3" t="s">
        <v>100</v>
      </c>
      <c r="F5" s="3" t="s">
        <v>137</v>
      </c>
      <c r="G5" s="3" t="s">
        <v>105</v>
      </c>
      <c r="H5" s="3">
        <v>2017</v>
      </c>
      <c r="I5" s="3" t="s">
        <v>89</v>
      </c>
      <c r="J5" s="3" t="s">
        <v>37</v>
      </c>
      <c r="K5" s="14">
        <v>45209</v>
      </c>
      <c r="L5" s="3" t="s">
        <v>1401</v>
      </c>
    </row>
    <row r="6" spans="1:12" x14ac:dyDescent="0.3">
      <c r="A6" s="11">
        <v>2033041</v>
      </c>
      <c r="B6" s="11">
        <v>5021126</v>
      </c>
      <c r="C6" s="22" t="str">
        <f t="shared" ref="C6:C68" si="0">HYPERLINK("https://support.microsoft.com/kb/"&amp;B6)</f>
        <v>https://support.microsoft.com/kb/5021126</v>
      </c>
      <c r="D6" s="3" t="s">
        <v>461</v>
      </c>
      <c r="E6" s="3" t="s">
        <v>100</v>
      </c>
      <c r="F6" s="3" t="s">
        <v>113</v>
      </c>
      <c r="G6" s="3" t="s">
        <v>105</v>
      </c>
      <c r="H6" s="3">
        <v>2017</v>
      </c>
      <c r="I6" s="3" t="s">
        <v>103</v>
      </c>
      <c r="J6" s="3" t="s">
        <v>1397</v>
      </c>
      <c r="K6" s="14">
        <v>44971</v>
      </c>
      <c r="L6" s="3" t="s">
        <v>1402</v>
      </c>
    </row>
    <row r="7" spans="1:12" x14ac:dyDescent="0.3">
      <c r="A7" s="11">
        <v>2029154</v>
      </c>
      <c r="B7" s="11">
        <v>5021126</v>
      </c>
      <c r="C7" s="22" t="str">
        <f t="shared" si="0"/>
        <v>https://support.microsoft.com/kb/5021126</v>
      </c>
      <c r="D7" s="3" t="s">
        <v>463</v>
      </c>
      <c r="E7" s="3" t="s">
        <v>455</v>
      </c>
      <c r="F7" s="3" t="s">
        <v>455</v>
      </c>
      <c r="G7" s="3" t="s">
        <v>102</v>
      </c>
      <c r="H7" s="3">
        <v>2017</v>
      </c>
      <c r="I7" s="3" t="s">
        <v>103</v>
      </c>
      <c r="J7" s="3" t="s">
        <v>1397</v>
      </c>
      <c r="K7" s="14">
        <v>44971</v>
      </c>
      <c r="L7" s="3" t="s">
        <v>1402</v>
      </c>
    </row>
    <row r="8" spans="1:12" x14ac:dyDescent="0.3">
      <c r="A8" s="11">
        <v>2120769</v>
      </c>
      <c r="B8" s="11">
        <v>5021126</v>
      </c>
      <c r="C8" s="22" t="str">
        <f t="shared" si="0"/>
        <v>https://support.microsoft.com/kb/5021126</v>
      </c>
      <c r="D8" s="3" t="s">
        <v>465</v>
      </c>
      <c r="E8" s="3" t="s">
        <v>211</v>
      </c>
      <c r="F8" s="3" t="s">
        <v>211</v>
      </c>
      <c r="G8" s="3" t="s">
        <v>102</v>
      </c>
      <c r="H8" s="3">
        <v>2017</v>
      </c>
      <c r="I8" s="3" t="s">
        <v>103</v>
      </c>
      <c r="J8" s="3" t="s">
        <v>1397</v>
      </c>
      <c r="K8" s="14">
        <v>44971</v>
      </c>
      <c r="L8" s="3" t="s">
        <v>1402</v>
      </c>
    </row>
    <row r="9" spans="1:12" x14ac:dyDescent="0.3">
      <c r="A9" s="11">
        <v>2095094</v>
      </c>
      <c r="B9" s="11">
        <v>5021126</v>
      </c>
      <c r="C9" s="22" t="str">
        <f t="shared" si="0"/>
        <v>https://support.microsoft.com/kb/5021126</v>
      </c>
      <c r="D9" s="3" t="s">
        <v>466</v>
      </c>
      <c r="E9" s="3" t="s">
        <v>455</v>
      </c>
      <c r="F9" s="3" t="s">
        <v>455</v>
      </c>
      <c r="G9" s="3" t="s">
        <v>102</v>
      </c>
      <c r="H9" s="3">
        <v>2017</v>
      </c>
      <c r="I9" s="3" t="s">
        <v>103</v>
      </c>
      <c r="J9" s="3" t="s">
        <v>1397</v>
      </c>
      <c r="K9" s="14">
        <v>44971</v>
      </c>
      <c r="L9" s="3" t="s">
        <v>1402</v>
      </c>
    </row>
    <row r="10" spans="1:12" x14ac:dyDescent="0.3">
      <c r="A10" s="11">
        <v>2033042</v>
      </c>
      <c r="B10" s="11">
        <v>5021127</v>
      </c>
      <c r="C10" s="22" t="str">
        <f t="shared" si="0"/>
        <v>https://support.microsoft.com/kb/5021127</v>
      </c>
      <c r="D10" s="3" t="s">
        <v>461</v>
      </c>
      <c r="E10" s="3" t="s">
        <v>100</v>
      </c>
      <c r="F10" s="3" t="s">
        <v>113</v>
      </c>
      <c r="G10" s="3" t="s">
        <v>105</v>
      </c>
      <c r="H10" s="3">
        <v>2017</v>
      </c>
      <c r="I10" s="3" t="s">
        <v>89</v>
      </c>
      <c r="J10" s="3" t="s">
        <v>37</v>
      </c>
      <c r="K10" s="14">
        <v>44971</v>
      </c>
      <c r="L10" s="3" t="s">
        <v>1403</v>
      </c>
    </row>
    <row r="11" spans="1:12" x14ac:dyDescent="0.3">
      <c r="A11" s="11">
        <v>2026956</v>
      </c>
      <c r="B11" s="11">
        <v>5021127</v>
      </c>
      <c r="C11" s="22" t="str">
        <f t="shared" si="0"/>
        <v>https://support.microsoft.com/kb/5021127</v>
      </c>
      <c r="D11" s="3" t="s">
        <v>463</v>
      </c>
      <c r="E11" s="3" t="s">
        <v>455</v>
      </c>
      <c r="F11" s="3" t="s">
        <v>455</v>
      </c>
      <c r="G11" s="3" t="s">
        <v>102</v>
      </c>
      <c r="H11" s="3">
        <v>2017</v>
      </c>
      <c r="I11" s="3" t="s">
        <v>89</v>
      </c>
      <c r="J11" s="3" t="s">
        <v>37</v>
      </c>
      <c r="K11" s="14">
        <v>44971</v>
      </c>
      <c r="L11" s="3" t="s">
        <v>1403</v>
      </c>
    </row>
    <row r="12" spans="1:12" x14ac:dyDescent="0.3">
      <c r="A12" s="11">
        <v>2120766</v>
      </c>
      <c r="B12" s="11">
        <v>5021127</v>
      </c>
      <c r="C12" s="22" t="str">
        <f t="shared" si="0"/>
        <v>https://support.microsoft.com/kb/5021127</v>
      </c>
      <c r="D12" s="3" t="s">
        <v>465</v>
      </c>
      <c r="E12" s="3" t="s">
        <v>211</v>
      </c>
      <c r="F12" s="3" t="s">
        <v>211</v>
      </c>
      <c r="G12" s="3" t="s">
        <v>102</v>
      </c>
      <c r="H12" s="3">
        <v>2017</v>
      </c>
      <c r="I12" s="3" t="s">
        <v>89</v>
      </c>
      <c r="J12" s="3" t="s">
        <v>37</v>
      </c>
      <c r="K12" s="14">
        <v>44971</v>
      </c>
      <c r="L12" s="3" t="s">
        <v>1403</v>
      </c>
    </row>
    <row r="13" spans="1:12" x14ac:dyDescent="0.3">
      <c r="A13" s="11">
        <v>2095088</v>
      </c>
      <c r="B13" s="11">
        <v>5021127</v>
      </c>
      <c r="C13" s="22" t="str">
        <f t="shared" si="0"/>
        <v>https://support.microsoft.com/kb/5021127</v>
      </c>
      <c r="D13" s="3" t="s">
        <v>466</v>
      </c>
      <c r="E13" s="3" t="s">
        <v>455</v>
      </c>
      <c r="F13" s="3" t="s">
        <v>455</v>
      </c>
      <c r="G13" s="3" t="s">
        <v>102</v>
      </c>
      <c r="H13" s="3">
        <v>2017</v>
      </c>
      <c r="I13" s="3" t="s">
        <v>89</v>
      </c>
      <c r="J13" s="3" t="s">
        <v>37</v>
      </c>
      <c r="K13" s="14">
        <v>44971</v>
      </c>
      <c r="L13" s="3" t="s">
        <v>1403</v>
      </c>
    </row>
    <row r="14" spans="1:12" x14ac:dyDescent="0.3">
      <c r="A14" s="11">
        <v>14915051</v>
      </c>
      <c r="B14" s="11">
        <v>5016884</v>
      </c>
      <c r="C14" s="22" t="str">
        <f t="shared" si="0"/>
        <v>https://support.microsoft.com/kb/5016884</v>
      </c>
      <c r="D14" s="3" t="s">
        <v>1500</v>
      </c>
      <c r="E14" s="3" t="s">
        <v>180</v>
      </c>
      <c r="F14" s="3" t="s">
        <v>180</v>
      </c>
      <c r="G14" s="3" t="s">
        <v>102</v>
      </c>
      <c r="H14" s="3">
        <v>2017</v>
      </c>
      <c r="I14" s="3" t="s">
        <v>103</v>
      </c>
      <c r="J14" s="3" t="s">
        <v>1406</v>
      </c>
      <c r="K14" s="14">
        <v>44824</v>
      </c>
      <c r="L14" s="3" t="s">
        <v>1404</v>
      </c>
    </row>
    <row r="15" spans="1:12" x14ac:dyDescent="0.3">
      <c r="A15" s="11">
        <v>14979530</v>
      </c>
      <c r="B15" s="11">
        <v>5017551</v>
      </c>
      <c r="C15" s="22" t="str">
        <f t="shared" si="0"/>
        <v>https://support.microsoft.com/kb/5017551</v>
      </c>
      <c r="D15" s="3" t="s">
        <v>634</v>
      </c>
      <c r="E15" s="3" t="s">
        <v>217</v>
      </c>
      <c r="F15" s="3" t="s">
        <v>276</v>
      </c>
      <c r="G15" s="3" t="s">
        <v>102</v>
      </c>
      <c r="H15" s="3">
        <v>2017</v>
      </c>
      <c r="I15" s="3" t="s">
        <v>103</v>
      </c>
      <c r="J15" s="3" t="s">
        <v>1406</v>
      </c>
      <c r="K15" s="14">
        <v>44824</v>
      </c>
      <c r="L15" s="3" t="s">
        <v>1404</v>
      </c>
    </row>
    <row r="16" spans="1:12" x14ac:dyDescent="0.3">
      <c r="A16" s="11">
        <v>15009086</v>
      </c>
      <c r="B16" s="11">
        <v>5016884</v>
      </c>
      <c r="C16" s="22" t="str">
        <f t="shared" si="0"/>
        <v>https://support.microsoft.com/kb/5016884</v>
      </c>
      <c r="D16" s="3" t="s">
        <v>1501</v>
      </c>
      <c r="E16" s="3" t="s">
        <v>100</v>
      </c>
      <c r="F16" s="3" t="s">
        <v>161</v>
      </c>
      <c r="G16" s="3" t="s">
        <v>105</v>
      </c>
      <c r="H16" s="3">
        <v>2017</v>
      </c>
      <c r="I16" s="3" t="s">
        <v>103</v>
      </c>
      <c r="J16" s="3" t="s">
        <v>1406</v>
      </c>
      <c r="K16" s="14">
        <v>44824</v>
      </c>
      <c r="L16" s="3" t="s">
        <v>1404</v>
      </c>
    </row>
    <row r="17" spans="1:12" x14ac:dyDescent="0.3">
      <c r="A17" s="11">
        <v>14676488</v>
      </c>
      <c r="B17" s="11">
        <v>5016884</v>
      </c>
      <c r="C17" s="22" t="str">
        <f t="shared" si="0"/>
        <v>https://support.microsoft.com/kb/5016884</v>
      </c>
      <c r="D17" s="3" t="s">
        <v>682</v>
      </c>
      <c r="E17" s="3" t="s">
        <v>100</v>
      </c>
      <c r="F17" s="3" t="s">
        <v>123</v>
      </c>
      <c r="G17" s="3" t="s">
        <v>102</v>
      </c>
      <c r="H17" s="3">
        <v>2017</v>
      </c>
      <c r="I17" s="3" t="s">
        <v>103</v>
      </c>
      <c r="J17" s="3" t="s">
        <v>1406</v>
      </c>
      <c r="K17" s="14">
        <v>44824</v>
      </c>
      <c r="L17" s="3" t="s">
        <v>1404</v>
      </c>
    </row>
    <row r="18" spans="1:12" x14ac:dyDescent="0.3">
      <c r="A18" s="11">
        <v>14924205</v>
      </c>
      <c r="B18" s="11">
        <v>5016884</v>
      </c>
      <c r="C18" s="22" t="str">
        <f t="shared" si="0"/>
        <v>https://support.microsoft.com/kb/5016884</v>
      </c>
      <c r="D18" s="3" t="s">
        <v>1502</v>
      </c>
      <c r="E18" s="3" t="s">
        <v>100</v>
      </c>
      <c r="F18" s="3" t="s">
        <v>214</v>
      </c>
      <c r="G18" s="3" t="s">
        <v>102</v>
      </c>
      <c r="H18" s="3">
        <v>2017</v>
      </c>
      <c r="I18" s="3" t="s">
        <v>103</v>
      </c>
      <c r="J18" s="3" t="s">
        <v>1406</v>
      </c>
      <c r="K18" s="14">
        <v>44824</v>
      </c>
      <c r="L18" s="3" t="s">
        <v>1404</v>
      </c>
    </row>
    <row r="19" spans="1:12" x14ac:dyDescent="0.3">
      <c r="A19" s="11">
        <v>14989388</v>
      </c>
      <c r="B19" s="11">
        <v>5016884</v>
      </c>
      <c r="C19" s="22" t="str">
        <f t="shared" si="0"/>
        <v>https://support.microsoft.com/kb/5016884</v>
      </c>
      <c r="D19" s="3" t="s">
        <v>1503</v>
      </c>
      <c r="E19" s="3" t="s">
        <v>100</v>
      </c>
      <c r="F19" s="3" t="s">
        <v>163</v>
      </c>
      <c r="G19" s="3" t="s">
        <v>102</v>
      </c>
      <c r="H19" s="3">
        <v>2017</v>
      </c>
      <c r="I19" s="3" t="s">
        <v>103</v>
      </c>
      <c r="J19" s="3" t="s">
        <v>1406</v>
      </c>
      <c r="K19" s="14">
        <v>44824</v>
      </c>
      <c r="L19" s="3" t="s">
        <v>1404</v>
      </c>
    </row>
    <row r="20" spans="1:12" x14ac:dyDescent="0.3">
      <c r="A20" s="11">
        <v>14923181</v>
      </c>
      <c r="B20" s="11">
        <v>5016884</v>
      </c>
      <c r="C20" s="22" t="str">
        <f t="shared" si="0"/>
        <v>https://support.microsoft.com/kb/5016884</v>
      </c>
      <c r="D20" s="3" t="s">
        <v>652</v>
      </c>
      <c r="E20" s="3" t="s">
        <v>100</v>
      </c>
      <c r="F20" s="3" t="s">
        <v>233</v>
      </c>
      <c r="G20" s="3" t="s">
        <v>105</v>
      </c>
      <c r="H20" s="3">
        <v>2017</v>
      </c>
      <c r="I20" s="3" t="s">
        <v>103</v>
      </c>
      <c r="J20" s="3" t="s">
        <v>1406</v>
      </c>
      <c r="K20" s="14">
        <v>44824</v>
      </c>
      <c r="L20" s="3" t="s">
        <v>1404</v>
      </c>
    </row>
    <row r="21" spans="1:12" x14ac:dyDescent="0.3">
      <c r="A21" s="11">
        <v>14923920</v>
      </c>
      <c r="B21" s="11">
        <v>5016884</v>
      </c>
      <c r="C21" s="22" t="str">
        <f t="shared" si="0"/>
        <v>https://support.microsoft.com/kb/5016884</v>
      </c>
      <c r="D21" s="3" t="s">
        <v>655</v>
      </c>
      <c r="E21" s="3" t="s">
        <v>100</v>
      </c>
      <c r="F21" s="3" t="s">
        <v>233</v>
      </c>
      <c r="G21" s="3" t="s">
        <v>105</v>
      </c>
      <c r="H21" s="3">
        <v>2017</v>
      </c>
      <c r="I21" s="3" t="s">
        <v>103</v>
      </c>
      <c r="J21" s="3" t="s">
        <v>1406</v>
      </c>
      <c r="K21" s="14">
        <v>44824</v>
      </c>
      <c r="L21" s="3" t="s">
        <v>1404</v>
      </c>
    </row>
    <row r="22" spans="1:12" x14ac:dyDescent="0.3">
      <c r="A22" s="11">
        <v>14209349</v>
      </c>
      <c r="B22" s="11">
        <v>5016884</v>
      </c>
      <c r="C22" s="22" t="str">
        <f t="shared" si="0"/>
        <v>https://support.microsoft.com/kb/5016884</v>
      </c>
      <c r="D22" s="3" t="s">
        <v>1504</v>
      </c>
      <c r="E22" s="3" t="s">
        <v>100</v>
      </c>
      <c r="F22" s="3" t="s">
        <v>233</v>
      </c>
      <c r="G22" s="3" t="s">
        <v>102</v>
      </c>
      <c r="H22" s="3">
        <v>2017</v>
      </c>
      <c r="I22" s="3" t="s">
        <v>103</v>
      </c>
      <c r="J22" s="3" t="s">
        <v>1406</v>
      </c>
      <c r="K22" s="14">
        <v>44824</v>
      </c>
      <c r="L22" s="3" t="s">
        <v>1404</v>
      </c>
    </row>
    <row r="23" spans="1:12" x14ac:dyDescent="0.3">
      <c r="A23" s="11">
        <v>14860451</v>
      </c>
      <c r="B23" s="11">
        <v>5016884</v>
      </c>
      <c r="C23" s="22" t="str">
        <f t="shared" si="0"/>
        <v>https://support.microsoft.com/kb/5016884</v>
      </c>
      <c r="D23" s="3" t="s">
        <v>663</v>
      </c>
      <c r="E23" s="3" t="s">
        <v>100</v>
      </c>
      <c r="F23" s="3" t="s">
        <v>101</v>
      </c>
      <c r="G23" s="3" t="s">
        <v>105</v>
      </c>
      <c r="H23" s="3">
        <v>2017</v>
      </c>
      <c r="I23" s="3" t="s">
        <v>103</v>
      </c>
      <c r="J23" s="3" t="s">
        <v>1406</v>
      </c>
      <c r="K23" s="14">
        <v>44824</v>
      </c>
      <c r="L23" s="3" t="s">
        <v>1404</v>
      </c>
    </row>
    <row r="24" spans="1:12" x14ac:dyDescent="0.3">
      <c r="A24" s="11">
        <v>14904061</v>
      </c>
      <c r="B24" s="11">
        <v>5016884</v>
      </c>
      <c r="C24" s="22" t="str">
        <f t="shared" si="0"/>
        <v>https://support.microsoft.com/kb/5016884</v>
      </c>
      <c r="D24" s="3" t="s">
        <v>1505</v>
      </c>
      <c r="E24" s="3" t="s">
        <v>100</v>
      </c>
      <c r="F24" s="3" t="s">
        <v>101</v>
      </c>
      <c r="G24" s="3" t="s">
        <v>105</v>
      </c>
      <c r="H24" s="3">
        <v>2017</v>
      </c>
      <c r="I24" s="3" t="s">
        <v>103</v>
      </c>
      <c r="J24" s="3" t="s">
        <v>1406</v>
      </c>
      <c r="K24" s="14">
        <v>44824</v>
      </c>
      <c r="L24" s="3" t="s">
        <v>1404</v>
      </c>
    </row>
    <row r="25" spans="1:12" x14ac:dyDescent="0.3">
      <c r="A25" s="11">
        <v>13766490</v>
      </c>
      <c r="B25" s="11">
        <v>5016884</v>
      </c>
      <c r="C25" s="22" t="str">
        <f t="shared" si="0"/>
        <v>https://support.microsoft.com/kb/5016884</v>
      </c>
      <c r="D25" s="3" t="s">
        <v>608</v>
      </c>
      <c r="E25" s="3" t="s">
        <v>100</v>
      </c>
      <c r="F25" s="3" t="s">
        <v>108</v>
      </c>
      <c r="G25" s="3" t="s">
        <v>102</v>
      </c>
      <c r="H25" s="3">
        <v>2017</v>
      </c>
      <c r="I25" s="3" t="s">
        <v>103</v>
      </c>
      <c r="J25" s="3" t="s">
        <v>1406</v>
      </c>
      <c r="K25" s="14">
        <v>44824</v>
      </c>
      <c r="L25" s="3" t="s">
        <v>1404</v>
      </c>
    </row>
    <row r="26" spans="1:12" x14ac:dyDescent="0.3">
      <c r="A26" s="11">
        <v>14876278</v>
      </c>
      <c r="B26" s="11">
        <v>5016884</v>
      </c>
      <c r="C26" s="22" t="str">
        <f t="shared" si="0"/>
        <v>https://support.microsoft.com/kb/5016884</v>
      </c>
      <c r="D26" s="3" t="s">
        <v>1506</v>
      </c>
      <c r="E26" s="3" t="s">
        <v>100</v>
      </c>
      <c r="F26" s="3" t="s">
        <v>127</v>
      </c>
      <c r="G26" s="3" t="s">
        <v>105</v>
      </c>
      <c r="H26" s="3">
        <v>2017</v>
      </c>
      <c r="I26" s="3" t="s">
        <v>103</v>
      </c>
      <c r="J26" s="3" t="s">
        <v>1406</v>
      </c>
      <c r="K26" s="14">
        <v>44824</v>
      </c>
      <c r="L26" s="3" t="s">
        <v>1404</v>
      </c>
    </row>
    <row r="27" spans="1:12" x14ac:dyDescent="0.3">
      <c r="A27" s="11">
        <v>14976696</v>
      </c>
      <c r="B27" s="11">
        <v>5017788</v>
      </c>
      <c r="C27" s="22" t="str">
        <f t="shared" si="0"/>
        <v>https://support.microsoft.com/kb/5017788</v>
      </c>
      <c r="D27" s="3" t="s">
        <v>623</v>
      </c>
      <c r="E27" s="3" t="s">
        <v>100</v>
      </c>
      <c r="F27" s="3" t="s">
        <v>127</v>
      </c>
      <c r="G27" s="3" t="s">
        <v>105</v>
      </c>
      <c r="H27" s="3">
        <v>2017</v>
      </c>
      <c r="I27" s="3" t="s">
        <v>103</v>
      </c>
      <c r="J27" s="3" t="s">
        <v>1406</v>
      </c>
      <c r="K27" s="14">
        <v>44824</v>
      </c>
      <c r="L27" s="3" t="s">
        <v>1404</v>
      </c>
    </row>
    <row r="28" spans="1:12" x14ac:dyDescent="0.3">
      <c r="A28" s="11">
        <v>14914142</v>
      </c>
      <c r="B28" s="11">
        <v>5016884</v>
      </c>
      <c r="C28" s="22" t="str">
        <f t="shared" si="0"/>
        <v>https://support.microsoft.com/kb/5016884</v>
      </c>
      <c r="D28" s="3" t="s">
        <v>1507</v>
      </c>
      <c r="E28" s="3" t="s">
        <v>100</v>
      </c>
      <c r="F28" s="3" t="s">
        <v>120</v>
      </c>
      <c r="G28" s="3" t="s">
        <v>102</v>
      </c>
      <c r="H28" s="3">
        <v>2017</v>
      </c>
      <c r="I28" s="3" t="s">
        <v>103</v>
      </c>
      <c r="J28" s="3" t="s">
        <v>1406</v>
      </c>
      <c r="K28" s="14">
        <v>44824</v>
      </c>
      <c r="L28" s="3" t="s">
        <v>1404</v>
      </c>
    </row>
    <row r="29" spans="1:12" x14ac:dyDescent="0.3">
      <c r="A29" s="11">
        <v>14810743</v>
      </c>
      <c r="B29" s="11">
        <v>5018231</v>
      </c>
      <c r="C29" s="22" t="str">
        <f t="shared" si="0"/>
        <v>https://support.microsoft.com/kb/5018231</v>
      </c>
      <c r="D29" s="3" t="s">
        <v>625</v>
      </c>
      <c r="E29" s="3" t="s">
        <v>100</v>
      </c>
      <c r="F29" s="3" t="s">
        <v>120</v>
      </c>
      <c r="G29" s="3" t="s">
        <v>102</v>
      </c>
      <c r="H29" s="3">
        <v>2017</v>
      </c>
      <c r="I29" s="3" t="s">
        <v>103</v>
      </c>
      <c r="J29" s="3" t="s">
        <v>1406</v>
      </c>
      <c r="K29" s="14">
        <v>44824</v>
      </c>
      <c r="L29" s="3" t="s">
        <v>1404</v>
      </c>
    </row>
    <row r="30" spans="1:12" x14ac:dyDescent="0.3">
      <c r="A30" s="11">
        <v>14962805</v>
      </c>
      <c r="B30" s="11">
        <v>5016884</v>
      </c>
      <c r="C30" s="22" t="str">
        <f t="shared" si="0"/>
        <v>https://support.microsoft.com/kb/5016884</v>
      </c>
      <c r="D30" s="3" t="s">
        <v>637</v>
      </c>
      <c r="E30" s="3" t="s">
        <v>100</v>
      </c>
      <c r="F30" s="3" t="s">
        <v>120</v>
      </c>
      <c r="G30" s="3" t="s">
        <v>102</v>
      </c>
      <c r="H30" s="3">
        <v>2017</v>
      </c>
      <c r="I30" s="3" t="s">
        <v>103</v>
      </c>
      <c r="J30" s="3" t="s">
        <v>1406</v>
      </c>
      <c r="K30" s="14">
        <v>44824</v>
      </c>
      <c r="L30" s="3" t="s">
        <v>1404</v>
      </c>
    </row>
    <row r="31" spans="1:12" x14ac:dyDescent="0.3">
      <c r="A31" s="11">
        <v>14964725</v>
      </c>
      <c r="B31" s="11">
        <v>5016884</v>
      </c>
      <c r="C31" s="22" t="str">
        <f t="shared" si="0"/>
        <v>https://support.microsoft.com/kb/5016884</v>
      </c>
      <c r="D31" s="3" t="s">
        <v>636</v>
      </c>
      <c r="E31" s="3" t="s">
        <v>100</v>
      </c>
      <c r="F31" s="3" t="s">
        <v>332</v>
      </c>
      <c r="G31" s="3" t="s">
        <v>102</v>
      </c>
      <c r="H31" s="3">
        <v>2017</v>
      </c>
      <c r="I31" s="3" t="s">
        <v>103</v>
      </c>
      <c r="J31" s="3" t="s">
        <v>1406</v>
      </c>
      <c r="K31" s="14">
        <v>44824</v>
      </c>
      <c r="L31" s="3" t="s">
        <v>1404</v>
      </c>
    </row>
    <row r="32" spans="1:12" x14ac:dyDescent="0.3">
      <c r="A32" s="11">
        <v>14918513</v>
      </c>
      <c r="B32" s="11">
        <v>5008184</v>
      </c>
      <c r="C32" s="22" t="str">
        <f t="shared" si="0"/>
        <v>https://support.microsoft.com/kb/5008184</v>
      </c>
      <c r="D32" s="3" t="s">
        <v>789</v>
      </c>
      <c r="E32" s="3" t="s">
        <v>100</v>
      </c>
      <c r="F32" s="3" t="s">
        <v>269</v>
      </c>
      <c r="G32" s="3" t="s">
        <v>105</v>
      </c>
      <c r="H32" s="3">
        <v>2017</v>
      </c>
      <c r="I32" s="3" t="s">
        <v>103</v>
      </c>
      <c r="J32" s="3" t="s">
        <v>1406</v>
      </c>
      <c r="K32" s="14">
        <v>44824</v>
      </c>
      <c r="L32" s="3" t="s">
        <v>1404</v>
      </c>
    </row>
    <row r="33" spans="1:12" x14ac:dyDescent="0.3">
      <c r="A33" s="11">
        <v>14669410</v>
      </c>
      <c r="B33" s="11">
        <v>5013756</v>
      </c>
      <c r="C33" s="22" t="str">
        <f t="shared" si="0"/>
        <v>https://support.microsoft.com/kb/5013756</v>
      </c>
      <c r="D33" s="3" t="s">
        <v>1508</v>
      </c>
      <c r="E33" s="3" t="s">
        <v>100</v>
      </c>
      <c r="F33" s="3" t="s">
        <v>161</v>
      </c>
      <c r="G33" s="3" t="s">
        <v>105</v>
      </c>
      <c r="H33" s="3">
        <v>2017</v>
      </c>
      <c r="I33" s="3" t="s">
        <v>103</v>
      </c>
      <c r="J33" s="3" t="s">
        <v>1409</v>
      </c>
      <c r="K33" s="14">
        <v>44755</v>
      </c>
      <c r="L33" s="3" t="s">
        <v>1407</v>
      </c>
    </row>
    <row r="34" spans="1:12" x14ac:dyDescent="0.3">
      <c r="A34" s="11">
        <v>14812566</v>
      </c>
      <c r="B34" s="11">
        <v>5013756</v>
      </c>
      <c r="C34" s="22" t="str">
        <f t="shared" si="0"/>
        <v>https://support.microsoft.com/kb/5013756</v>
      </c>
      <c r="D34" s="3" t="s">
        <v>667</v>
      </c>
      <c r="E34" s="3" t="s">
        <v>100</v>
      </c>
      <c r="F34" s="3" t="s">
        <v>101</v>
      </c>
      <c r="G34" s="3" t="s">
        <v>102</v>
      </c>
      <c r="H34" s="3">
        <v>2017</v>
      </c>
      <c r="I34" s="3" t="s">
        <v>103</v>
      </c>
      <c r="J34" s="3" t="s">
        <v>1409</v>
      </c>
      <c r="K34" s="14">
        <v>44755</v>
      </c>
      <c r="L34" s="3" t="s">
        <v>1407</v>
      </c>
    </row>
    <row r="35" spans="1:12" x14ac:dyDescent="0.3">
      <c r="A35" s="11">
        <v>14605069</v>
      </c>
      <c r="B35" s="11">
        <v>5013756</v>
      </c>
      <c r="C35" s="22" t="str">
        <f t="shared" si="0"/>
        <v>https://support.microsoft.com/kb/5013756</v>
      </c>
      <c r="D35" s="3" t="s">
        <v>1509</v>
      </c>
      <c r="E35" s="3" t="s">
        <v>100</v>
      </c>
      <c r="F35" s="3" t="s">
        <v>139</v>
      </c>
      <c r="G35" s="3" t="s">
        <v>102</v>
      </c>
      <c r="H35" s="3">
        <v>2017</v>
      </c>
      <c r="I35" s="3" t="s">
        <v>103</v>
      </c>
      <c r="J35" s="3" t="s">
        <v>1409</v>
      </c>
      <c r="K35" s="14">
        <v>44755</v>
      </c>
      <c r="L35" s="3" t="s">
        <v>1407</v>
      </c>
    </row>
    <row r="36" spans="1:12" x14ac:dyDescent="0.3">
      <c r="A36" s="11">
        <v>14644630</v>
      </c>
      <c r="B36" s="11">
        <v>5013756</v>
      </c>
      <c r="C36" s="22" t="str">
        <f t="shared" si="0"/>
        <v>https://support.microsoft.com/kb/5013756</v>
      </c>
      <c r="D36" s="3" t="s">
        <v>1510</v>
      </c>
      <c r="E36" s="3" t="s">
        <v>100</v>
      </c>
      <c r="F36" s="3" t="s">
        <v>110</v>
      </c>
      <c r="G36" s="3" t="s">
        <v>102</v>
      </c>
      <c r="H36" s="3">
        <v>2017</v>
      </c>
      <c r="I36" s="3" t="s">
        <v>103</v>
      </c>
      <c r="J36" s="3" t="s">
        <v>1409</v>
      </c>
      <c r="K36" s="14">
        <v>44755</v>
      </c>
      <c r="L36" s="3" t="s">
        <v>1407</v>
      </c>
    </row>
    <row r="37" spans="1:12" x14ac:dyDescent="0.3">
      <c r="A37" s="11">
        <v>14673411</v>
      </c>
      <c r="B37" s="11">
        <v>5013756</v>
      </c>
      <c r="C37" s="22" t="str">
        <f t="shared" si="0"/>
        <v>https://support.microsoft.com/kb/5013756</v>
      </c>
      <c r="D37" s="3" t="s">
        <v>683</v>
      </c>
      <c r="E37" s="3" t="s">
        <v>100</v>
      </c>
      <c r="F37" s="3" t="s">
        <v>127</v>
      </c>
      <c r="G37" s="3" t="s">
        <v>102</v>
      </c>
      <c r="H37" s="3">
        <v>2017</v>
      </c>
      <c r="I37" s="3" t="s">
        <v>103</v>
      </c>
      <c r="J37" s="3" t="s">
        <v>1409</v>
      </c>
      <c r="K37" s="14">
        <v>44755</v>
      </c>
      <c r="L37" s="3" t="s">
        <v>1407</v>
      </c>
    </row>
    <row r="38" spans="1:12" x14ac:dyDescent="0.3">
      <c r="A38" s="11">
        <v>14783868</v>
      </c>
      <c r="B38" s="11">
        <v>5013756</v>
      </c>
      <c r="C38" s="22" t="str">
        <f t="shared" si="0"/>
        <v>https://support.microsoft.com/kb/5013756</v>
      </c>
      <c r="D38" s="3" t="s">
        <v>1511</v>
      </c>
      <c r="E38" s="3" t="s">
        <v>100</v>
      </c>
      <c r="F38" s="3" t="s">
        <v>113</v>
      </c>
      <c r="G38" s="3" t="s">
        <v>105</v>
      </c>
      <c r="H38" s="3">
        <v>2017</v>
      </c>
      <c r="I38" s="3" t="s">
        <v>103</v>
      </c>
      <c r="J38" s="3" t="s">
        <v>1409</v>
      </c>
      <c r="K38" s="14">
        <v>44755</v>
      </c>
      <c r="L38" s="3" t="s">
        <v>1407</v>
      </c>
    </row>
    <row r="39" spans="1:12" x14ac:dyDescent="0.3">
      <c r="A39" s="11">
        <v>14861990</v>
      </c>
      <c r="B39" s="11">
        <v>5013756</v>
      </c>
      <c r="C39" s="22" t="str">
        <f t="shared" si="0"/>
        <v>https://support.microsoft.com/kb/5013756</v>
      </c>
      <c r="D39" s="3" t="s">
        <v>1512</v>
      </c>
      <c r="E39" s="3" t="s">
        <v>100</v>
      </c>
      <c r="F39" s="3" t="s">
        <v>113</v>
      </c>
      <c r="G39" s="3" t="s">
        <v>102</v>
      </c>
      <c r="H39" s="3">
        <v>2017</v>
      </c>
      <c r="I39" s="3" t="s">
        <v>103</v>
      </c>
      <c r="J39" s="3" t="s">
        <v>1409</v>
      </c>
      <c r="K39" s="14">
        <v>44755</v>
      </c>
      <c r="L39" s="3" t="s">
        <v>1407</v>
      </c>
    </row>
    <row r="40" spans="1:12" x14ac:dyDescent="0.3">
      <c r="A40" s="11">
        <v>14576377</v>
      </c>
      <c r="B40" s="11">
        <v>5014047</v>
      </c>
      <c r="C40" s="22" t="str">
        <f t="shared" si="0"/>
        <v>https://support.microsoft.com/kb/5014047</v>
      </c>
      <c r="D40" s="3" t="s">
        <v>1513</v>
      </c>
      <c r="E40" s="3" t="s">
        <v>100</v>
      </c>
      <c r="F40" s="3" t="s">
        <v>120</v>
      </c>
      <c r="G40" s="3" t="s">
        <v>102</v>
      </c>
      <c r="H40" s="3">
        <v>2017</v>
      </c>
      <c r="I40" s="3" t="s">
        <v>103</v>
      </c>
      <c r="J40" s="3" t="s">
        <v>1409</v>
      </c>
      <c r="K40" s="14">
        <v>44755</v>
      </c>
      <c r="L40" s="3" t="s">
        <v>1407</v>
      </c>
    </row>
    <row r="41" spans="1:12" x14ac:dyDescent="0.3">
      <c r="A41" s="11">
        <v>14729291</v>
      </c>
      <c r="B41" s="11">
        <v>5014354</v>
      </c>
      <c r="C41" s="24" t="str">
        <f t="shared" si="0"/>
        <v>https://support.microsoft.com/kb/5014354</v>
      </c>
      <c r="D41" s="13" t="s">
        <v>691</v>
      </c>
      <c r="E41" s="13" t="s">
        <v>100</v>
      </c>
      <c r="F41" s="13" t="s">
        <v>127</v>
      </c>
      <c r="G41" s="13" t="s">
        <v>102</v>
      </c>
      <c r="H41" s="3">
        <v>2017</v>
      </c>
      <c r="I41" s="13" t="s">
        <v>89</v>
      </c>
      <c r="J41" s="13" t="s">
        <v>37</v>
      </c>
      <c r="K41" s="15">
        <v>44726</v>
      </c>
      <c r="L41" s="13" t="s">
        <v>1413</v>
      </c>
    </row>
    <row r="42" spans="1:12" x14ac:dyDescent="0.3">
      <c r="A42" s="11">
        <v>14750560</v>
      </c>
      <c r="B42" s="11">
        <v>5014553</v>
      </c>
      <c r="C42" s="22" t="str">
        <f t="shared" si="0"/>
        <v>https://support.microsoft.com/kb/5014553</v>
      </c>
      <c r="D42" s="13" t="s">
        <v>691</v>
      </c>
      <c r="E42" s="13" t="s">
        <v>100</v>
      </c>
      <c r="F42" s="13" t="s">
        <v>127</v>
      </c>
      <c r="G42" s="13" t="s">
        <v>102</v>
      </c>
      <c r="H42" s="3">
        <v>2017</v>
      </c>
      <c r="I42" s="13" t="s">
        <v>103</v>
      </c>
      <c r="J42" s="13" t="s">
        <v>519</v>
      </c>
      <c r="K42" s="15">
        <v>44726</v>
      </c>
      <c r="L42" s="13" t="s">
        <v>1410</v>
      </c>
    </row>
    <row r="43" spans="1:12" x14ac:dyDescent="0.3">
      <c r="A43" s="11">
        <v>14609626</v>
      </c>
      <c r="B43" s="11">
        <v>5010786</v>
      </c>
      <c r="C43" s="22" t="str">
        <f t="shared" si="0"/>
        <v>https://support.microsoft.com/kb/5010786</v>
      </c>
      <c r="D43" s="3" t="s">
        <v>678</v>
      </c>
      <c r="E43" s="3" t="s">
        <v>100</v>
      </c>
      <c r="F43" s="3" t="s">
        <v>161</v>
      </c>
      <c r="G43" s="3" t="s">
        <v>102</v>
      </c>
      <c r="H43" s="3">
        <v>2017</v>
      </c>
      <c r="I43" s="3" t="s">
        <v>103</v>
      </c>
      <c r="J43" s="3" t="s">
        <v>1417</v>
      </c>
      <c r="K43" s="14">
        <v>44650</v>
      </c>
      <c r="L43" s="3" t="s">
        <v>1415</v>
      </c>
    </row>
    <row r="44" spans="1:12" x14ac:dyDescent="0.3">
      <c r="A44" s="11">
        <v>14553128</v>
      </c>
      <c r="B44" s="11">
        <v>5010786</v>
      </c>
      <c r="C44" s="22" t="str">
        <f t="shared" si="0"/>
        <v>https://support.microsoft.com/kb/5010786</v>
      </c>
      <c r="D44" s="3" t="s">
        <v>1514</v>
      </c>
      <c r="E44" s="3" t="s">
        <v>100</v>
      </c>
      <c r="F44" s="3" t="s">
        <v>123</v>
      </c>
      <c r="G44" s="3" t="s">
        <v>102</v>
      </c>
      <c r="H44" s="3">
        <v>2017</v>
      </c>
      <c r="I44" s="3" t="s">
        <v>103</v>
      </c>
      <c r="J44" s="3" t="s">
        <v>1417</v>
      </c>
      <c r="K44" s="14">
        <v>44650</v>
      </c>
      <c r="L44" s="3" t="s">
        <v>1415</v>
      </c>
    </row>
    <row r="45" spans="1:12" x14ac:dyDescent="0.3">
      <c r="A45" s="11">
        <v>14506575</v>
      </c>
      <c r="B45" s="11">
        <v>5010786</v>
      </c>
      <c r="C45" s="22" t="str">
        <f t="shared" si="0"/>
        <v>https://support.microsoft.com/kb/5010786</v>
      </c>
      <c r="D45" s="3" t="s">
        <v>730</v>
      </c>
      <c r="E45" s="3" t="s">
        <v>100</v>
      </c>
      <c r="F45" s="3" t="s">
        <v>214</v>
      </c>
      <c r="G45" s="3" t="s">
        <v>105</v>
      </c>
      <c r="H45" s="3">
        <v>2017</v>
      </c>
      <c r="I45" s="3" t="s">
        <v>103</v>
      </c>
      <c r="J45" s="3" t="s">
        <v>1417</v>
      </c>
      <c r="K45" s="14">
        <v>44650</v>
      </c>
      <c r="L45" s="3" t="s">
        <v>1415</v>
      </c>
    </row>
    <row r="46" spans="1:12" x14ac:dyDescent="0.3">
      <c r="A46" s="11">
        <v>14641666</v>
      </c>
      <c r="B46" s="11">
        <v>5013207</v>
      </c>
      <c r="C46" s="22" t="str">
        <f t="shared" si="0"/>
        <v>https://support.microsoft.com/kb/5013207</v>
      </c>
      <c r="D46" s="3" t="s">
        <v>1515</v>
      </c>
      <c r="E46" s="3" t="s">
        <v>100</v>
      </c>
      <c r="F46" s="3" t="s">
        <v>125</v>
      </c>
      <c r="G46" s="3" t="s">
        <v>102</v>
      </c>
      <c r="H46" s="3">
        <v>2017</v>
      </c>
      <c r="I46" s="3" t="s">
        <v>103</v>
      </c>
      <c r="J46" s="3" t="s">
        <v>1417</v>
      </c>
      <c r="K46" s="14">
        <v>44650</v>
      </c>
      <c r="L46" s="3" t="s">
        <v>1415</v>
      </c>
    </row>
    <row r="47" spans="1:12" x14ac:dyDescent="0.3">
      <c r="A47" s="11">
        <v>14287010</v>
      </c>
      <c r="B47" s="11">
        <v>5010786</v>
      </c>
      <c r="C47" s="22" t="str">
        <f t="shared" si="0"/>
        <v>https://support.microsoft.com/kb/5010786</v>
      </c>
      <c r="D47" s="3" t="s">
        <v>1516</v>
      </c>
      <c r="E47" s="3" t="s">
        <v>100</v>
      </c>
      <c r="F47" s="3" t="s">
        <v>233</v>
      </c>
      <c r="G47" s="3" t="s">
        <v>105</v>
      </c>
      <c r="H47" s="3">
        <v>2017</v>
      </c>
      <c r="I47" s="3" t="s">
        <v>103</v>
      </c>
      <c r="J47" s="3" t="s">
        <v>1417</v>
      </c>
      <c r="K47" s="14">
        <v>44650</v>
      </c>
      <c r="L47" s="3" t="s">
        <v>1415</v>
      </c>
    </row>
    <row r="48" spans="1:12" x14ac:dyDescent="0.3">
      <c r="A48" s="11">
        <v>14607995</v>
      </c>
      <c r="B48" s="11">
        <v>5010786</v>
      </c>
      <c r="C48" s="22" t="str">
        <f t="shared" si="0"/>
        <v>https://support.microsoft.com/kb/5010786</v>
      </c>
      <c r="D48" s="3" t="s">
        <v>1517</v>
      </c>
      <c r="E48" s="3" t="s">
        <v>100</v>
      </c>
      <c r="F48" s="3" t="s">
        <v>233</v>
      </c>
      <c r="G48" s="3" t="s">
        <v>102</v>
      </c>
      <c r="H48" s="3">
        <v>2017</v>
      </c>
      <c r="I48" s="3" t="s">
        <v>103</v>
      </c>
      <c r="J48" s="3" t="s">
        <v>1417</v>
      </c>
      <c r="K48" s="14">
        <v>44650</v>
      </c>
      <c r="L48" s="3" t="s">
        <v>1415</v>
      </c>
    </row>
    <row r="49" spans="1:12" x14ac:dyDescent="0.3">
      <c r="A49" s="11">
        <v>14401587</v>
      </c>
      <c r="B49" s="11">
        <v>5010786</v>
      </c>
      <c r="C49" s="22" t="str">
        <f t="shared" si="0"/>
        <v>https://support.microsoft.com/kb/5010786</v>
      </c>
      <c r="D49" s="3" t="s">
        <v>1518</v>
      </c>
      <c r="E49" s="3" t="s">
        <v>100</v>
      </c>
      <c r="F49" s="3" t="s">
        <v>101</v>
      </c>
      <c r="G49" s="3" t="s">
        <v>102</v>
      </c>
      <c r="H49" s="3">
        <v>2017</v>
      </c>
      <c r="I49" s="3" t="s">
        <v>103</v>
      </c>
      <c r="J49" s="3" t="s">
        <v>1417</v>
      </c>
      <c r="K49" s="14">
        <v>44650</v>
      </c>
      <c r="L49" s="3" t="s">
        <v>1415</v>
      </c>
    </row>
    <row r="50" spans="1:12" x14ac:dyDescent="0.3">
      <c r="A50" s="11">
        <v>14451454</v>
      </c>
      <c r="B50" s="11">
        <v>5010786</v>
      </c>
      <c r="C50" s="22" t="str">
        <f t="shared" si="0"/>
        <v>https://support.microsoft.com/kb/5010786</v>
      </c>
      <c r="D50" s="3" t="s">
        <v>732</v>
      </c>
      <c r="E50" s="3" t="s">
        <v>100</v>
      </c>
      <c r="F50" s="3" t="s">
        <v>101</v>
      </c>
      <c r="G50" s="3" t="s">
        <v>102</v>
      </c>
      <c r="H50" s="3">
        <v>2017</v>
      </c>
      <c r="I50" s="3" t="s">
        <v>103</v>
      </c>
      <c r="J50" s="3" t="s">
        <v>1417</v>
      </c>
      <c r="K50" s="14">
        <v>44650</v>
      </c>
      <c r="L50" s="3" t="s">
        <v>1415</v>
      </c>
    </row>
    <row r="51" spans="1:12" x14ac:dyDescent="0.3">
      <c r="A51" s="11">
        <v>14577899</v>
      </c>
      <c r="B51" s="11">
        <v>5010786</v>
      </c>
      <c r="C51" s="22" t="str">
        <f t="shared" si="0"/>
        <v>https://support.microsoft.com/kb/5010786</v>
      </c>
      <c r="D51" s="3" t="s">
        <v>1519</v>
      </c>
      <c r="E51" s="3" t="s">
        <v>100</v>
      </c>
      <c r="F51" s="3" t="s">
        <v>101</v>
      </c>
      <c r="G51" s="3" t="s">
        <v>102</v>
      </c>
      <c r="H51" s="3">
        <v>2017</v>
      </c>
      <c r="I51" s="3" t="s">
        <v>103</v>
      </c>
      <c r="J51" s="3" t="s">
        <v>1417</v>
      </c>
      <c r="K51" s="14">
        <v>44650</v>
      </c>
      <c r="L51" s="3" t="s">
        <v>1415</v>
      </c>
    </row>
    <row r="52" spans="1:12" x14ac:dyDescent="0.3">
      <c r="A52" s="11">
        <v>14144674</v>
      </c>
      <c r="B52" s="11">
        <v>5010786</v>
      </c>
      <c r="C52" s="22" t="str">
        <f t="shared" si="0"/>
        <v>https://support.microsoft.com/kb/5010786</v>
      </c>
      <c r="D52" s="3" t="s">
        <v>1520</v>
      </c>
      <c r="E52" s="3" t="s">
        <v>100</v>
      </c>
      <c r="F52" s="3" t="s">
        <v>139</v>
      </c>
      <c r="G52" s="3" t="s">
        <v>102</v>
      </c>
      <c r="H52" s="3">
        <v>2017</v>
      </c>
      <c r="I52" s="3" t="s">
        <v>103</v>
      </c>
      <c r="J52" s="3" t="s">
        <v>1417</v>
      </c>
      <c r="K52" s="14">
        <v>44650</v>
      </c>
      <c r="L52" s="3" t="s">
        <v>1415</v>
      </c>
    </row>
    <row r="53" spans="1:12" x14ac:dyDescent="0.3">
      <c r="A53" s="11">
        <v>14587111</v>
      </c>
      <c r="B53" s="11">
        <v>5010786</v>
      </c>
      <c r="C53" s="22" t="str">
        <f t="shared" si="0"/>
        <v>https://support.microsoft.com/kb/5010786</v>
      </c>
      <c r="D53" s="3" t="s">
        <v>1521</v>
      </c>
      <c r="E53" s="3" t="s">
        <v>100</v>
      </c>
      <c r="F53" s="3" t="s">
        <v>113</v>
      </c>
      <c r="G53" s="3" t="s">
        <v>102</v>
      </c>
      <c r="H53" s="3">
        <v>2017</v>
      </c>
      <c r="I53" s="3" t="s">
        <v>103</v>
      </c>
      <c r="J53" s="3" t="s">
        <v>1417</v>
      </c>
      <c r="K53" s="14">
        <v>44650</v>
      </c>
      <c r="L53" s="3" t="s">
        <v>1415</v>
      </c>
    </row>
    <row r="54" spans="1:12" x14ac:dyDescent="0.3">
      <c r="A54" s="11">
        <v>14422835</v>
      </c>
      <c r="B54" s="11">
        <v>5008296</v>
      </c>
      <c r="C54" s="22" t="str">
        <f t="shared" si="0"/>
        <v>https://support.microsoft.com/kb/5008296</v>
      </c>
      <c r="D54" s="3" t="s">
        <v>787</v>
      </c>
      <c r="E54" s="3" t="s">
        <v>100</v>
      </c>
      <c r="F54" s="3" t="s">
        <v>120</v>
      </c>
      <c r="G54" s="3" t="s">
        <v>102</v>
      </c>
      <c r="H54" s="3">
        <v>2017</v>
      </c>
      <c r="I54" s="3" t="s">
        <v>103</v>
      </c>
      <c r="J54" s="3" t="s">
        <v>1417</v>
      </c>
      <c r="K54" s="14">
        <v>44650</v>
      </c>
      <c r="L54" s="3" t="s">
        <v>1415</v>
      </c>
    </row>
    <row r="55" spans="1:12" x14ac:dyDescent="0.3">
      <c r="A55" s="11">
        <v>14561271</v>
      </c>
      <c r="B55" s="11">
        <v>5013181</v>
      </c>
      <c r="C55" s="22" t="str">
        <f t="shared" si="0"/>
        <v>https://support.microsoft.com/kb/5013181</v>
      </c>
      <c r="D55" s="3" t="s">
        <v>679</v>
      </c>
      <c r="E55" s="3" t="s">
        <v>100</v>
      </c>
      <c r="F55" s="3" t="s">
        <v>120</v>
      </c>
      <c r="G55" s="3" t="s">
        <v>102</v>
      </c>
      <c r="H55" s="3">
        <v>2017</v>
      </c>
      <c r="I55" s="3" t="s">
        <v>103</v>
      </c>
      <c r="J55" s="3" t="s">
        <v>1417</v>
      </c>
      <c r="K55" s="14">
        <v>44650</v>
      </c>
      <c r="L55" s="3" t="s">
        <v>1415</v>
      </c>
    </row>
    <row r="56" spans="1:12" x14ac:dyDescent="0.3">
      <c r="A56" s="11">
        <v>14412963</v>
      </c>
      <c r="B56" s="11">
        <v>5010786</v>
      </c>
      <c r="C56" s="22" t="str">
        <f t="shared" si="0"/>
        <v>https://support.microsoft.com/kb/5010786</v>
      </c>
      <c r="D56" s="3" t="s">
        <v>1522</v>
      </c>
      <c r="E56" s="3" t="s">
        <v>100</v>
      </c>
      <c r="F56" s="3" t="s">
        <v>145</v>
      </c>
      <c r="G56" s="3" t="s">
        <v>105</v>
      </c>
      <c r="H56" s="3">
        <v>2017</v>
      </c>
      <c r="I56" s="3" t="s">
        <v>103</v>
      </c>
      <c r="J56" s="3" t="s">
        <v>1417</v>
      </c>
      <c r="K56" s="14">
        <v>44650</v>
      </c>
      <c r="L56" s="3" t="s">
        <v>1415</v>
      </c>
    </row>
    <row r="57" spans="1:12" x14ac:dyDescent="0.3">
      <c r="A57" s="11">
        <v>14401562</v>
      </c>
      <c r="B57" s="11">
        <v>5010786</v>
      </c>
      <c r="C57" s="22" t="str">
        <f t="shared" si="0"/>
        <v>https://support.microsoft.com/kb/5010786</v>
      </c>
      <c r="D57" s="3" t="s">
        <v>1523</v>
      </c>
      <c r="E57" s="3" t="s">
        <v>100</v>
      </c>
      <c r="F57" s="3" t="s">
        <v>332</v>
      </c>
      <c r="G57" s="3" t="s">
        <v>102</v>
      </c>
      <c r="H57" s="3">
        <v>2017</v>
      </c>
      <c r="I57" s="3" t="s">
        <v>103</v>
      </c>
      <c r="J57" s="3" t="s">
        <v>1417</v>
      </c>
      <c r="K57" s="14">
        <v>44650</v>
      </c>
      <c r="L57" s="3" t="s">
        <v>1415</v>
      </c>
    </row>
    <row r="58" spans="1:12" x14ac:dyDescent="0.3">
      <c r="A58" s="11">
        <v>14516280</v>
      </c>
      <c r="B58" s="11">
        <v>5010786</v>
      </c>
      <c r="C58" s="22" t="str">
        <f t="shared" si="0"/>
        <v>https://support.microsoft.com/kb/5010786</v>
      </c>
      <c r="D58" s="3" t="s">
        <v>1524</v>
      </c>
      <c r="E58" s="3" t="s">
        <v>100</v>
      </c>
      <c r="F58" s="3" t="s">
        <v>725</v>
      </c>
      <c r="G58" s="3" t="s">
        <v>105</v>
      </c>
      <c r="H58" s="3">
        <v>2017</v>
      </c>
      <c r="I58" s="3" t="s">
        <v>103</v>
      </c>
      <c r="J58" s="3" t="s">
        <v>1417</v>
      </c>
      <c r="K58" s="14">
        <v>44650</v>
      </c>
      <c r="L58" s="3" t="s">
        <v>1415</v>
      </c>
    </row>
    <row r="59" spans="1:12" x14ac:dyDescent="0.3">
      <c r="A59" s="11">
        <v>13898015</v>
      </c>
      <c r="B59" s="11">
        <v>5008084</v>
      </c>
      <c r="C59" s="22" t="str">
        <f t="shared" si="0"/>
        <v>https://support.microsoft.com/kb/5008084</v>
      </c>
      <c r="D59" s="3" t="s">
        <v>1525</v>
      </c>
      <c r="E59" s="3" t="s">
        <v>380</v>
      </c>
      <c r="F59" s="3" t="s">
        <v>689</v>
      </c>
      <c r="G59" s="3" t="s">
        <v>102</v>
      </c>
      <c r="H59" s="3">
        <v>2017</v>
      </c>
      <c r="I59" s="3" t="s">
        <v>103</v>
      </c>
      <c r="J59" s="3" t="s">
        <v>470</v>
      </c>
      <c r="K59" s="14">
        <v>44574</v>
      </c>
      <c r="L59" s="3" t="s">
        <v>1418</v>
      </c>
    </row>
    <row r="60" spans="1:12" x14ac:dyDescent="0.3">
      <c r="A60" s="11">
        <v>14042373</v>
      </c>
      <c r="B60" s="11">
        <v>5008084</v>
      </c>
      <c r="C60" s="22" t="str">
        <f t="shared" si="0"/>
        <v>https://support.microsoft.com/kb/5008084</v>
      </c>
      <c r="D60" s="3" t="s">
        <v>1526</v>
      </c>
      <c r="E60" s="3" t="s">
        <v>100</v>
      </c>
      <c r="F60" s="3" t="s">
        <v>125</v>
      </c>
      <c r="G60" s="3" t="s">
        <v>102</v>
      </c>
      <c r="H60" s="3">
        <v>2017</v>
      </c>
      <c r="I60" s="3" t="s">
        <v>103</v>
      </c>
      <c r="J60" s="3" t="s">
        <v>470</v>
      </c>
      <c r="K60" s="14">
        <v>44574</v>
      </c>
      <c r="L60" s="3" t="s">
        <v>1418</v>
      </c>
    </row>
    <row r="61" spans="1:12" x14ac:dyDescent="0.3">
      <c r="A61" s="11">
        <v>14335023</v>
      </c>
      <c r="B61" s="11">
        <v>5008084</v>
      </c>
      <c r="C61" s="22" t="str">
        <f t="shared" si="0"/>
        <v>https://support.microsoft.com/kb/5008084</v>
      </c>
      <c r="D61" s="3" t="s">
        <v>1527</v>
      </c>
      <c r="E61" s="3" t="s">
        <v>100</v>
      </c>
      <c r="F61" s="3" t="s">
        <v>116</v>
      </c>
      <c r="G61" s="3" t="s">
        <v>116</v>
      </c>
      <c r="H61" s="3">
        <v>2017</v>
      </c>
      <c r="I61" s="3" t="s">
        <v>103</v>
      </c>
      <c r="J61" s="3" t="s">
        <v>470</v>
      </c>
      <c r="K61" s="14">
        <v>44574</v>
      </c>
      <c r="L61" s="3" t="s">
        <v>1418</v>
      </c>
    </row>
    <row r="62" spans="1:12" x14ac:dyDescent="0.3">
      <c r="A62" s="11">
        <v>14195813</v>
      </c>
      <c r="B62" s="11">
        <v>5008084</v>
      </c>
      <c r="C62" s="22" t="str">
        <f t="shared" si="0"/>
        <v>https://support.microsoft.com/kb/5008084</v>
      </c>
      <c r="D62" s="3" t="s">
        <v>1528</v>
      </c>
      <c r="E62" s="3" t="s">
        <v>100</v>
      </c>
      <c r="F62" s="3" t="s">
        <v>101</v>
      </c>
      <c r="G62" s="3" t="s">
        <v>102</v>
      </c>
      <c r="H62" s="3">
        <v>2017</v>
      </c>
      <c r="I62" s="3" t="s">
        <v>103</v>
      </c>
      <c r="J62" s="3" t="s">
        <v>470</v>
      </c>
      <c r="K62" s="14">
        <v>44574</v>
      </c>
      <c r="L62" s="3" t="s">
        <v>1418</v>
      </c>
    </row>
    <row r="63" spans="1:12" x14ac:dyDescent="0.3">
      <c r="A63" s="11">
        <v>14293376</v>
      </c>
      <c r="B63" s="11">
        <v>5008084</v>
      </c>
      <c r="C63" s="22" t="str">
        <f t="shared" si="0"/>
        <v>https://support.microsoft.com/kb/5008084</v>
      </c>
      <c r="D63" s="3" t="s">
        <v>1529</v>
      </c>
      <c r="E63" s="3" t="s">
        <v>100</v>
      </c>
      <c r="F63" s="3" t="s">
        <v>127</v>
      </c>
      <c r="G63" s="3" t="s">
        <v>102</v>
      </c>
      <c r="H63" s="3">
        <v>2017</v>
      </c>
      <c r="I63" s="3" t="s">
        <v>103</v>
      </c>
      <c r="J63" s="3" t="s">
        <v>470</v>
      </c>
      <c r="K63" s="14">
        <v>44574</v>
      </c>
      <c r="L63" s="3" t="s">
        <v>1418</v>
      </c>
    </row>
    <row r="64" spans="1:12" x14ac:dyDescent="0.3">
      <c r="A64" s="11">
        <v>14287618</v>
      </c>
      <c r="B64" s="11">
        <v>5008084</v>
      </c>
      <c r="C64" s="22" t="str">
        <f t="shared" si="0"/>
        <v>https://support.microsoft.com/kb/5008084</v>
      </c>
      <c r="D64" s="3" t="s">
        <v>1530</v>
      </c>
      <c r="E64" s="3" t="s">
        <v>100</v>
      </c>
      <c r="F64" s="3" t="s">
        <v>113</v>
      </c>
      <c r="G64" s="3" t="s">
        <v>102</v>
      </c>
      <c r="H64" s="3">
        <v>2017</v>
      </c>
      <c r="I64" s="3" t="s">
        <v>103</v>
      </c>
      <c r="J64" s="3" t="s">
        <v>470</v>
      </c>
      <c r="K64" s="14">
        <v>44574</v>
      </c>
      <c r="L64" s="3" t="s">
        <v>1418</v>
      </c>
    </row>
    <row r="65" spans="1:12" x14ac:dyDescent="0.3">
      <c r="A65" s="11">
        <v>14391931</v>
      </c>
      <c r="B65" s="11">
        <v>5008084</v>
      </c>
      <c r="C65" s="22" t="str">
        <f t="shared" si="0"/>
        <v>https://support.microsoft.com/kb/5008084</v>
      </c>
      <c r="D65" s="3" t="s">
        <v>1531</v>
      </c>
      <c r="E65" s="3" t="s">
        <v>100</v>
      </c>
      <c r="F65" s="3" t="s">
        <v>113</v>
      </c>
      <c r="G65" s="3" t="s">
        <v>102</v>
      </c>
      <c r="H65" s="3">
        <v>2017</v>
      </c>
      <c r="I65" s="3" t="s">
        <v>103</v>
      </c>
      <c r="J65" s="3" t="s">
        <v>470</v>
      </c>
      <c r="K65" s="14">
        <v>44574</v>
      </c>
      <c r="L65" s="3" t="s">
        <v>1418</v>
      </c>
    </row>
    <row r="66" spans="1:12" x14ac:dyDescent="0.3">
      <c r="A66" s="11">
        <v>14396480</v>
      </c>
      <c r="B66" s="11">
        <v>5008084</v>
      </c>
      <c r="C66" s="22" t="str">
        <f t="shared" si="0"/>
        <v>https://support.microsoft.com/kb/5008084</v>
      </c>
      <c r="D66" s="3" t="s">
        <v>757</v>
      </c>
      <c r="E66" s="3" t="s">
        <v>100</v>
      </c>
      <c r="F66" s="3" t="s">
        <v>145</v>
      </c>
      <c r="G66" s="3" t="s">
        <v>102</v>
      </c>
      <c r="H66" s="3">
        <v>2017</v>
      </c>
      <c r="I66" s="3" t="s">
        <v>103</v>
      </c>
      <c r="J66" s="3" t="s">
        <v>470</v>
      </c>
      <c r="K66" s="14">
        <v>44574</v>
      </c>
      <c r="L66" s="3" t="s">
        <v>1418</v>
      </c>
    </row>
    <row r="67" spans="1:12" x14ac:dyDescent="0.3">
      <c r="A67" s="11">
        <v>14227334</v>
      </c>
      <c r="B67" s="11">
        <v>5008084</v>
      </c>
      <c r="C67" s="22" t="str">
        <f t="shared" si="0"/>
        <v>https://support.microsoft.com/kb/5008084</v>
      </c>
      <c r="D67" s="3" t="s">
        <v>771</v>
      </c>
      <c r="E67" s="3" t="s">
        <v>100</v>
      </c>
      <c r="F67" s="3" t="s">
        <v>145</v>
      </c>
      <c r="G67" s="3" t="s">
        <v>116</v>
      </c>
      <c r="H67" s="3">
        <v>2017</v>
      </c>
      <c r="I67" s="3" t="s">
        <v>103</v>
      </c>
      <c r="J67" s="3" t="s">
        <v>470</v>
      </c>
      <c r="K67" s="14">
        <v>44574</v>
      </c>
      <c r="L67" s="3" t="s">
        <v>1418</v>
      </c>
    </row>
    <row r="68" spans="1:12" x14ac:dyDescent="0.3">
      <c r="A68" s="11">
        <v>14216911</v>
      </c>
      <c r="B68" s="11">
        <v>5006944</v>
      </c>
      <c r="C68" s="22" t="str">
        <f t="shared" si="0"/>
        <v>https://support.microsoft.com/kb/5006944</v>
      </c>
      <c r="D68" s="3" t="s">
        <v>1532</v>
      </c>
      <c r="E68" s="3" t="s">
        <v>217</v>
      </c>
      <c r="F68" s="3" t="s">
        <v>276</v>
      </c>
      <c r="G68" s="3" t="s">
        <v>102</v>
      </c>
      <c r="H68" s="3">
        <v>2017</v>
      </c>
      <c r="I68" s="3" t="s">
        <v>103</v>
      </c>
      <c r="J68" s="3" t="s">
        <v>478</v>
      </c>
      <c r="K68" s="14">
        <v>44496</v>
      </c>
      <c r="L68" s="3" t="s">
        <v>1420</v>
      </c>
    </row>
    <row r="69" spans="1:12" x14ac:dyDescent="0.3">
      <c r="A69" s="11">
        <v>13952862</v>
      </c>
      <c r="B69" s="11">
        <v>5006944</v>
      </c>
      <c r="C69" s="22" t="str">
        <f t="shared" ref="C69:C132" si="1">HYPERLINK("https://support.microsoft.com/kb/"&amp;B69)</f>
        <v>https://support.microsoft.com/kb/5006944</v>
      </c>
      <c r="D69" s="3" t="s">
        <v>831</v>
      </c>
      <c r="E69" s="3" t="s">
        <v>100</v>
      </c>
      <c r="F69" s="3" t="s">
        <v>161</v>
      </c>
      <c r="G69" s="3" t="s">
        <v>102</v>
      </c>
      <c r="H69" s="3">
        <v>2017</v>
      </c>
      <c r="I69" s="3" t="s">
        <v>103</v>
      </c>
      <c r="J69" s="3" t="s">
        <v>478</v>
      </c>
      <c r="K69" s="14">
        <v>44496</v>
      </c>
      <c r="L69" s="3" t="s">
        <v>1422</v>
      </c>
    </row>
    <row r="70" spans="1:12" x14ac:dyDescent="0.3">
      <c r="A70" s="11">
        <v>13748048</v>
      </c>
      <c r="B70" s="11">
        <v>5006944</v>
      </c>
      <c r="C70" s="22" t="str">
        <f t="shared" si="1"/>
        <v>https://support.microsoft.com/kb/5006944</v>
      </c>
      <c r="D70" s="3" t="s">
        <v>895</v>
      </c>
      <c r="E70" s="3" t="s">
        <v>100</v>
      </c>
      <c r="F70" s="3" t="s">
        <v>161</v>
      </c>
      <c r="G70" s="3" t="s">
        <v>102</v>
      </c>
      <c r="H70" s="3">
        <v>2017</v>
      </c>
      <c r="I70" s="3" t="s">
        <v>103</v>
      </c>
      <c r="J70" s="3" t="s">
        <v>478</v>
      </c>
      <c r="K70" s="14">
        <v>44496</v>
      </c>
      <c r="L70" s="3" t="s">
        <v>1420</v>
      </c>
    </row>
    <row r="71" spans="1:12" x14ac:dyDescent="0.3">
      <c r="A71" s="11">
        <v>14247979</v>
      </c>
      <c r="B71" s="11">
        <v>5007158</v>
      </c>
      <c r="C71" s="22" t="str">
        <f t="shared" si="1"/>
        <v>https://support.microsoft.com/kb/5007158</v>
      </c>
      <c r="D71" s="3" t="s">
        <v>1533</v>
      </c>
      <c r="E71" s="3" t="s">
        <v>100</v>
      </c>
      <c r="F71" s="3" t="s">
        <v>214</v>
      </c>
      <c r="G71" s="3" t="s">
        <v>105</v>
      </c>
      <c r="H71" s="3">
        <v>2017</v>
      </c>
      <c r="I71" s="3" t="s">
        <v>103</v>
      </c>
      <c r="J71" s="3" t="s">
        <v>478</v>
      </c>
      <c r="K71" s="14">
        <v>44496</v>
      </c>
      <c r="L71" s="3" t="s">
        <v>1420</v>
      </c>
    </row>
    <row r="72" spans="1:12" x14ac:dyDescent="0.3">
      <c r="A72" s="11">
        <v>14080201</v>
      </c>
      <c r="B72" s="11">
        <v>5006944</v>
      </c>
      <c r="C72" s="22" t="str">
        <f t="shared" si="1"/>
        <v>https://support.microsoft.com/kb/5006944</v>
      </c>
      <c r="D72" s="3" t="s">
        <v>1534</v>
      </c>
      <c r="E72" s="3" t="s">
        <v>100</v>
      </c>
      <c r="F72" s="3" t="s">
        <v>214</v>
      </c>
      <c r="G72" s="3" t="s">
        <v>102</v>
      </c>
      <c r="H72" s="3">
        <v>2017</v>
      </c>
      <c r="I72" s="3" t="s">
        <v>103</v>
      </c>
      <c r="J72" s="3" t="s">
        <v>478</v>
      </c>
      <c r="K72" s="14">
        <v>44496</v>
      </c>
      <c r="L72" s="3" t="s">
        <v>1420</v>
      </c>
    </row>
    <row r="73" spans="1:12" x14ac:dyDescent="0.3">
      <c r="A73" s="11">
        <v>14269761</v>
      </c>
      <c r="B73" s="11">
        <v>5007381</v>
      </c>
      <c r="C73" s="22" t="str">
        <f t="shared" si="1"/>
        <v>https://support.microsoft.com/kb/5007381</v>
      </c>
      <c r="D73" s="3" t="s">
        <v>1535</v>
      </c>
      <c r="E73" s="3" t="s">
        <v>100</v>
      </c>
      <c r="F73" s="3" t="s">
        <v>125</v>
      </c>
      <c r="G73" s="3" t="s">
        <v>102</v>
      </c>
      <c r="H73" s="3">
        <v>2017</v>
      </c>
      <c r="I73" s="3" t="s">
        <v>103</v>
      </c>
      <c r="J73" s="3" t="s">
        <v>478</v>
      </c>
      <c r="K73" s="14">
        <v>44496</v>
      </c>
      <c r="L73" s="3" t="s">
        <v>1420</v>
      </c>
    </row>
    <row r="74" spans="1:12" x14ac:dyDescent="0.3">
      <c r="A74" s="11">
        <v>14182231</v>
      </c>
      <c r="B74" s="11">
        <v>5006944</v>
      </c>
      <c r="C74" s="22" t="str">
        <f t="shared" si="1"/>
        <v>https://support.microsoft.com/kb/5006944</v>
      </c>
      <c r="D74" s="3" t="s">
        <v>823</v>
      </c>
      <c r="E74" s="3" t="s">
        <v>100</v>
      </c>
      <c r="F74" s="3" t="s">
        <v>101</v>
      </c>
      <c r="G74" s="3" t="s">
        <v>102</v>
      </c>
      <c r="H74" s="3">
        <v>2017</v>
      </c>
      <c r="I74" s="3" t="s">
        <v>103</v>
      </c>
      <c r="J74" s="3" t="s">
        <v>478</v>
      </c>
      <c r="K74" s="14">
        <v>44496</v>
      </c>
      <c r="L74" s="3" t="s">
        <v>1420</v>
      </c>
    </row>
    <row r="75" spans="1:12" x14ac:dyDescent="0.3">
      <c r="A75" s="11">
        <v>14279542</v>
      </c>
      <c r="B75" s="11">
        <v>5006944</v>
      </c>
      <c r="C75" s="22" t="str">
        <f t="shared" si="1"/>
        <v>https://support.microsoft.com/kb/5006944</v>
      </c>
      <c r="D75" s="3" t="s">
        <v>1536</v>
      </c>
      <c r="E75" s="3" t="s">
        <v>100</v>
      </c>
      <c r="F75" s="3" t="s">
        <v>101</v>
      </c>
      <c r="G75" s="3" t="s">
        <v>102</v>
      </c>
      <c r="H75" s="3">
        <v>2017</v>
      </c>
      <c r="I75" s="3" t="s">
        <v>103</v>
      </c>
      <c r="J75" s="3" t="s">
        <v>478</v>
      </c>
      <c r="K75" s="14">
        <v>44496</v>
      </c>
      <c r="L75" s="3" t="s">
        <v>1420</v>
      </c>
    </row>
    <row r="76" spans="1:12" x14ac:dyDescent="0.3">
      <c r="A76" s="11">
        <v>14232818</v>
      </c>
      <c r="B76" s="11">
        <v>5006944</v>
      </c>
      <c r="C76" s="22" t="str">
        <f t="shared" si="1"/>
        <v>https://support.microsoft.com/kb/5006944</v>
      </c>
      <c r="D76" s="3" t="s">
        <v>1537</v>
      </c>
      <c r="E76" s="3" t="s">
        <v>100</v>
      </c>
      <c r="F76" s="3" t="s">
        <v>101</v>
      </c>
      <c r="G76" s="3" t="s">
        <v>102</v>
      </c>
      <c r="H76" s="3">
        <v>2017</v>
      </c>
      <c r="I76" s="3" t="s">
        <v>103</v>
      </c>
      <c r="J76" s="3" t="s">
        <v>478</v>
      </c>
      <c r="K76" s="14">
        <v>44496</v>
      </c>
      <c r="L76" s="3" t="s">
        <v>1420</v>
      </c>
    </row>
    <row r="77" spans="1:12" x14ac:dyDescent="0.3">
      <c r="A77" s="11">
        <v>14266687</v>
      </c>
      <c r="B77" s="11">
        <v>5006944</v>
      </c>
      <c r="C77" s="22" t="str">
        <f t="shared" si="1"/>
        <v>https://support.microsoft.com/kb/5006944</v>
      </c>
      <c r="D77" s="3" t="s">
        <v>760</v>
      </c>
      <c r="E77" s="3" t="s">
        <v>100</v>
      </c>
      <c r="F77" s="3" t="s">
        <v>139</v>
      </c>
      <c r="G77" s="3" t="s">
        <v>102</v>
      </c>
      <c r="H77" s="3">
        <v>2017</v>
      </c>
      <c r="I77" s="3" t="s">
        <v>103</v>
      </c>
      <c r="J77" s="3" t="s">
        <v>478</v>
      </c>
      <c r="K77" s="14">
        <v>44496</v>
      </c>
      <c r="L77" s="3" t="s">
        <v>1420</v>
      </c>
    </row>
    <row r="78" spans="1:12" x14ac:dyDescent="0.3">
      <c r="A78" s="11">
        <v>13788019</v>
      </c>
      <c r="B78" s="11">
        <v>5006944</v>
      </c>
      <c r="C78" s="22" t="str">
        <f t="shared" si="1"/>
        <v>https://support.microsoft.com/kb/5006944</v>
      </c>
      <c r="D78" s="3" t="s">
        <v>1538</v>
      </c>
      <c r="E78" s="3" t="s">
        <v>100</v>
      </c>
      <c r="F78" s="3" t="s">
        <v>579</v>
      </c>
      <c r="G78" s="3" t="s">
        <v>102</v>
      </c>
      <c r="H78" s="3">
        <v>2017</v>
      </c>
      <c r="I78" s="3" t="s">
        <v>103</v>
      </c>
      <c r="J78" s="3" t="s">
        <v>478</v>
      </c>
      <c r="K78" s="14">
        <v>44496</v>
      </c>
      <c r="L78" s="3" t="s">
        <v>1420</v>
      </c>
    </row>
    <row r="79" spans="1:12" x14ac:dyDescent="0.3">
      <c r="A79" s="11">
        <v>14269725</v>
      </c>
      <c r="B79" s="11">
        <v>5007039</v>
      </c>
      <c r="C79" s="22" t="str">
        <f t="shared" si="1"/>
        <v>https://support.microsoft.com/kb/5007039</v>
      </c>
      <c r="D79" s="3" t="s">
        <v>1539</v>
      </c>
      <c r="E79" s="3" t="s">
        <v>100</v>
      </c>
      <c r="F79" s="3" t="s">
        <v>120</v>
      </c>
      <c r="G79" s="3" t="s">
        <v>102</v>
      </c>
      <c r="H79" s="3">
        <v>2017</v>
      </c>
      <c r="I79" s="3" t="s">
        <v>103</v>
      </c>
      <c r="J79" s="3" t="s">
        <v>478</v>
      </c>
      <c r="K79" s="14">
        <v>44496</v>
      </c>
      <c r="L79" s="3" t="s">
        <v>1420</v>
      </c>
    </row>
    <row r="80" spans="1:12" x14ac:dyDescent="0.3">
      <c r="A80" s="11">
        <v>14157183</v>
      </c>
      <c r="B80" s="11">
        <v>5005226</v>
      </c>
      <c r="C80" s="22" t="str">
        <f t="shared" si="1"/>
        <v>https://support.microsoft.com/kb/5005226</v>
      </c>
      <c r="D80" s="3" t="s">
        <v>1540</v>
      </c>
      <c r="E80" s="3" t="s">
        <v>180</v>
      </c>
      <c r="F80" s="3" t="s">
        <v>180</v>
      </c>
      <c r="G80" s="3" t="s">
        <v>102</v>
      </c>
      <c r="H80" s="3">
        <v>2017</v>
      </c>
      <c r="I80" s="3" t="s">
        <v>103</v>
      </c>
      <c r="J80" s="3" t="s">
        <v>481</v>
      </c>
      <c r="K80" s="14">
        <v>44453</v>
      </c>
      <c r="L80" s="3" t="s">
        <v>1422</v>
      </c>
    </row>
    <row r="81" spans="1:12" x14ac:dyDescent="0.3">
      <c r="A81" s="11">
        <v>14143953</v>
      </c>
      <c r="B81" s="11">
        <v>5005226</v>
      </c>
      <c r="C81" s="22" t="str">
        <f t="shared" si="1"/>
        <v>https://support.microsoft.com/kb/5005226</v>
      </c>
      <c r="D81" s="3" t="s">
        <v>801</v>
      </c>
      <c r="E81" s="3" t="s">
        <v>180</v>
      </c>
      <c r="F81" s="3" t="s">
        <v>180</v>
      </c>
      <c r="G81" s="3" t="s">
        <v>102</v>
      </c>
      <c r="H81" s="3">
        <v>2017</v>
      </c>
      <c r="I81" s="3" t="s">
        <v>103</v>
      </c>
      <c r="J81" s="3" t="s">
        <v>481</v>
      </c>
      <c r="K81" s="14">
        <v>44453</v>
      </c>
      <c r="L81" s="3" t="s">
        <v>1422</v>
      </c>
    </row>
    <row r="82" spans="1:12" x14ac:dyDescent="0.3">
      <c r="A82" s="11">
        <v>13905587</v>
      </c>
      <c r="B82" s="11">
        <v>5005226</v>
      </c>
      <c r="C82" s="22" t="str">
        <f t="shared" si="1"/>
        <v>https://support.microsoft.com/kb/5005226</v>
      </c>
      <c r="D82" s="3" t="s">
        <v>1541</v>
      </c>
      <c r="E82" s="3" t="s">
        <v>380</v>
      </c>
      <c r="F82" s="3" t="s">
        <v>380</v>
      </c>
      <c r="G82" s="3" t="s">
        <v>102</v>
      </c>
      <c r="H82" s="3">
        <v>2017</v>
      </c>
      <c r="I82" s="3" t="s">
        <v>103</v>
      </c>
      <c r="J82" s="3" t="s">
        <v>481</v>
      </c>
      <c r="K82" s="14">
        <v>44453</v>
      </c>
      <c r="L82" s="3" t="s">
        <v>1422</v>
      </c>
    </row>
    <row r="83" spans="1:12" x14ac:dyDescent="0.3">
      <c r="A83" s="11">
        <v>14175901</v>
      </c>
      <c r="B83" s="11">
        <v>5005226</v>
      </c>
      <c r="C83" s="22" t="str">
        <f t="shared" si="1"/>
        <v>https://support.microsoft.com/kb/5005226</v>
      </c>
      <c r="D83" s="3" t="s">
        <v>799</v>
      </c>
      <c r="E83" s="3" t="s">
        <v>178</v>
      </c>
      <c r="F83" s="3" t="s">
        <v>178</v>
      </c>
      <c r="G83" s="3" t="s">
        <v>102</v>
      </c>
      <c r="H83" s="3">
        <v>2017</v>
      </c>
      <c r="I83" s="3" t="s">
        <v>103</v>
      </c>
      <c r="J83" s="3" t="s">
        <v>481</v>
      </c>
      <c r="K83" s="14">
        <v>44453</v>
      </c>
      <c r="L83" s="3" t="s">
        <v>1422</v>
      </c>
    </row>
    <row r="84" spans="1:12" x14ac:dyDescent="0.3">
      <c r="A84" s="11">
        <v>14155040</v>
      </c>
      <c r="B84" s="11">
        <v>5004936</v>
      </c>
      <c r="C84" s="22" t="str">
        <f t="shared" si="1"/>
        <v>https://support.microsoft.com/kb/5004936</v>
      </c>
      <c r="D84" s="3" t="s">
        <v>1542</v>
      </c>
      <c r="E84" s="3" t="s">
        <v>100</v>
      </c>
      <c r="F84" s="3" t="s">
        <v>214</v>
      </c>
      <c r="G84" s="3" t="s">
        <v>105</v>
      </c>
      <c r="H84" s="3">
        <v>2017</v>
      </c>
      <c r="I84" s="3" t="s">
        <v>103</v>
      </c>
      <c r="J84" s="3" t="s">
        <v>481</v>
      </c>
      <c r="K84" s="14">
        <v>44453</v>
      </c>
      <c r="L84" s="3" t="s">
        <v>1422</v>
      </c>
    </row>
    <row r="85" spans="1:12" x14ac:dyDescent="0.3">
      <c r="A85" s="11">
        <v>14148246</v>
      </c>
      <c r="B85" s="11">
        <v>5004734</v>
      </c>
      <c r="C85" s="22" t="str">
        <f t="shared" si="1"/>
        <v>https://support.microsoft.com/kb/5004734</v>
      </c>
      <c r="D85" s="3" t="s">
        <v>1543</v>
      </c>
      <c r="E85" s="3" t="s">
        <v>100</v>
      </c>
      <c r="F85" s="3" t="s">
        <v>214</v>
      </c>
      <c r="G85" s="3" t="s">
        <v>105</v>
      </c>
      <c r="H85" s="3">
        <v>2017</v>
      </c>
      <c r="I85" s="3" t="s">
        <v>103</v>
      </c>
      <c r="J85" s="3" t="s">
        <v>481</v>
      </c>
      <c r="K85" s="14">
        <v>44453</v>
      </c>
      <c r="L85" s="3" t="s">
        <v>1422</v>
      </c>
    </row>
    <row r="86" spans="1:12" x14ac:dyDescent="0.3">
      <c r="A86" s="11">
        <v>14123174</v>
      </c>
      <c r="B86" s="11">
        <v>5004750</v>
      </c>
      <c r="C86" s="22" t="str">
        <f t="shared" si="1"/>
        <v>https://support.microsoft.com/kb/5004750</v>
      </c>
      <c r="D86" s="3" t="s">
        <v>1544</v>
      </c>
      <c r="E86" s="3" t="s">
        <v>100</v>
      </c>
      <c r="F86" s="3" t="s">
        <v>116</v>
      </c>
      <c r="G86" s="3" t="s">
        <v>116</v>
      </c>
      <c r="H86" s="3">
        <v>2017</v>
      </c>
      <c r="I86" s="3" t="s">
        <v>103</v>
      </c>
      <c r="J86" s="3" t="s">
        <v>481</v>
      </c>
      <c r="K86" s="14">
        <v>44453</v>
      </c>
      <c r="L86" s="3" t="s">
        <v>1422</v>
      </c>
    </row>
    <row r="87" spans="1:12" x14ac:dyDescent="0.3">
      <c r="A87" s="11">
        <v>14125523</v>
      </c>
      <c r="B87" s="11">
        <v>5005226</v>
      </c>
      <c r="C87" s="22" t="str">
        <f t="shared" si="1"/>
        <v>https://support.microsoft.com/kb/5005226</v>
      </c>
      <c r="D87" s="3" t="s">
        <v>1545</v>
      </c>
      <c r="E87" s="3" t="s">
        <v>100</v>
      </c>
      <c r="F87" s="3" t="s">
        <v>101</v>
      </c>
      <c r="G87" s="3" t="s">
        <v>102</v>
      </c>
      <c r="H87" s="3">
        <v>2017</v>
      </c>
      <c r="I87" s="3" t="s">
        <v>103</v>
      </c>
      <c r="J87" s="3" t="s">
        <v>481</v>
      </c>
      <c r="K87" s="14">
        <v>44453</v>
      </c>
      <c r="L87" s="3" t="s">
        <v>1422</v>
      </c>
    </row>
    <row r="88" spans="1:12" x14ac:dyDescent="0.3">
      <c r="A88" s="11">
        <v>14031937</v>
      </c>
      <c r="B88" s="11">
        <v>5005226</v>
      </c>
      <c r="C88" s="22" t="str">
        <f t="shared" si="1"/>
        <v>https://support.microsoft.com/kb/5005226</v>
      </c>
      <c r="D88" s="3" t="s">
        <v>802</v>
      </c>
      <c r="E88" s="3" t="s">
        <v>100</v>
      </c>
      <c r="F88" s="3" t="s">
        <v>101</v>
      </c>
      <c r="G88" s="3" t="s">
        <v>102</v>
      </c>
      <c r="H88" s="3">
        <v>2017</v>
      </c>
      <c r="I88" s="3" t="s">
        <v>103</v>
      </c>
      <c r="J88" s="3" t="s">
        <v>481</v>
      </c>
      <c r="K88" s="14">
        <v>44453</v>
      </c>
      <c r="L88" s="3" t="s">
        <v>1422</v>
      </c>
    </row>
    <row r="89" spans="1:12" x14ac:dyDescent="0.3">
      <c r="A89" s="11">
        <v>14135181</v>
      </c>
      <c r="B89" s="11">
        <v>5005226</v>
      </c>
      <c r="C89" s="22" t="str">
        <f t="shared" si="1"/>
        <v>https://support.microsoft.com/kb/5005226</v>
      </c>
      <c r="D89" s="3" t="s">
        <v>1546</v>
      </c>
      <c r="E89" s="3" t="s">
        <v>100</v>
      </c>
      <c r="F89" s="3" t="s">
        <v>127</v>
      </c>
      <c r="G89" s="3" t="s">
        <v>102</v>
      </c>
      <c r="H89" s="3">
        <v>2017</v>
      </c>
      <c r="I89" s="3" t="s">
        <v>103</v>
      </c>
      <c r="J89" s="3" t="s">
        <v>481</v>
      </c>
      <c r="K89" s="14">
        <v>44453</v>
      </c>
      <c r="L89" s="3" t="s">
        <v>1422</v>
      </c>
    </row>
    <row r="90" spans="1:12" x14ac:dyDescent="0.3">
      <c r="A90" s="11">
        <v>14134263</v>
      </c>
      <c r="B90" s="11">
        <v>5005226</v>
      </c>
      <c r="C90" s="22" t="str">
        <f t="shared" si="1"/>
        <v>https://support.microsoft.com/kb/5005226</v>
      </c>
      <c r="D90" s="3" t="s">
        <v>1547</v>
      </c>
      <c r="E90" s="3" t="s">
        <v>100</v>
      </c>
      <c r="F90" s="3" t="s">
        <v>127</v>
      </c>
      <c r="G90" s="3" t="s">
        <v>105</v>
      </c>
      <c r="H90" s="3">
        <v>2017</v>
      </c>
      <c r="I90" s="3" t="s">
        <v>103</v>
      </c>
      <c r="J90" s="3" t="s">
        <v>481</v>
      </c>
      <c r="K90" s="14">
        <v>44453</v>
      </c>
      <c r="L90" s="3" t="s">
        <v>1422</v>
      </c>
    </row>
    <row r="91" spans="1:12" x14ac:dyDescent="0.3">
      <c r="A91" s="11">
        <v>14200277</v>
      </c>
      <c r="B91" s="11">
        <v>5005226</v>
      </c>
      <c r="C91" s="22" t="str">
        <f t="shared" si="1"/>
        <v>https://support.microsoft.com/kb/5005226</v>
      </c>
      <c r="D91" s="3" t="s">
        <v>1548</v>
      </c>
      <c r="E91" s="3" t="s">
        <v>100</v>
      </c>
      <c r="F91" s="3" t="s">
        <v>113</v>
      </c>
      <c r="G91" s="3" t="s">
        <v>102</v>
      </c>
      <c r="H91" s="3">
        <v>2017</v>
      </c>
      <c r="I91" s="3" t="s">
        <v>103</v>
      </c>
      <c r="J91" s="3" t="s">
        <v>481</v>
      </c>
      <c r="K91" s="14">
        <v>44453</v>
      </c>
      <c r="L91" s="3" t="s">
        <v>1422</v>
      </c>
    </row>
    <row r="92" spans="1:12" x14ac:dyDescent="0.3">
      <c r="A92" s="11">
        <v>14178360</v>
      </c>
      <c r="B92" s="11">
        <v>5005226</v>
      </c>
      <c r="C92" s="22" t="str">
        <f t="shared" si="1"/>
        <v>https://support.microsoft.com/kb/5005226</v>
      </c>
      <c r="D92" s="3" t="s">
        <v>1549</v>
      </c>
      <c r="E92" s="3" t="s">
        <v>100</v>
      </c>
      <c r="F92" s="3" t="s">
        <v>120</v>
      </c>
      <c r="G92" s="3" t="s">
        <v>102</v>
      </c>
      <c r="H92" s="3">
        <v>2017</v>
      </c>
      <c r="I92" s="3" t="s">
        <v>103</v>
      </c>
      <c r="J92" s="3" t="s">
        <v>481</v>
      </c>
      <c r="K92" s="14">
        <v>44453</v>
      </c>
      <c r="L92" s="3" t="s">
        <v>1422</v>
      </c>
    </row>
    <row r="93" spans="1:12" x14ac:dyDescent="0.3">
      <c r="A93" s="11">
        <v>14193531</v>
      </c>
      <c r="B93" s="11">
        <v>5005226</v>
      </c>
      <c r="C93" s="22" t="str">
        <f t="shared" si="1"/>
        <v>https://support.microsoft.com/kb/5005226</v>
      </c>
      <c r="D93" s="3" t="s">
        <v>1550</v>
      </c>
      <c r="E93" s="3" t="s">
        <v>100</v>
      </c>
      <c r="F93" s="3" t="s">
        <v>120</v>
      </c>
      <c r="G93" s="3" t="s">
        <v>102</v>
      </c>
      <c r="H93" s="3">
        <v>2017</v>
      </c>
      <c r="I93" s="3" t="s">
        <v>103</v>
      </c>
      <c r="J93" s="3" t="s">
        <v>481</v>
      </c>
      <c r="K93" s="14">
        <v>44453</v>
      </c>
      <c r="L93" s="3" t="s">
        <v>1422</v>
      </c>
    </row>
    <row r="94" spans="1:12" x14ac:dyDescent="0.3">
      <c r="A94" s="11">
        <v>14130524</v>
      </c>
      <c r="B94" s="11">
        <v>5005226</v>
      </c>
      <c r="C94" s="22" t="str">
        <f t="shared" si="1"/>
        <v>https://support.microsoft.com/kb/5005226</v>
      </c>
      <c r="D94" s="3" t="s">
        <v>842</v>
      </c>
      <c r="E94" s="3" t="s">
        <v>100</v>
      </c>
      <c r="F94" s="3" t="s">
        <v>120</v>
      </c>
      <c r="G94" s="3" t="s">
        <v>102</v>
      </c>
      <c r="H94" s="3">
        <v>2017</v>
      </c>
      <c r="I94" s="3" t="s">
        <v>103</v>
      </c>
      <c r="J94" s="3" t="s">
        <v>481</v>
      </c>
      <c r="K94" s="14">
        <v>44453</v>
      </c>
      <c r="L94" s="3" t="s">
        <v>1422</v>
      </c>
    </row>
    <row r="95" spans="1:12" x14ac:dyDescent="0.3">
      <c r="A95" s="11">
        <v>14224387</v>
      </c>
      <c r="B95" s="11">
        <v>5006029</v>
      </c>
      <c r="C95" s="22" t="str">
        <f t="shared" si="1"/>
        <v>https://support.microsoft.com/kb/5006029</v>
      </c>
      <c r="D95" s="3" t="s">
        <v>1551</v>
      </c>
      <c r="E95" s="3" t="s">
        <v>100</v>
      </c>
      <c r="F95" s="3" t="s">
        <v>120</v>
      </c>
      <c r="G95" s="3" t="s">
        <v>102</v>
      </c>
      <c r="H95" s="3">
        <v>2017</v>
      </c>
      <c r="I95" s="3" t="s">
        <v>103</v>
      </c>
      <c r="J95" s="3" t="s">
        <v>481</v>
      </c>
      <c r="K95" s="14">
        <v>44453</v>
      </c>
      <c r="L95" s="3" t="s">
        <v>1422</v>
      </c>
    </row>
    <row r="96" spans="1:12" x14ac:dyDescent="0.3">
      <c r="A96" s="11">
        <v>14164877</v>
      </c>
      <c r="B96" s="11">
        <v>5004573</v>
      </c>
      <c r="C96" s="22" t="str">
        <f t="shared" si="1"/>
        <v>https://support.microsoft.com/kb/5004573</v>
      </c>
      <c r="D96" s="3" t="s">
        <v>1552</v>
      </c>
      <c r="E96" s="3" t="s">
        <v>100</v>
      </c>
      <c r="F96" s="3" t="s">
        <v>145</v>
      </c>
      <c r="G96" s="3" t="s">
        <v>102</v>
      </c>
      <c r="H96" s="3">
        <v>2017</v>
      </c>
      <c r="I96" s="3" t="s">
        <v>103</v>
      </c>
      <c r="J96" s="3" t="s">
        <v>481</v>
      </c>
      <c r="K96" s="14">
        <v>44453</v>
      </c>
      <c r="L96" s="3" t="s">
        <v>1422</v>
      </c>
    </row>
    <row r="97" spans="1:12" x14ac:dyDescent="0.3">
      <c r="A97" s="11">
        <v>14117711</v>
      </c>
      <c r="B97" s="11">
        <v>4530907</v>
      </c>
      <c r="C97" s="22" t="str">
        <f t="shared" si="1"/>
        <v>https://support.microsoft.com/kb/4530907</v>
      </c>
      <c r="D97" s="3" t="s">
        <v>1553</v>
      </c>
      <c r="E97" s="3" t="s">
        <v>100</v>
      </c>
      <c r="F97" s="3" t="s">
        <v>153</v>
      </c>
      <c r="G97" s="3" t="s">
        <v>102</v>
      </c>
      <c r="H97" s="3">
        <v>2017</v>
      </c>
      <c r="I97" s="3" t="s">
        <v>103</v>
      </c>
      <c r="J97" s="3" t="s">
        <v>481</v>
      </c>
      <c r="K97" s="14">
        <v>44453</v>
      </c>
      <c r="L97" s="3" t="s">
        <v>1422</v>
      </c>
    </row>
    <row r="98" spans="1:12" x14ac:dyDescent="0.3">
      <c r="A98" s="11">
        <v>14193874</v>
      </c>
      <c r="B98" s="11">
        <v>5005788</v>
      </c>
      <c r="C98" s="22" t="str">
        <f t="shared" si="1"/>
        <v>https://support.microsoft.com/kb/5005788</v>
      </c>
      <c r="D98" s="3" t="s">
        <v>1554</v>
      </c>
      <c r="E98" s="3" t="s">
        <v>100</v>
      </c>
      <c r="F98" s="3" t="s">
        <v>332</v>
      </c>
      <c r="G98" s="3" t="s">
        <v>102</v>
      </c>
      <c r="H98" s="3">
        <v>2017</v>
      </c>
      <c r="I98" s="3" t="s">
        <v>103</v>
      </c>
      <c r="J98" s="3" t="s">
        <v>481</v>
      </c>
      <c r="K98" s="14">
        <v>44453</v>
      </c>
      <c r="L98" s="3" t="s">
        <v>1422</v>
      </c>
    </row>
    <row r="99" spans="1:12" x14ac:dyDescent="0.3">
      <c r="A99" s="11">
        <v>14149041</v>
      </c>
      <c r="B99" s="11">
        <v>5005226</v>
      </c>
      <c r="C99" s="22" t="str">
        <f t="shared" si="1"/>
        <v>https://support.microsoft.com/kb/5005226</v>
      </c>
      <c r="D99" s="3" t="s">
        <v>1555</v>
      </c>
      <c r="E99" s="3" t="s">
        <v>107</v>
      </c>
      <c r="F99" s="3" t="s">
        <v>770</v>
      </c>
      <c r="G99" s="3" t="s">
        <v>102</v>
      </c>
      <c r="H99" s="3">
        <v>2017</v>
      </c>
      <c r="I99" s="3" t="s">
        <v>103</v>
      </c>
      <c r="J99" s="3" t="s">
        <v>481</v>
      </c>
      <c r="K99" s="14">
        <v>44453</v>
      </c>
      <c r="L99" s="3" t="s">
        <v>1422</v>
      </c>
    </row>
    <row r="100" spans="1:12" x14ac:dyDescent="0.3">
      <c r="A100" s="11">
        <v>14175937</v>
      </c>
      <c r="B100" s="11">
        <v>4039592</v>
      </c>
      <c r="C100" s="22" t="str">
        <f t="shared" si="1"/>
        <v>https://support.microsoft.com/kb/4039592</v>
      </c>
      <c r="D100" s="3" t="s">
        <v>1556</v>
      </c>
      <c r="E100" s="3" t="s">
        <v>107</v>
      </c>
      <c r="F100" s="3" t="s">
        <v>1557</v>
      </c>
      <c r="G100" s="3" t="s">
        <v>102</v>
      </c>
      <c r="H100" s="3">
        <v>2017</v>
      </c>
      <c r="I100" s="3" t="s">
        <v>103</v>
      </c>
      <c r="J100" s="3" t="s">
        <v>481</v>
      </c>
      <c r="K100" s="14">
        <v>44453</v>
      </c>
      <c r="L100" s="3" t="s">
        <v>1422</v>
      </c>
    </row>
    <row r="101" spans="1:12" x14ac:dyDescent="0.3">
      <c r="A101" s="11">
        <v>14092090</v>
      </c>
      <c r="B101" s="11">
        <v>5003830</v>
      </c>
      <c r="C101" s="22" t="str">
        <f t="shared" si="1"/>
        <v>https://support.microsoft.com/kb/5003830</v>
      </c>
      <c r="D101" s="3" t="s">
        <v>1558</v>
      </c>
      <c r="E101" s="3" t="s">
        <v>180</v>
      </c>
      <c r="F101" s="3" t="s">
        <v>180</v>
      </c>
      <c r="G101" s="3" t="s">
        <v>102</v>
      </c>
      <c r="H101" s="3">
        <v>2017</v>
      </c>
      <c r="I101" s="3" t="s">
        <v>103</v>
      </c>
      <c r="J101" s="3" t="s">
        <v>489</v>
      </c>
      <c r="K101" s="14">
        <v>44389</v>
      </c>
      <c r="L101" s="3" t="s">
        <v>1424</v>
      </c>
    </row>
    <row r="102" spans="1:12" x14ac:dyDescent="0.3">
      <c r="A102" s="11">
        <v>14043292</v>
      </c>
      <c r="B102" s="11">
        <v>5003830</v>
      </c>
      <c r="C102" s="22" t="str">
        <f t="shared" si="1"/>
        <v>https://support.microsoft.com/kb/5003830</v>
      </c>
      <c r="D102" s="3" t="s">
        <v>1559</v>
      </c>
      <c r="E102" s="3" t="s">
        <v>217</v>
      </c>
      <c r="F102" s="3" t="s">
        <v>276</v>
      </c>
      <c r="G102" s="3" t="s">
        <v>102</v>
      </c>
      <c r="H102" s="3">
        <v>2017</v>
      </c>
      <c r="I102" s="3" t="s">
        <v>103</v>
      </c>
      <c r="J102" s="3" t="s">
        <v>489</v>
      </c>
      <c r="K102" s="14">
        <v>44389</v>
      </c>
      <c r="L102" s="3" t="s">
        <v>1424</v>
      </c>
    </row>
    <row r="103" spans="1:12" x14ac:dyDescent="0.3">
      <c r="A103" s="11">
        <v>14089545</v>
      </c>
      <c r="B103" s="11">
        <v>5004466</v>
      </c>
      <c r="C103" s="22" t="str">
        <f t="shared" si="1"/>
        <v>https://support.microsoft.com/kb/5004466</v>
      </c>
      <c r="D103" s="3" t="s">
        <v>1560</v>
      </c>
      <c r="E103" s="3" t="s">
        <v>100</v>
      </c>
      <c r="F103" s="3" t="s">
        <v>1561</v>
      </c>
      <c r="G103" s="3" t="s">
        <v>105</v>
      </c>
      <c r="H103" s="3">
        <v>2017</v>
      </c>
      <c r="I103" s="3" t="s">
        <v>103</v>
      </c>
      <c r="J103" s="3" t="s">
        <v>489</v>
      </c>
      <c r="K103" s="14">
        <v>44389</v>
      </c>
      <c r="L103" s="3" t="s">
        <v>1424</v>
      </c>
    </row>
    <row r="104" spans="1:12" x14ac:dyDescent="0.3">
      <c r="A104" s="11">
        <v>14082568</v>
      </c>
      <c r="B104" s="11">
        <v>5004766</v>
      </c>
      <c r="C104" s="22" t="str">
        <f t="shared" si="1"/>
        <v>https://support.microsoft.com/kb/5004766</v>
      </c>
      <c r="D104" s="3" t="s">
        <v>1562</v>
      </c>
      <c r="E104" s="3" t="s">
        <v>697</v>
      </c>
      <c r="F104" s="3" t="s">
        <v>777</v>
      </c>
      <c r="G104" s="3" t="s">
        <v>102</v>
      </c>
      <c r="H104" s="3">
        <v>2017</v>
      </c>
      <c r="I104" s="3" t="s">
        <v>103</v>
      </c>
      <c r="J104" s="3" t="s">
        <v>489</v>
      </c>
      <c r="K104" s="14">
        <v>44389</v>
      </c>
      <c r="L104" s="3" t="s">
        <v>1424</v>
      </c>
    </row>
    <row r="105" spans="1:12" x14ac:dyDescent="0.3">
      <c r="A105" s="11">
        <v>13956645</v>
      </c>
      <c r="B105" s="11">
        <v>5003830</v>
      </c>
      <c r="C105" s="22" t="str">
        <f t="shared" si="1"/>
        <v>https://support.microsoft.com/kb/5003830</v>
      </c>
      <c r="D105" s="3" t="s">
        <v>1563</v>
      </c>
      <c r="E105" s="3" t="s">
        <v>100</v>
      </c>
      <c r="F105" s="3" t="s">
        <v>161</v>
      </c>
      <c r="G105" s="3" t="s">
        <v>102</v>
      </c>
      <c r="H105" s="3">
        <v>2017</v>
      </c>
      <c r="I105" s="3" t="s">
        <v>103</v>
      </c>
      <c r="J105" s="3" t="s">
        <v>489</v>
      </c>
      <c r="K105" s="14">
        <v>44389</v>
      </c>
      <c r="L105" s="3" t="s">
        <v>1424</v>
      </c>
    </row>
    <row r="106" spans="1:12" x14ac:dyDescent="0.3">
      <c r="A106" s="11">
        <v>14012370</v>
      </c>
      <c r="B106" s="11">
        <v>5003830</v>
      </c>
      <c r="C106" s="22" t="str">
        <f t="shared" si="1"/>
        <v>https://support.microsoft.com/kb/5003830</v>
      </c>
      <c r="D106" s="3" t="s">
        <v>1564</v>
      </c>
      <c r="E106" s="3" t="s">
        <v>100</v>
      </c>
      <c r="F106" s="3" t="s">
        <v>123</v>
      </c>
      <c r="G106" s="3" t="s">
        <v>102</v>
      </c>
      <c r="H106" s="3">
        <v>2017</v>
      </c>
      <c r="I106" s="3" t="s">
        <v>103</v>
      </c>
      <c r="J106" s="3" t="s">
        <v>489</v>
      </c>
      <c r="K106" s="14">
        <v>44389</v>
      </c>
      <c r="L106" s="3" t="s">
        <v>1424</v>
      </c>
    </row>
    <row r="107" spans="1:12" x14ac:dyDescent="0.3">
      <c r="A107" s="11">
        <v>14048638</v>
      </c>
      <c r="B107" s="11">
        <v>5003830</v>
      </c>
      <c r="C107" s="22" t="str">
        <f t="shared" si="1"/>
        <v>https://support.microsoft.com/kb/5003830</v>
      </c>
      <c r="D107" s="3" t="s">
        <v>1565</v>
      </c>
      <c r="E107" s="3" t="s">
        <v>100</v>
      </c>
      <c r="F107" s="3" t="s">
        <v>123</v>
      </c>
      <c r="G107" s="3" t="s">
        <v>102</v>
      </c>
      <c r="H107" s="3">
        <v>2017</v>
      </c>
      <c r="I107" s="3" t="s">
        <v>103</v>
      </c>
      <c r="J107" s="3" t="s">
        <v>489</v>
      </c>
      <c r="K107" s="14">
        <v>44389</v>
      </c>
      <c r="L107" s="3" t="s">
        <v>1424</v>
      </c>
    </row>
    <row r="108" spans="1:12" x14ac:dyDescent="0.3">
      <c r="A108" s="11">
        <v>14119445</v>
      </c>
      <c r="B108" s="11">
        <v>5004560</v>
      </c>
      <c r="C108" s="22" t="str">
        <f t="shared" si="1"/>
        <v>https://support.microsoft.com/kb/5004560</v>
      </c>
      <c r="D108" s="3" t="s">
        <v>1566</v>
      </c>
      <c r="E108" s="3" t="s">
        <v>100</v>
      </c>
      <c r="F108" s="3" t="s">
        <v>214</v>
      </c>
      <c r="G108" s="3" t="s">
        <v>102</v>
      </c>
      <c r="H108" s="3">
        <v>2017</v>
      </c>
      <c r="I108" s="3" t="s">
        <v>103</v>
      </c>
      <c r="J108" s="3" t="s">
        <v>489</v>
      </c>
      <c r="K108" s="14">
        <v>44389</v>
      </c>
      <c r="L108" s="3" t="s">
        <v>1424</v>
      </c>
    </row>
    <row r="109" spans="1:12" x14ac:dyDescent="0.3">
      <c r="A109" s="11">
        <v>13880247</v>
      </c>
      <c r="B109" s="11">
        <v>5003830</v>
      </c>
      <c r="C109" s="22" t="str">
        <f t="shared" si="1"/>
        <v>https://support.microsoft.com/kb/5003830</v>
      </c>
      <c r="D109" s="3" t="s">
        <v>1567</v>
      </c>
      <c r="E109" s="3" t="s">
        <v>100</v>
      </c>
      <c r="F109" s="3" t="s">
        <v>214</v>
      </c>
      <c r="G109" s="3" t="s">
        <v>102</v>
      </c>
      <c r="H109" s="3">
        <v>2017</v>
      </c>
      <c r="I109" s="3" t="s">
        <v>103</v>
      </c>
      <c r="J109" s="3" t="s">
        <v>489</v>
      </c>
      <c r="K109" s="14">
        <v>44389</v>
      </c>
      <c r="L109" s="3" t="s">
        <v>1424</v>
      </c>
    </row>
    <row r="110" spans="1:12" x14ac:dyDescent="0.3">
      <c r="A110" s="11">
        <v>14087445</v>
      </c>
      <c r="B110" s="11">
        <v>5003830</v>
      </c>
      <c r="C110" s="22" t="str">
        <f t="shared" si="1"/>
        <v>https://support.microsoft.com/kb/5003830</v>
      </c>
      <c r="D110" s="3" t="s">
        <v>1568</v>
      </c>
      <c r="E110" s="3" t="s">
        <v>100</v>
      </c>
      <c r="F110" s="3" t="s">
        <v>233</v>
      </c>
      <c r="G110" s="3" t="s">
        <v>102</v>
      </c>
      <c r="H110" s="3">
        <v>2017</v>
      </c>
      <c r="I110" s="3" t="s">
        <v>103</v>
      </c>
      <c r="J110" s="3" t="s">
        <v>489</v>
      </c>
      <c r="K110" s="14">
        <v>44389</v>
      </c>
      <c r="L110" s="3" t="s">
        <v>1424</v>
      </c>
    </row>
    <row r="111" spans="1:12" x14ac:dyDescent="0.3">
      <c r="A111" s="11">
        <v>13955890</v>
      </c>
      <c r="B111" s="11">
        <v>5003830</v>
      </c>
      <c r="C111" s="22" t="str">
        <f t="shared" si="1"/>
        <v>https://support.microsoft.com/kb/5003830</v>
      </c>
      <c r="D111" s="3" t="s">
        <v>1569</v>
      </c>
      <c r="E111" s="3" t="s">
        <v>100</v>
      </c>
      <c r="F111" s="3" t="s">
        <v>116</v>
      </c>
      <c r="G111" s="3" t="s">
        <v>116</v>
      </c>
      <c r="H111" s="3">
        <v>2017</v>
      </c>
      <c r="I111" s="3" t="s">
        <v>103</v>
      </c>
      <c r="J111" s="3" t="s">
        <v>489</v>
      </c>
      <c r="K111" s="14">
        <v>44389</v>
      </c>
      <c r="L111" s="3" t="s">
        <v>1424</v>
      </c>
    </row>
    <row r="112" spans="1:12" x14ac:dyDescent="0.3">
      <c r="A112" s="11">
        <v>14102876</v>
      </c>
      <c r="B112" s="11">
        <v>5003830</v>
      </c>
      <c r="C112" s="22" t="str">
        <f t="shared" si="1"/>
        <v>https://support.microsoft.com/kb/5003830</v>
      </c>
      <c r="D112" s="3" t="s">
        <v>1570</v>
      </c>
      <c r="E112" s="3" t="s">
        <v>100</v>
      </c>
      <c r="F112" s="3" t="s">
        <v>101</v>
      </c>
      <c r="G112" s="3" t="s">
        <v>102</v>
      </c>
      <c r="H112" s="3">
        <v>2017</v>
      </c>
      <c r="I112" s="3" t="s">
        <v>103</v>
      </c>
      <c r="J112" s="3" t="s">
        <v>489</v>
      </c>
      <c r="K112" s="14">
        <v>44389</v>
      </c>
      <c r="L112" s="3" t="s">
        <v>1424</v>
      </c>
    </row>
    <row r="113" spans="1:12" x14ac:dyDescent="0.3">
      <c r="A113" s="11">
        <v>14082570</v>
      </c>
      <c r="B113" s="11">
        <v>4578579</v>
      </c>
      <c r="C113" s="22" t="str">
        <f t="shared" si="1"/>
        <v>https://support.microsoft.com/kb/4578579</v>
      </c>
      <c r="D113" s="3" t="s">
        <v>1571</v>
      </c>
      <c r="E113" s="3" t="s">
        <v>100</v>
      </c>
      <c r="F113" s="3" t="s">
        <v>101</v>
      </c>
      <c r="G113" s="3" t="s">
        <v>102</v>
      </c>
      <c r="H113" s="3">
        <v>2017</v>
      </c>
      <c r="I113" s="3" t="s">
        <v>103</v>
      </c>
      <c r="J113" s="3" t="s">
        <v>489</v>
      </c>
      <c r="K113" s="14">
        <v>44389</v>
      </c>
      <c r="L113" s="3" t="s">
        <v>1424</v>
      </c>
    </row>
    <row r="114" spans="1:12" x14ac:dyDescent="0.3">
      <c r="A114" s="11">
        <v>14030483</v>
      </c>
      <c r="B114" s="11">
        <v>5003830</v>
      </c>
      <c r="C114" s="22" t="str">
        <f t="shared" si="1"/>
        <v>https://support.microsoft.com/kb/5003830</v>
      </c>
      <c r="D114" s="3" t="s">
        <v>1572</v>
      </c>
      <c r="E114" s="3" t="s">
        <v>100</v>
      </c>
      <c r="F114" s="3" t="s">
        <v>101</v>
      </c>
      <c r="G114" s="3" t="s">
        <v>102</v>
      </c>
      <c r="H114" s="3">
        <v>2017</v>
      </c>
      <c r="I114" s="3" t="s">
        <v>103</v>
      </c>
      <c r="J114" s="3" t="s">
        <v>489</v>
      </c>
      <c r="K114" s="14">
        <v>44389</v>
      </c>
      <c r="L114" s="3" t="s">
        <v>1424</v>
      </c>
    </row>
    <row r="115" spans="1:12" x14ac:dyDescent="0.3">
      <c r="A115" s="11">
        <v>13975159</v>
      </c>
      <c r="B115" s="11">
        <v>5003830</v>
      </c>
      <c r="C115" s="22" t="str">
        <f t="shared" si="1"/>
        <v>https://support.microsoft.com/kb/5003830</v>
      </c>
      <c r="D115" s="3" t="s">
        <v>1573</v>
      </c>
      <c r="E115" s="3" t="s">
        <v>100</v>
      </c>
      <c r="F115" s="3" t="s">
        <v>139</v>
      </c>
      <c r="G115" s="3" t="s">
        <v>102</v>
      </c>
      <c r="H115" s="3">
        <v>2017</v>
      </c>
      <c r="I115" s="3" t="s">
        <v>103</v>
      </c>
      <c r="J115" s="3" t="s">
        <v>489</v>
      </c>
      <c r="K115" s="14">
        <v>44389</v>
      </c>
      <c r="L115" s="3" t="s">
        <v>1424</v>
      </c>
    </row>
    <row r="116" spans="1:12" x14ac:dyDescent="0.3">
      <c r="A116" s="11">
        <v>13647546</v>
      </c>
      <c r="B116" s="11">
        <v>5004646</v>
      </c>
      <c r="C116" s="22" t="str">
        <f t="shared" si="1"/>
        <v>https://support.microsoft.com/kb/5004646</v>
      </c>
      <c r="D116" s="3" t="s">
        <v>1574</v>
      </c>
      <c r="E116" s="3" t="s">
        <v>100</v>
      </c>
      <c r="F116" s="3" t="s">
        <v>113</v>
      </c>
      <c r="G116" s="3" t="s">
        <v>102</v>
      </c>
      <c r="H116" s="3">
        <v>2017</v>
      </c>
      <c r="I116" s="3" t="s">
        <v>103</v>
      </c>
      <c r="J116" s="3" t="s">
        <v>489</v>
      </c>
      <c r="K116" s="14">
        <v>44389</v>
      </c>
      <c r="L116" s="3" t="s">
        <v>1424</v>
      </c>
    </row>
    <row r="117" spans="1:12" x14ac:dyDescent="0.3">
      <c r="A117" s="11">
        <v>14043333</v>
      </c>
      <c r="B117" s="11">
        <v>5003830</v>
      </c>
      <c r="C117" s="22" t="str">
        <f t="shared" si="1"/>
        <v>https://support.microsoft.com/kb/5003830</v>
      </c>
      <c r="D117" s="3" t="s">
        <v>1575</v>
      </c>
      <c r="E117" s="3" t="s">
        <v>100</v>
      </c>
      <c r="F117" s="3" t="s">
        <v>165</v>
      </c>
      <c r="G117" s="3" t="s">
        <v>105</v>
      </c>
      <c r="H117" s="3">
        <v>2017</v>
      </c>
      <c r="I117" s="3" t="s">
        <v>103</v>
      </c>
      <c r="J117" s="3" t="s">
        <v>489</v>
      </c>
      <c r="K117" s="14">
        <v>44389</v>
      </c>
      <c r="L117" s="3" t="s">
        <v>1424</v>
      </c>
    </row>
    <row r="118" spans="1:12" x14ac:dyDescent="0.3">
      <c r="A118" s="11">
        <v>14056987</v>
      </c>
      <c r="B118" s="11">
        <v>5003830</v>
      </c>
      <c r="C118" s="22" t="str">
        <f t="shared" si="1"/>
        <v>https://support.microsoft.com/kb/5003830</v>
      </c>
      <c r="D118" s="3" t="s">
        <v>875</v>
      </c>
      <c r="E118" s="3" t="s">
        <v>100</v>
      </c>
      <c r="F118" s="3" t="s">
        <v>332</v>
      </c>
      <c r="G118" s="3" t="s">
        <v>102</v>
      </c>
      <c r="H118" s="3">
        <v>2017</v>
      </c>
      <c r="I118" s="3" t="s">
        <v>103</v>
      </c>
      <c r="J118" s="3" t="s">
        <v>489</v>
      </c>
      <c r="K118" s="14">
        <v>44389</v>
      </c>
      <c r="L118" s="3" t="s">
        <v>1424</v>
      </c>
    </row>
    <row r="119" spans="1:12" x14ac:dyDescent="0.3">
      <c r="A119" s="11">
        <v>14021843</v>
      </c>
      <c r="B119" s="11">
        <v>5001228</v>
      </c>
      <c r="C119" s="22" t="str">
        <f t="shared" si="1"/>
        <v>https://support.microsoft.com/kb/5001228</v>
      </c>
      <c r="D119" s="3" t="s">
        <v>1576</v>
      </c>
      <c r="E119" s="3" t="s">
        <v>180</v>
      </c>
      <c r="F119" s="3" t="s">
        <v>180</v>
      </c>
      <c r="G119" s="3" t="s">
        <v>102</v>
      </c>
      <c r="H119" s="3">
        <v>2017</v>
      </c>
      <c r="I119" s="3" t="s">
        <v>103</v>
      </c>
      <c r="J119" s="3" t="s">
        <v>492</v>
      </c>
      <c r="K119" s="14">
        <v>44326</v>
      </c>
      <c r="L119" s="3" t="s">
        <v>1426</v>
      </c>
    </row>
    <row r="120" spans="1:12" x14ac:dyDescent="0.3">
      <c r="A120" s="11">
        <v>13746934</v>
      </c>
      <c r="B120" s="11">
        <v>5001228</v>
      </c>
      <c r="C120" s="22" t="str">
        <f t="shared" si="1"/>
        <v>https://support.microsoft.com/kb/5001228</v>
      </c>
      <c r="D120" s="3" t="s">
        <v>930</v>
      </c>
      <c r="E120" s="3" t="s">
        <v>100</v>
      </c>
      <c r="F120" s="3" t="s">
        <v>123</v>
      </c>
      <c r="G120" s="3" t="s">
        <v>102</v>
      </c>
      <c r="H120" s="3">
        <v>2017</v>
      </c>
      <c r="I120" s="3" t="s">
        <v>103</v>
      </c>
      <c r="J120" s="3" t="s">
        <v>492</v>
      </c>
      <c r="K120" s="14">
        <v>44326</v>
      </c>
      <c r="L120" s="3" t="s">
        <v>1426</v>
      </c>
    </row>
    <row r="121" spans="1:12" x14ac:dyDescent="0.3">
      <c r="A121" s="11">
        <v>14008523</v>
      </c>
      <c r="B121" s="11">
        <v>5001228</v>
      </c>
      <c r="C121" s="22" t="str">
        <f t="shared" si="1"/>
        <v>https://support.microsoft.com/kb/5001228</v>
      </c>
      <c r="D121" s="3" t="s">
        <v>1577</v>
      </c>
      <c r="E121" s="3" t="s">
        <v>100</v>
      </c>
      <c r="F121" s="3" t="s">
        <v>123</v>
      </c>
      <c r="G121" s="3" t="s">
        <v>102</v>
      </c>
      <c r="H121" s="3">
        <v>2017</v>
      </c>
      <c r="I121" s="3" t="s">
        <v>103</v>
      </c>
      <c r="J121" s="3" t="s">
        <v>492</v>
      </c>
      <c r="K121" s="14">
        <v>44326</v>
      </c>
      <c r="L121" s="3" t="s">
        <v>1426</v>
      </c>
    </row>
    <row r="122" spans="1:12" x14ac:dyDescent="0.3">
      <c r="A122" s="11">
        <v>13959576</v>
      </c>
      <c r="B122" s="11">
        <v>5000651</v>
      </c>
      <c r="C122" s="22" t="str">
        <f t="shared" si="1"/>
        <v>https://support.microsoft.com/kb/5000651</v>
      </c>
      <c r="D122" s="3" t="s">
        <v>1578</v>
      </c>
      <c r="E122" s="3" t="s">
        <v>100</v>
      </c>
      <c r="F122" s="3" t="s">
        <v>214</v>
      </c>
      <c r="G122" s="3" t="s">
        <v>105</v>
      </c>
      <c r="H122" s="3">
        <v>2017</v>
      </c>
      <c r="I122" s="3" t="s">
        <v>103</v>
      </c>
      <c r="J122" s="3" t="s">
        <v>492</v>
      </c>
      <c r="K122" s="14">
        <v>44326</v>
      </c>
      <c r="L122" s="3" t="s">
        <v>1426</v>
      </c>
    </row>
    <row r="123" spans="1:12" x14ac:dyDescent="0.3">
      <c r="A123" s="11">
        <v>13959548</v>
      </c>
      <c r="B123" s="11">
        <v>5001228</v>
      </c>
      <c r="C123" s="22" t="str">
        <f t="shared" si="1"/>
        <v>https://support.microsoft.com/kb/5001228</v>
      </c>
      <c r="D123" s="3" t="s">
        <v>1579</v>
      </c>
      <c r="E123" s="3" t="s">
        <v>100</v>
      </c>
      <c r="F123" s="3" t="s">
        <v>137</v>
      </c>
      <c r="G123" s="3" t="s">
        <v>102</v>
      </c>
      <c r="H123" s="3">
        <v>2017</v>
      </c>
      <c r="I123" s="3" t="s">
        <v>103</v>
      </c>
      <c r="J123" s="3" t="s">
        <v>492</v>
      </c>
      <c r="K123" s="14">
        <v>44326</v>
      </c>
      <c r="L123" s="3" t="s">
        <v>1426</v>
      </c>
    </row>
    <row r="124" spans="1:12" x14ac:dyDescent="0.3">
      <c r="A124" s="11">
        <v>13707752</v>
      </c>
      <c r="B124" s="11">
        <v>5001228</v>
      </c>
      <c r="C124" s="22" t="str">
        <f t="shared" si="1"/>
        <v>https://support.microsoft.com/kb/5001228</v>
      </c>
      <c r="D124" s="3" t="s">
        <v>932</v>
      </c>
      <c r="E124" s="3" t="s">
        <v>100</v>
      </c>
      <c r="F124" s="3" t="s">
        <v>116</v>
      </c>
      <c r="G124" s="3" t="s">
        <v>116</v>
      </c>
      <c r="H124" s="3">
        <v>2017</v>
      </c>
      <c r="I124" s="3" t="s">
        <v>103</v>
      </c>
      <c r="J124" s="3" t="s">
        <v>492</v>
      </c>
      <c r="K124" s="14">
        <v>44326</v>
      </c>
      <c r="L124" s="3" t="s">
        <v>1426</v>
      </c>
    </row>
    <row r="125" spans="1:12" x14ac:dyDescent="0.3">
      <c r="A125" s="11">
        <v>13913389</v>
      </c>
      <c r="B125" s="11">
        <v>5001228</v>
      </c>
      <c r="C125" s="22" t="str">
        <f t="shared" si="1"/>
        <v>https://support.microsoft.com/kb/5001228</v>
      </c>
      <c r="D125" s="3" t="s">
        <v>954</v>
      </c>
      <c r="E125" s="3" t="s">
        <v>100</v>
      </c>
      <c r="F125" s="3" t="s">
        <v>116</v>
      </c>
      <c r="G125" s="3" t="s">
        <v>116</v>
      </c>
      <c r="H125" s="3">
        <v>2017</v>
      </c>
      <c r="I125" s="3" t="s">
        <v>103</v>
      </c>
      <c r="J125" s="3" t="s">
        <v>492</v>
      </c>
      <c r="K125" s="14">
        <v>44326</v>
      </c>
      <c r="L125" s="3" t="s">
        <v>1426</v>
      </c>
    </row>
    <row r="126" spans="1:12" x14ac:dyDescent="0.3">
      <c r="A126" s="11">
        <v>13959546</v>
      </c>
      <c r="B126" s="11">
        <v>5001228</v>
      </c>
      <c r="C126" s="22" t="str">
        <f t="shared" si="1"/>
        <v>https://support.microsoft.com/kb/5001228</v>
      </c>
      <c r="D126" s="3" t="s">
        <v>1580</v>
      </c>
      <c r="E126" s="3" t="s">
        <v>100</v>
      </c>
      <c r="F126" s="3" t="s">
        <v>101</v>
      </c>
      <c r="G126" s="3" t="s">
        <v>105</v>
      </c>
      <c r="H126" s="3">
        <v>2017</v>
      </c>
      <c r="I126" s="3" t="s">
        <v>103</v>
      </c>
      <c r="J126" s="3" t="s">
        <v>492</v>
      </c>
      <c r="K126" s="14">
        <v>44326</v>
      </c>
      <c r="L126" s="3" t="s">
        <v>1426</v>
      </c>
    </row>
    <row r="127" spans="1:12" x14ac:dyDescent="0.3">
      <c r="A127" s="11">
        <v>14039036</v>
      </c>
      <c r="B127" s="11">
        <v>5003342</v>
      </c>
      <c r="C127" s="22" t="str">
        <f t="shared" si="1"/>
        <v>https://support.microsoft.com/kb/5003342</v>
      </c>
      <c r="D127" s="3" t="s">
        <v>1581</v>
      </c>
      <c r="E127" s="3" t="s">
        <v>100</v>
      </c>
      <c r="F127" s="3" t="s">
        <v>884</v>
      </c>
      <c r="G127" s="3" t="s">
        <v>102</v>
      </c>
      <c r="H127" s="3">
        <v>2017</v>
      </c>
      <c r="I127" s="3" t="s">
        <v>103</v>
      </c>
      <c r="J127" s="3" t="s">
        <v>492</v>
      </c>
      <c r="K127" s="14">
        <v>44326</v>
      </c>
      <c r="L127" s="3" t="s">
        <v>1426</v>
      </c>
    </row>
    <row r="128" spans="1:12" x14ac:dyDescent="0.3">
      <c r="A128" s="11">
        <v>13703152</v>
      </c>
      <c r="B128" s="11">
        <v>4023170</v>
      </c>
      <c r="C128" s="22" t="str">
        <f t="shared" si="1"/>
        <v>https://support.microsoft.com/kb/4023170</v>
      </c>
      <c r="D128" s="3" t="s">
        <v>1582</v>
      </c>
      <c r="E128" s="3" t="s">
        <v>100</v>
      </c>
      <c r="F128" s="3" t="s">
        <v>108</v>
      </c>
      <c r="G128" s="3" t="s">
        <v>102</v>
      </c>
      <c r="H128" s="3">
        <v>2017</v>
      </c>
      <c r="I128" s="3" t="s">
        <v>103</v>
      </c>
      <c r="J128" s="3" t="s">
        <v>492</v>
      </c>
      <c r="K128" s="14">
        <v>44326</v>
      </c>
      <c r="L128" s="3" t="s">
        <v>1426</v>
      </c>
    </row>
    <row r="129" spans="1:12" x14ac:dyDescent="0.3">
      <c r="A129" s="11">
        <v>13959573</v>
      </c>
      <c r="B129" s="11">
        <v>5001228</v>
      </c>
      <c r="C129" s="22" t="str">
        <f t="shared" si="1"/>
        <v>https://support.microsoft.com/kb/5001228</v>
      </c>
      <c r="D129" s="3" t="s">
        <v>1583</v>
      </c>
      <c r="E129" s="3" t="s">
        <v>100</v>
      </c>
      <c r="F129" s="3" t="s">
        <v>579</v>
      </c>
      <c r="G129" s="3" t="s">
        <v>102</v>
      </c>
      <c r="H129" s="3">
        <v>2017</v>
      </c>
      <c r="I129" s="3" t="s">
        <v>103</v>
      </c>
      <c r="J129" s="3" t="s">
        <v>492</v>
      </c>
      <c r="K129" s="14">
        <v>44326</v>
      </c>
      <c r="L129" s="3" t="s">
        <v>1426</v>
      </c>
    </row>
    <row r="130" spans="1:12" x14ac:dyDescent="0.3">
      <c r="A130" s="11">
        <v>13959544</v>
      </c>
      <c r="B130" s="11">
        <v>4589350</v>
      </c>
      <c r="C130" s="22" t="str">
        <f t="shared" si="1"/>
        <v>https://support.microsoft.com/kb/4589350</v>
      </c>
      <c r="D130" s="3" t="s">
        <v>1584</v>
      </c>
      <c r="E130" s="3" t="s">
        <v>100</v>
      </c>
      <c r="F130" s="3" t="s">
        <v>127</v>
      </c>
      <c r="G130" s="3" t="s">
        <v>102</v>
      </c>
      <c r="H130" s="3">
        <v>2017</v>
      </c>
      <c r="I130" s="3" t="s">
        <v>103</v>
      </c>
      <c r="J130" s="3" t="s">
        <v>492</v>
      </c>
      <c r="K130" s="14">
        <v>44326</v>
      </c>
      <c r="L130" s="3" t="s">
        <v>1426</v>
      </c>
    </row>
    <row r="131" spans="1:12" x14ac:dyDescent="0.3">
      <c r="A131" s="11">
        <v>13982720</v>
      </c>
      <c r="B131" s="11">
        <v>5001228</v>
      </c>
      <c r="C131" s="22" t="str">
        <f t="shared" si="1"/>
        <v>https://support.microsoft.com/kb/5001228</v>
      </c>
      <c r="D131" s="3" t="s">
        <v>1585</v>
      </c>
      <c r="E131" s="3" t="s">
        <v>100</v>
      </c>
      <c r="F131" s="3" t="s">
        <v>113</v>
      </c>
      <c r="G131" s="3" t="s">
        <v>105</v>
      </c>
      <c r="H131" s="3">
        <v>2017</v>
      </c>
      <c r="I131" s="3" t="s">
        <v>103</v>
      </c>
      <c r="J131" s="3" t="s">
        <v>492</v>
      </c>
      <c r="K131" s="14">
        <v>44326</v>
      </c>
      <c r="L131" s="3" t="s">
        <v>1426</v>
      </c>
    </row>
    <row r="132" spans="1:12" x14ac:dyDescent="0.3">
      <c r="A132" s="11">
        <v>13959570</v>
      </c>
      <c r="B132" s="11">
        <v>5001228</v>
      </c>
      <c r="C132" s="22" t="str">
        <f t="shared" si="1"/>
        <v>https://support.microsoft.com/kb/5001228</v>
      </c>
      <c r="D132" s="3" t="s">
        <v>1586</v>
      </c>
      <c r="E132" s="3" t="s">
        <v>100</v>
      </c>
      <c r="F132" s="3" t="s">
        <v>113</v>
      </c>
      <c r="G132" s="3" t="s">
        <v>102</v>
      </c>
      <c r="H132" s="3">
        <v>2017</v>
      </c>
      <c r="I132" s="3" t="s">
        <v>103</v>
      </c>
      <c r="J132" s="3" t="s">
        <v>492</v>
      </c>
      <c r="K132" s="14">
        <v>44326</v>
      </c>
      <c r="L132" s="3" t="s">
        <v>1426</v>
      </c>
    </row>
    <row r="133" spans="1:12" x14ac:dyDescent="0.3">
      <c r="A133" s="11">
        <v>13959562</v>
      </c>
      <c r="B133" s="11">
        <v>5000715</v>
      </c>
      <c r="C133" s="22" t="str">
        <f t="shared" ref="C133:C196" si="2">HYPERLINK("https://support.microsoft.com/kb/"&amp;B133)</f>
        <v>https://support.microsoft.com/kb/5000715</v>
      </c>
      <c r="D133" s="3" t="s">
        <v>1587</v>
      </c>
      <c r="E133" s="3" t="s">
        <v>100</v>
      </c>
      <c r="F133" s="3" t="s">
        <v>120</v>
      </c>
      <c r="G133" s="3" t="s">
        <v>102</v>
      </c>
      <c r="H133" s="3">
        <v>2017</v>
      </c>
      <c r="I133" s="3" t="s">
        <v>103</v>
      </c>
      <c r="J133" s="3" t="s">
        <v>492</v>
      </c>
      <c r="K133" s="14">
        <v>44326</v>
      </c>
      <c r="L133" s="3" t="s">
        <v>1426</v>
      </c>
    </row>
    <row r="134" spans="1:12" x14ac:dyDescent="0.3">
      <c r="A134" s="11">
        <v>13959542</v>
      </c>
      <c r="B134" s="11">
        <v>5001228</v>
      </c>
      <c r="C134" s="22" t="str">
        <f t="shared" si="2"/>
        <v>https://support.microsoft.com/kb/5001228</v>
      </c>
      <c r="D134" s="3" t="s">
        <v>1588</v>
      </c>
      <c r="E134" s="3" t="s">
        <v>100</v>
      </c>
      <c r="F134" s="3" t="s">
        <v>120</v>
      </c>
      <c r="G134" s="3" t="s">
        <v>102</v>
      </c>
      <c r="H134" s="3">
        <v>2017</v>
      </c>
      <c r="I134" s="3" t="s">
        <v>103</v>
      </c>
      <c r="J134" s="3" t="s">
        <v>492</v>
      </c>
      <c r="K134" s="14">
        <v>44326</v>
      </c>
      <c r="L134" s="3" t="s">
        <v>1426</v>
      </c>
    </row>
    <row r="135" spans="1:12" x14ac:dyDescent="0.3">
      <c r="A135" s="11">
        <v>13992225</v>
      </c>
      <c r="B135" s="11">
        <v>5001228</v>
      </c>
      <c r="C135" s="22" t="str">
        <f t="shared" si="2"/>
        <v>https://support.microsoft.com/kb/5001228</v>
      </c>
      <c r="D135" s="3" t="s">
        <v>1589</v>
      </c>
      <c r="E135" s="3" t="s">
        <v>100</v>
      </c>
      <c r="F135" s="3" t="s">
        <v>120</v>
      </c>
      <c r="G135" s="3" t="s">
        <v>102</v>
      </c>
      <c r="H135" s="3">
        <v>2017</v>
      </c>
      <c r="I135" s="3" t="s">
        <v>103</v>
      </c>
      <c r="J135" s="3" t="s">
        <v>492</v>
      </c>
      <c r="K135" s="14">
        <v>44326</v>
      </c>
      <c r="L135" s="3" t="s">
        <v>1426</v>
      </c>
    </row>
    <row r="136" spans="1:12" x14ac:dyDescent="0.3">
      <c r="A136" s="11">
        <v>13959558</v>
      </c>
      <c r="B136" s="11">
        <v>5001228</v>
      </c>
      <c r="C136" s="22" t="str">
        <f t="shared" si="2"/>
        <v>https://support.microsoft.com/kb/5001228</v>
      </c>
      <c r="D136" s="3" t="s">
        <v>1590</v>
      </c>
      <c r="E136" s="3" t="s">
        <v>100</v>
      </c>
      <c r="F136" s="3" t="s">
        <v>148</v>
      </c>
      <c r="G136" s="3" t="s">
        <v>102</v>
      </c>
      <c r="H136" s="3">
        <v>2017</v>
      </c>
      <c r="I136" s="3" t="s">
        <v>103</v>
      </c>
      <c r="J136" s="3" t="s">
        <v>492</v>
      </c>
      <c r="K136" s="14">
        <v>44326</v>
      </c>
      <c r="L136" s="3" t="s">
        <v>1426</v>
      </c>
    </row>
    <row r="137" spans="1:12" x14ac:dyDescent="0.3">
      <c r="A137" s="11">
        <v>13974723</v>
      </c>
      <c r="B137" s="11">
        <v>5001260</v>
      </c>
      <c r="C137" s="22" t="str">
        <f t="shared" si="2"/>
        <v>https://support.microsoft.com/kb/5001260</v>
      </c>
      <c r="D137" s="3" t="s">
        <v>923</v>
      </c>
      <c r="E137" s="3" t="s">
        <v>100</v>
      </c>
      <c r="F137" s="3" t="s">
        <v>782</v>
      </c>
      <c r="G137" s="3" t="s">
        <v>105</v>
      </c>
      <c r="H137" s="3">
        <v>2017</v>
      </c>
      <c r="I137" s="3" t="s">
        <v>103</v>
      </c>
      <c r="J137" s="3" t="s">
        <v>492</v>
      </c>
      <c r="K137" s="14">
        <v>44326</v>
      </c>
      <c r="L137" s="3" t="s">
        <v>1426</v>
      </c>
    </row>
    <row r="138" spans="1:12" x14ac:dyDescent="0.3">
      <c r="A138" s="11">
        <v>13990060</v>
      </c>
      <c r="B138" s="11">
        <v>5001228</v>
      </c>
      <c r="C138" s="22" t="str">
        <f t="shared" si="2"/>
        <v>https://support.microsoft.com/kb/5001228</v>
      </c>
      <c r="D138" s="3" t="s">
        <v>1591</v>
      </c>
      <c r="E138" s="3" t="s">
        <v>100</v>
      </c>
      <c r="F138" s="3" t="s">
        <v>782</v>
      </c>
      <c r="G138" s="3" t="s">
        <v>102</v>
      </c>
      <c r="H138" s="3">
        <v>2017</v>
      </c>
      <c r="I138" s="3" t="s">
        <v>103</v>
      </c>
      <c r="J138" s="3" t="s">
        <v>492</v>
      </c>
      <c r="K138" s="14">
        <v>44326</v>
      </c>
      <c r="L138" s="3" t="s">
        <v>1426</v>
      </c>
    </row>
    <row r="139" spans="1:12" x14ac:dyDescent="0.3">
      <c r="A139" s="11">
        <v>13959556</v>
      </c>
      <c r="B139" s="11">
        <v>5001228</v>
      </c>
      <c r="C139" s="22" t="str">
        <f t="shared" si="2"/>
        <v>https://support.microsoft.com/kb/5001228</v>
      </c>
      <c r="D139" s="3" t="s">
        <v>1592</v>
      </c>
      <c r="E139" s="3" t="s">
        <v>100</v>
      </c>
      <c r="F139" s="3" t="s">
        <v>145</v>
      </c>
      <c r="G139" s="3" t="s">
        <v>105</v>
      </c>
      <c r="H139" s="3">
        <v>2017</v>
      </c>
      <c r="I139" s="3" t="s">
        <v>103</v>
      </c>
      <c r="J139" s="3" t="s">
        <v>492</v>
      </c>
      <c r="K139" s="14">
        <v>44326</v>
      </c>
      <c r="L139" s="3" t="s">
        <v>1426</v>
      </c>
    </row>
    <row r="140" spans="1:12" x14ac:dyDescent="0.3">
      <c r="A140" s="11">
        <v>13981557</v>
      </c>
      <c r="B140" s="11">
        <v>5001228</v>
      </c>
      <c r="C140" s="22" t="str">
        <f t="shared" si="2"/>
        <v>https://support.microsoft.com/kb/5001228</v>
      </c>
      <c r="D140" s="3" t="s">
        <v>1593</v>
      </c>
      <c r="E140" s="3" t="s">
        <v>100</v>
      </c>
      <c r="F140" s="3" t="s">
        <v>145</v>
      </c>
      <c r="G140" s="3" t="s">
        <v>116</v>
      </c>
      <c r="H140" s="3">
        <v>2017</v>
      </c>
      <c r="I140" s="3" t="s">
        <v>103</v>
      </c>
      <c r="J140" s="3" t="s">
        <v>492</v>
      </c>
      <c r="K140" s="14">
        <v>44326</v>
      </c>
      <c r="L140" s="3" t="s">
        <v>1426</v>
      </c>
    </row>
    <row r="141" spans="1:12" x14ac:dyDescent="0.3">
      <c r="A141" s="11">
        <v>13970218</v>
      </c>
      <c r="B141" s="11">
        <v>5001228</v>
      </c>
      <c r="C141" s="22" t="str">
        <f t="shared" si="2"/>
        <v>https://support.microsoft.com/kb/5001228</v>
      </c>
      <c r="D141" s="3" t="s">
        <v>1594</v>
      </c>
      <c r="E141" s="3" t="s">
        <v>100</v>
      </c>
      <c r="F141" s="3" t="s">
        <v>153</v>
      </c>
      <c r="G141" s="3" t="s">
        <v>102</v>
      </c>
      <c r="H141" s="3">
        <v>2017</v>
      </c>
      <c r="I141" s="3" t="s">
        <v>103</v>
      </c>
      <c r="J141" s="3" t="s">
        <v>492</v>
      </c>
      <c r="K141" s="14">
        <v>44326</v>
      </c>
      <c r="L141" s="3" t="s">
        <v>1426</v>
      </c>
    </row>
    <row r="142" spans="1:12" x14ac:dyDescent="0.3">
      <c r="A142" s="11">
        <v>13966219</v>
      </c>
      <c r="B142" s="11">
        <v>5001423</v>
      </c>
      <c r="C142" s="22" t="str">
        <f t="shared" si="2"/>
        <v>https://support.microsoft.com/kb/5001423</v>
      </c>
      <c r="D142" s="3" t="s">
        <v>1595</v>
      </c>
      <c r="E142" s="3" t="s">
        <v>100</v>
      </c>
      <c r="F142" s="3" t="s">
        <v>1009</v>
      </c>
      <c r="G142" s="3" t="s">
        <v>102</v>
      </c>
      <c r="H142" s="3">
        <v>2017</v>
      </c>
      <c r="I142" s="3" t="s">
        <v>103</v>
      </c>
      <c r="J142" s="3" t="s">
        <v>492</v>
      </c>
      <c r="K142" s="14">
        <v>44326</v>
      </c>
      <c r="L142" s="3" t="s">
        <v>1426</v>
      </c>
    </row>
    <row r="143" spans="1:12" x14ac:dyDescent="0.3">
      <c r="A143" s="11">
        <v>13763319</v>
      </c>
      <c r="B143" s="11">
        <v>5000685</v>
      </c>
      <c r="C143" s="22" t="str">
        <f t="shared" si="2"/>
        <v>https://support.microsoft.com/kb/5000685</v>
      </c>
      <c r="D143" s="3" t="s">
        <v>1596</v>
      </c>
      <c r="E143" s="3" t="s">
        <v>180</v>
      </c>
      <c r="F143" s="3" t="s">
        <v>180</v>
      </c>
      <c r="G143" s="3" t="s">
        <v>102</v>
      </c>
      <c r="H143" s="3">
        <v>2017</v>
      </c>
      <c r="I143" s="3" t="s">
        <v>103</v>
      </c>
      <c r="J143" s="3" t="s">
        <v>495</v>
      </c>
      <c r="K143" s="14">
        <v>44249</v>
      </c>
      <c r="L143" s="3" t="s">
        <v>1597</v>
      </c>
    </row>
    <row r="144" spans="1:12" x14ac:dyDescent="0.3">
      <c r="A144" s="11">
        <v>13948688</v>
      </c>
      <c r="B144" s="11">
        <v>5000685</v>
      </c>
      <c r="C144" s="22" t="str">
        <f t="shared" si="2"/>
        <v>https://support.microsoft.com/kb/5000685</v>
      </c>
      <c r="D144" s="3" t="s">
        <v>1598</v>
      </c>
      <c r="E144" s="3" t="s">
        <v>180</v>
      </c>
      <c r="F144" s="3" t="s">
        <v>180</v>
      </c>
      <c r="G144" s="3" t="s">
        <v>102</v>
      </c>
      <c r="H144" s="3">
        <v>2017</v>
      </c>
      <c r="I144" s="3" t="s">
        <v>103</v>
      </c>
      <c r="J144" s="3" t="s">
        <v>495</v>
      </c>
      <c r="K144" s="14">
        <v>44249</v>
      </c>
      <c r="L144" s="3" t="s">
        <v>1597</v>
      </c>
    </row>
    <row r="145" spans="1:12" x14ac:dyDescent="0.3">
      <c r="A145" s="11">
        <v>13773746</v>
      </c>
      <c r="B145" s="11">
        <v>4589372</v>
      </c>
      <c r="C145" s="22" t="str">
        <f t="shared" si="2"/>
        <v>https://support.microsoft.com/kb/4589372</v>
      </c>
      <c r="D145" s="3" t="s">
        <v>1599</v>
      </c>
      <c r="E145" s="3" t="s">
        <v>180</v>
      </c>
      <c r="F145" s="3" t="s">
        <v>180</v>
      </c>
      <c r="G145" s="3" t="s">
        <v>102</v>
      </c>
      <c r="H145" s="3">
        <v>2017</v>
      </c>
      <c r="I145" s="3" t="s">
        <v>103</v>
      </c>
      <c r="J145" s="3" t="s">
        <v>495</v>
      </c>
      <c r="K145" s="14">
        <v>44249</v>
      </c>
      <c r="L145" s="3" t="s">
        <v>1597</v>
      </c>
    </row>
    <row r="146" spans="1:12" x14ac:dyDescent="0.3">
      <c r="A146" s="11">
        <v>13773701</v>
      </c>
      <c r="B146" s="11">
        <v>4589362</v>
      </c>
      <c r="C146" s="22" t="str">
        <f t="shared" si="2"/>
        <v>https://support.microsoft.com/kb/4589362</v>
      </c>
      <c r="D146" s="3" t="s">
        <v>1600</v>
      </c>
      <c r="E146" s="3" t="s">
        <v>180</v>
      </c>
      <c r="F146" s="3" t="s">
        <v>180</v>
      </c>
      <c r="G146" s="3" t="s">
        <v>102</v>
      </c>
      <c r="H146" s="3">
        <v>2017</v>
      </c>
      <c r="I146" s="3" t="s">
        <v>103</v>
      </c>
      <c r="J146" s="3" t="s">
        <v>495</v>
      </c>
      <c r="K146" s="14">
        <v>44249</v>
      </c>
      <c r="L146" s="3" t="s">
        <v>1597</v>
      </c>
    </row>
    <row r="147" spans="1:12" x14ac:dyDescent="0.3">
      <c r="A147" s="11">
        <v>13745351</v>
      </c>
      <c r="B147" s="11">
        <v>4589170</v>
      </c>
      <c r="C147" s="22" t="str">
        <f t="shared" si="2"/>
        <v>https://support.microsoft.com/kb/4589170</v>
      </c>
      <c r="D147" s="3" t="s">
        <v>1601</v>
      </c>
      <c r="E147" s="3" t="s">
        <v>180</v>
      </c>
      <c r="F147" s="3" t="s">
        <v>180</v>
      </c>
      <c r="G147" s="3" t="s">
        <v>102</v>
      </c>
      <c r="H147" s="3">
        <v>2017</v>
      </c>
      <c r="I147" s="3" t="s">
        <v>103</v>
      </c>
      <c r="J147" s="3" t="s">
        <v>495</v>
      </c>
      <c r="K147" s="14">
        <v>44249</v>
      </c>
      <c r="L147" s="3" t="s">
        <v>1597</v>
      </c>
    </row>
    <row r="148" spans="1:12" x14ac:dyDescent="0.3">
      <c r="A148" s="11">
        <v>13773741</v>
      </c>
      <c r="B148" s="11">
        <v>4589370</v>
      </c>
      <c r="C148" s="22" t="str">
        <f t="shared" si="2"/>
        <v>https://support.microsoft.com/kb/4589370</v>
      </c>
      <c r="D148" s="3" t="s">
        <v>1602</v>
      </c>
      <c r="E148" s="3" t="s">
        <v>180</v>
      </c>
      <c r="F148" s="3" t="s">
        <v>180</v>
      </c>
      <c r="G148" s="3" t="s">
        <v>102</v>
      </c>
      <c r="H148" s="3">
        <v>2017</v>
      </c>
      <c r="I148" s="3" t="s">
        <v>103</v>
      </c>
      <c r="J148" s="3" t="s">
        <v>495</v>
      </c>
      <c r="K148" s="14">
        <v>44249</v>
      </c>
      <c r="L148" s="3" t="s">
        <v>1597</v>
      </c>
    </row>
    <row r="149" spans="1:12" x14ac:dyDescent="0.3">
      <c r="A149" s="11">
        <v>13745343</v>
      </c>
      <c r="B149" s="11">
        <v>5000685</v>
      </c>
      <c r="C149" s="22" t="str">
        <f t="shared" si="2"/>
        <v>https://support.microsoft.com/kb/5000685</v>
      </c>
      <c r="D149" s="3" t="s">
        <v>995</v>
      </c>
      <c r="E149" s="3" t="s">
        <v>380</v>
      </c>
      <c r="F149" s="3" t="s">
        <v>996</v>
      </c>
      <c r="G149" s="3" t="s">
        <v>102</v>
      </c>
      <c r="H149" s="3">
        <v>2017</v>
      </c>
      <c r="I149" s="3" t="s">
        <v>103</v>
      </c>
      <c r="J149" s="3" t="s">
        <v>495</v>
      </c>
      <c r="K149" s="14">
        <v>44249</v>
      </c>
      <c r="L149" s="3" t="s">
        <v>1597</v>
      </c>
    </row>
    <row r="150" spans="1:12" x14ac:dyDescent="0.3">
      <c r="A150" s="11">
        <v>13490178</v>
      </c>
      <c r="B150" s="11">
        <v>5000685</v>
      </c>
      <c r="C150" s="22" t="str">
        <f t="shared" si="2"/>
        <v>https://support.microsoft.com/kb/5000685</v>
      </c>
      <c r="D150" s="3" t="s">
        <v>1603</v>
      </c>
      <c r="E150" s="3" t="s">
        <v>380</v>
      </c>
      <c r="F150" s="3" t="s">
        <v>689</v>
      </c>
      <c r="G150" s="3" t="s">
        <v>102</v>
      </c>
      <c r="H150" s="3">
        <v>2017</v>
      </c>
      <c r="I150" s="3" t="s">
        <v>103</v>
      </c>
      <c r="J150" s="3" t="s">
        <v>495</v>
      </c>
      <c r="K150" s="14">
        <v>44249</v>
      </c>
      <c r="L150" s="3" t="s">
        <v>1436</v>
      </c>
    </row>
    <row r="151" spans="1:12" x14ac:dyDescent="0.3">
      <c r="A151" s="11">
        <v>13745355</v>
      </c>
      <c r="B151" s="11">
        <v>4569837</v>
      </c>
      <c r="C151" s="22" t="str">
        <f t="shared" si="2"/>
        <v>https://support.microsoft.com/kb/4569837</v>
      </c>
      <c r="D151" s="3" t="s">
        <v>1604</v>
      </c>
      <c r="E151" s="3" t="s">
        <v>380</v>
      </c>
      <c r="F151" s="3" t="s">
        <v>945</v>
      </c>
      <c r="G151" s="3" t="s">
        <v>102</v>
      </c>
      <c r="H151" s="3">
        <v>2017</v>
      </c>
      <c r="I151" s="3" t="s">
        <v>103</v>
      </c>
      <c r="J151" s="3" t="s">
        <v>495</v>
      </c>
      <c r="K151" s="14">
        <v>44249</v>
      </c>
      <c r="L151" s="3" t="s">
        <v>1597</v>
      </c>
    </row>
    <row r="152" spans="1:12" x14ac:dyDescent="0.3">
      <c r="A152" s="11">
        <v>13916072</v>
      </c>
      <c r="B152" s="11">
        <v>5000685</v>
      </c>
      <c r="C152" s="22" t="str">
        <f t="shared" si="2"/>
        <v>https://support.microsoft.com/kb/5000685</v>
      </c>
      <c r="D152" s="3" t="s">
        <v>1605</v>
      </c>
      <c r="E152" s="3" t="s">
        <v>380</v>
      </c>
      <c r="F152" s="3" t="s">
        <v>945</v>
      </c>
      <c r="G152" s="3" t="s">
        <v>102</v>
      </c>
      <c r="H152" s="3">
        <v>2017</v>
      </c>
      <c r="I152" s="3" t="s">
        <v>103</v>
      </c>
      <c r="J152" s="3" t="s">
        <v>495</v>
      </c>
      <c r="K152" s="14">
        <v>44249</v>
      </c>
      <c r="L152" s="3" t="s">
        <v>1597</v>
      </c>
    </row>
    <row r="153" spans="1:12" x14ac:dyDescent="0.3">
      <c r="A153" s="11">
        <v>13745361</v>
      </c>
      <c r="B153" s="11">
        <v>4547890</v>
      </c>
      <c r="C153" s="22" t="str">
        <f t="shared" si="2"/>
        <v>https://support.microsoft.com/kb/4547890</v>
      </c>
      <c r="D153" s="3" t="s">
        <v>1606</v>
      </c>
      <c r="E153" s="3" t="s">
        <v>380</v>
      </c>
      <c r="F153" s="3" t="s">
        <v>992</v>
      </c>
      <c r="G153" s="3" t="s">
        <v>102</v>
      </c>
      <c r="H153" s="3">
        <v>2017</v>
      </c>
      <c r="I153" s="3" t="s">
        <v>103</v>
      </c>
      <c r="J153" s="3" t="s">
        <v>495</v>
      </c>
      <c r="K153" s="14">
        <v>44249</v>
      </c>
      <c r="L153" s="3" t="s">
        <v>1597</v>
      </c>
    </row>
    <row r="154" spans="1:12" x14ac:dyDescent="0.3">
      <c r="A154" s="11">
        <v>13773693</v>
      </c>
      <c r="B154" s="11">
        <v>4588977</v>
      </c>
      <c r="C154" s="22" t="str">
        <f t="shared" si="2"/>
        <v>https://support.microsoft.com/kb/4588977</v>
      </c>
      <c r="D154" s="3" t="s">
        <v>1607</v>
      </c>
      <c r="E154" s="3" t="s">
        <v>697</v>
      </c>
      <c r="F154" s="3" t="s">
        <v>777</v>
      </c>
      <c r="G154" s="3" t="s">
        <v>116</v>
      </c>
      <c r="H154" s="3">
        <v>2017</v>
      </c>
      <c r="I154" s="3" t="s">
        <v>103</v>
      </c>
      <c r="J154" s="3" t="s">
        <v>495</v>
      </c>
      <c r="K154" s="14">
        <v>44249</v>
      </c>
      <c r="L154" s="3" t="s">
        <v>1597</v>
      </c>
    </row>
    <row r="155" spans="1:12" x14ac:dyDescent="0.3">
      <c r="A155" s="11">
        <v>13818555</v>
      </c>
      <c r="B155" s="11">
        <v>5000685</v>
      </c>
      <c r="C155" s="22" t="str">
        <f t="shared" si="2"/>
        <v>https://support.microsoft.com/kb/5000685</v>
      </c>
      <c r="D155" s="3" t="s">
        <v>1608</v>
      </c>
      <c r="E155" s="3" t="s">
        <v>100</v>
      </c>
      <c r="F155" s="3" t="s">
        <v>123</v>
      </c>
      <c r="G155" s="3" t="s">
        <v>102</v>
      </c>
      <c r="H155" s="3">
        <v>2017</v>
      </c>
      <c r="I155" s="3" t="s">
        <v>103</v>
      </c>
      <c r="J155" s="3" t="s">
        <v>495</v>
      </c>
      <c r="K155" s="14">
        <v>44249</v>
      </c>
      <c r="L155" s="3" t="s">
        <v>1597</v>
      </c>
    </row>
    <row r="156" spans="1:12" x14ac:dyDescent="0.3">
      <c r="A156" s="11">
        <v>13746924</v>
      </c>
      <c r="B156" s="11">
        <v>5000685</v>
      </c>
      <c r="C156" s="22" t="str">
        <f t="shared" si="2"/>
        <v>https://support.microsoft.com/kb/5000685</v>
      </c>
      <c r="D156" s="3" t="s">
        <v>1609</v>
      </c>
      <c r="E156" s="3" t="s">
        <v>100</v>
      </c>
      <c r="F156" s="3" t="s">
        <v>123</v>
      </c>
      <c r="G156" s="3" t="s">
        <v>102</v>
      </c>
      <c r="H156" s="3">
        <v>2017</v>
      </c>
      <c r="I156" s="3" t="s">
        <v>103</v>
      </c>
      <c r="J156" s="3" t="s">
        <v>495</v>
      </c>
      <c r="K156" s="14">
        <v>44249</v>
      </c>
      <c r="L156" s="3" t="s">
        <v>1597</v>
      </c>
    </row>
    <row r="157" spans="1:12" x14ac:dyDescent="0.3">
      <c r="A157" s="11">
        <v>13746926</v>
      </c>
      <c r="B157" s="11">
        <v>5000685</v>
      </c>
      <c r="C157" s="22" t="str">
        <f t="shared" si="2"/>
        <v>https://support.microsoft.com/kb/5000685</v>
      </c>
      <c r="D157" s="3" t="s">
        <v>1610</v>
      </c>
      <c r="E157" s="3" t="s">
        <v>100</v>
      </c>
      <c r="F157" s="3" t="s">
        <v>123</v>
      </c>
      <c r="G157" s="3" t="s">
        <v>102</v>
      </c>
      <c r="H157" s="3">
        <v>2017</v>
      </c>
      <c r="I157" s="3" t="s">
        <v>103</v>
      </c>
      <c r="J157" s="3" t="s">
        <v>495</v>
      </c>
      <c r="K157" s="14">
        <v>44249</v>
      </c>
      <c r="L157" s="3" t="s">
        <v>1597</v>
      </c>
    </row>
    <row r="158" spans="1:12" x14ac:dyDescent="0.3">
      <c r="A158" s="11">
        <v>13895274</v>
      </c>
      <c r="B158" s="11">
        <v>5001045</v>
      </c>
      <c r="C158" s="22" t="str">
        <f t="shared" si="2"/>
        <v>https://support.microsoft.com/kb/5001045</v>
      </c>
      <c r="D158" s="3" t="s">
        <v>1611</v>
      </c>
      <c r="E158" s="3" t="s">
        <v>100</v>
      </c>
      <c r="F158" s="3" t="s">
        <v>214</v>
      </c>
      <c r="G158" s="3" t="s">
        <v>105</v>
      </c>
      <c r="H158" s="3">
        <v>2017</v>
      </c>
      <c r="I158" s="3" t="s">
        <v>103</v>
      </c>
      <c r="J158" s="3" t="s">
        <v>495</v>
      </c>
      <c r="K158" s="14">
        <v>44249</v>
      </c>
      <c r="L158" s="3" t="s">
        <v>1597</v>
      </c>
    </row>
    <row r="159" spans="1:12" x14ac:dyDescent="0.3">
      <c r="A159" s="11">
        <v>13746937</v>
      </c>
      <c r="B159" s="11">
        <v>5000685</v>
      </c>
      <c r="C159" s="22" t="str">
        <f t="shared" si="2"/>
        <v>https://support.microsoft.com/kb/5000685</v>
      </c>
      <c r="D159" s="3" t="s">
        <v>1612</v>
      </c>
      <c r="E159" s="3" t="s">
        <v>100</v>
      </c>
      <c r="F159" s="3" t="s">
        <v>163</v>
      </c>
      <c r="G159" s="3" t="s">
        <v>102</v>
      </c>
      <c r="H159" s="3">
        <v>2017</v>
      </c>
      <c r="I159" s="3" t="s">
        <v>103</v>
      </c>
      <c r="J159" s="3" t="s">
        <v>495</v>
      </c>
      <c r="K159" s="14">
        <v>44249</v>
      </c>
      <c r="L159" s="3" t="s">
        <v>1597</v>
      </c>
    </row>
    <row r="160" spans="1:12" x14ac:dyDescent="0.3">
      <c r="A160" s="11">
        <v>13773689</v>
      </c>
      <c r="B160" s="11">
        <v>4580397</v>
      </c>
      <c r="C160" s="22" t="str">
        <f t="shared" si="2"/>
        <v>https://support.microsoft.com/kb/4580397</v>
      </c>
      <c r="D160" s="3" t="s">
        <v>1613</v>
      </c>
      <c r="E160" s="3" t="s">
        <v>100</v>
      </c>
      <c r="F160" s="3" t="s">
        <v>233</v>
      </c>
      <c r="G160" s="3" t="s">
        <v>102</v>
      </c>
      <c r="H160" s="3">
        <v>2017</v>
      </c>
      <c r="I160" s="3" t="s">
        <v>103</v>
      </c>
      <c r="J160" s="3" t="s">
        <v>495</v>
      </c>
      <c r="K160" s="14">
        <v>44249</v>
      </c>
      <c r="L160" s="3" t="s">
        <v>1597</v>
      </c>
    </row>
    <row r="161" spans="1:12" x14ac:dyDescent="0.3">
      <c r="A161" s="11">
        <v>13756398</v>
      </c>
      <c r="B161" s="11">
        <v>5001044</v>
      </c>
      <c r="C161" s="22" t="str">
        <f t="shared" si="2"/>
        <v>https://support.microsoft.com/kb/5001044</v>
      </c>
      <c r="D161" s="3" t="s">
        <v>1614</v>
      </c>
      <c r="E161" s="3" t="s">
        <v>100</v>
      </c>
      <c r="F161" s="3" t="s">
        <v>233</v>
      </c>
      <c r="G161" s="3" t="s">
        <v>105</v>
      </c>
      <c r="H161" s="3">
        <v>2017</v>
      </c>
      <c r="I161" s="3" t="s">
        <v>103</v>
      </c>
      <c r="J161" s="3" t="s">
        <v>495</v>
      </c>
      <c r="K161" s="14">
        <v>44249</v>
      </c>
      <c r="L161" s="3" t="s">
        <v>1597</v>
      </c>
    </row>
    <row r="162" spans="1:12" x14ac:dyDescent="0.3">
      <c r="A162" s="11">
        <v>13773671</v>
      </c>
      <c r="B162" s="11">
        <v>4582558</v>
      </c>
      <c r="C162" s="22" t="str">
        <f t="shared" si="2"/>
        <v>https://support.microsoft.com/kb/4582558</v>
      </c>
      <c r="D162" s="3" t="s">
        <v>1615</v>
      </c>
      <c r="E162" s="3" t="s">
        <v>100</v>
      </c>
      <c r="F162" s="3" t="s">
        <v>116</v>
      </c>
      <c r="G162" s="3" t="s">
        <v>116</v>
      </c>
      <c r="H162" s="3">
        <v>2017</v>
      </c>
      <c r="I162" s="3" t="s">
        <v>103</v>
      </c>
      <c r="J162" s="3" t="s">
        <v>495</v>
      </c>
      <c r="K162" s="14">
        <v>44249</v>
      </c>
      <c r="L162" s="3" t="s">
        <v>1597</v>
      </c>
    </row>
    <row r="163" spans="1:12" x14ac:dyDescent="0.3">
      <c r="A163" s="11">
        <v>13745331</v>
      </c>
      <c r="B163" s="11">
        <v>4568447</v>
      </c>
      <c r="C163" s="22" t="str">
        <f t="shared" si="2"/>
        <v>https://support.microsoft.com/kb/4568447</v>
      </c>
      <c r="D163" s="3" t="s">
        <v>1616</v>
      </c>
      <c r="E163" s="3" t="s">
        <v>100</v>
      </c>
      <c r="F163" s="3" t="s">
        <v>101</v>
      </c>
      <c r="G163" s="3" t="s">
        <v>102</v>
      </c>
      <c r="H163" s="3">
        <v>2017</v>
      </c>
      <c r="I163" s="3" t="s">
        <v>103</v>
      </c>
      <c r="J163" s="3" t="s">
        <v>495</v>
      </c>
      <c r="K163" s="14">
        <v>44249</v>
      </c>
      <c r="L163" s="3" t="s">
        <v>1597</v>
      </c>
    </row>
    <row r="164" spans="1:12" x14ac:dyDescent="0.3">
      <c r="A164" s="11">
        <v>13737696</v>
      </c>
      <c r="B164" s="11">
        <v>5000685</v>
      </c>
      <c r="C164" s="22" t="str">
        <f t="shared" si="2"/>
        <v>https://support.microsoft.com/kb/5000685</v>
      </c>
      <c r="D164" s="3" t="s">
        <v>1617</v>
      </c>
      <c r="E164" s="3" t="s">
        <v>100</v>
      </c>
      <c r="F164" s="3" t="s">
        <v>101</v>
      </c>
      <c r="G164" s="3" t="s">
        <v>116</v>
      </c>
      <c r="H164" s="3">
        <v>2017</v>
      </c>
      <c r="I164" s="3" t="s">
        <v>103</v>
      </c>
      <c r="J164" s="3" t="s">
        <v>495</v>
      </c>
      <c r="K164" s="14">
        <v>44249</v>
      </c>
      <c r="L164" s="3" t="s">
        <v>1597</v>
      </c>
    </row>
    <row r="165" spans="1:12" x14ac:dyDescent="0.3">
      <c r="A165" s="11">
        <v>13760098</v>
      </c>
      <c r="B165" s="11">
        <v>5000685</v>
      </c>
      <c r="C165" s="22" t="str">
        <f t="shared" si="2"/>
        <v>https://support.microsoft.com/kb/5000685</v>
      </c>
      <c r="D165" s="3" t="s">
        <v>976</v>
      </c>
      <c r="E165" s="3" t="s">
        <v>100</v>
      </c>
      <c r="F165" s="3" t="s">
        <v>101</v>
      </c>
      <c r="G165" s="3" t="s">
        <v>102</v>
      </c>
      <c r="H165" s="3">
        <v>2017</v>
      </c>
      <c r="I165" s="3" t="s">
        <v>103</v>
      </c>
      <c r="J165" s="3" t="s">
        <v>495</v>
      </c>
      <c r="K165" s="14">
        <v>44249</v>
      </c>
      <c r="L165" s="3" t="s">
        <v>1597</v>
      </c>
    </row>
    <row r="166" spans="1:12" x14ac:dyDescent="0.3">
      <c r="A166" s="11">
        <v>13708880</v>
      </c>
      <c r="B166" s="11">
        <v>5000685</v>
      </c>
      <c r="C166" s="22" t="str">
        <f t="shared" si="2"/>
        <v>https://support.microsoft.com/kb/5000685</v>
      </c>
      <c r="D166" s="3" t="s">
        <v>1618</v>
      </c>
      <c r="E166" s="3" t="s">
        <v>100</v>
      </c>
      <c r="F166" s="3" t="s">
        <v>101</v>
      </c>
      <c r="G166" s="3" t="s">
        <v>105</v>
      </c>
      <c r="H166" s="3">
        <v>2017</v>
      </c>
      <c r="I166" s="3" t="s">
        <v>103</v>
      </c>
      <c r="J166" s="3" t="s">
        <v>495</v>
      </c>
      <c r="K166" s="14">
        <v>44249</v>
      </c>
      <c r="L166" s="3" t="s">
        <v>1597</v>
      </c>
    </row>
    <row r="167" spans="1:12" x14ac:dyDescent="0.3">
      <c r="A167" s="11">
        <v>13924724</v>
      </c>
      <c r="B167" s="11">
        <v>4486936</v>
      </c>
      <c r="C167" s="22" t="str">
        <f t="shared" si="2"/>
        <v>https://support.microsoft.com/kb/4486936</v>
      </c>
      <c r="D167" s="3" t="s">
        <v>1619</v>
      </c>
      <c r="E167" s="3" t="s">
        <v>100</v>
      </c>
      <c r="F167" s="3" t="s">
        <v>108</v>
      </c>
      <c r="G167" s="3" t="s">
        <v>102</v>
      </c>
      <c r="H167" s="3">
        <v>2017</v>
      </c>
      <c r="I167" s="3" t="s">
        <v>103</v>
      </c>
      <c r="J167" s="3" t="s">
        <v>495</v>
      </c>
      <c r="K167" s="14">
        <v>44249</v>
      </c>
      <c r="L167" s="3" t="s">
        <v>1597</v>
      </c>
    </row>
    <row r="168" spans="1:12" x14ac:dyDescent="0.3">
      <c r="A168" s="11">
        <v>13773660</v>
      </c>
      <c r="B168" s="11">
        <v>4589360</v>
      </c>
      <c r="C168" s="22" t="str">
        <f t="shared" si="2"/>
        <v>https://support.microsoft.com/kb/4589360</v>
      </c>
      <c r="D168" s="3" t="s">
        <v>1620</v>
      </c>
      <c r="E168" s="3" t="s">
        <v>100</v>
      </c>
      <c r="F168" s="3" t="s">
        <v>108</v>
      </c>
      <c r="G168" s="3" t="s">
        <v>102</v>
      </c>
      <c r="H168" s="3">
        <v>2017</v>
      </c>
      <c r="I168" s="3" t="s">
        <v>103</v>
      </c>
      <c r="J168" s="3" t="s">
        <v>495</v>
      </c>
      <c r="K168" s="14">
        <v>44249</v>
      </c>
      <c r="L168" s="3" t="s">
        <v>1597</v>
      </c>
    </row>
    <row r="169" spans="1:12" x14ac:dyDescent="0.3">
      <c r="A169" s="11">
        <v>13773559</v>
      </c>
      <c r="B169" s="11">
        <v>4589352</v>
      </c>
      <c r="C169" s="22" t="str">
        <f t="shared" si="2"/>
        <v>https://support.microsoft.com/kb/4589352</v>
      </c>
      <c r="D169" s="3" t="s">
        <v>1621</v>
      </c>
      <c r="E169" s="3" t="s">
        <v>100</v>
      </c>
      <c r="F169" s="3" t="s">
        <v>110</v>
      </c>
      <c r="G169" s="3" t="s">
        <v>102</v>
      </c>
      <c r="H169" s="3">
        <v>2017</v>
      </c>
      <c r="I169" s="3" t="s">
        <v>103</v>
      </c>
      <c r="J169" s="3" t="s">
        <v>495</v>
      </c>
      <c r="K169" s="14">
        <v>44249</v>
      </c>
      <c r="L169" s="3" t="s">
        <v>1597</v>
      </c>
    </row>
    <row r="170" spans="1:12" x14ac:dyDescent="0.3">
      <c r="A170" s="11">
        <v>13724500</v>
      </c>
      <c r="B170" s="11">
        <v>5000649</v>
      </c>
      <c r="C170" s="22" t="str">
        <f t="shared" si="2"/>
        <v>https://support.microsoft.com/kb/5000649</v>
      </c>
      <c r="D170" s="3" t="s">
        <v>1622</v>
      </c>
      <c r="E170" s="3" t="s">
        <v>100</v>
      </c>
      <c r="F170" s="3" t="s">
        <v>127</v>
      </c>
      <c r="G170" s="3" t="s">
        <v>105</v>
      </c>
      <c r="H170" s="3">
        <v>2017</v>
      </c>
      <c r="I170" s="3" t="s">
        <v>103</v>
      </c>
      <c r="J170" s="3" t="s">
        <v>495</v>
      </c>
      <c r="K170" s="14">
        <v>44249</v>
      </c>
      <c r="L170" s="3" t="s">
        <v>1597</v>
      </c>
    </row>
    <row r="171" spans="1:12" x14ac:dyDescent="0.3">
      <c r="A171" s="11">
        <v>13773548</v>
      </c>
      <c r="B171" s="11">
        <v>4589350</v>
      </c>
      <c r="C171" s="22" t="str">
        <f t="shared" si="2"/>
        <v>https://support.microsoft.com/kb/4589350</v>
      </c>
      <c r="D171" s="3" t="s">
        <v>1584</v>
      </c>
      <c r="E171" s="3" t="s">
        <v>100</v>
      </c>
      <c r="F171" s="3" t="s">
        <v>127</v>
      </c>
      <c r="G171" s="3" t="s">
        <v>102</v>
      </c>
      <c r="H171" s="3">
        <v>2017</v>
      </c>
      <c r="I171" s="3" t="s">
        <v>103</v>
      </c>
      <c r="J171" s="3" t="s">
        <v>495</v>
      </c>
      <c r="K171" s="14">
        <v>44249</v>
      </c>
      <c r="L171" s="3" t="s">
        <v>1597</v>
      </c>
    </row>
    <row r="172" spans="1:12" x14ac:dyDescent="0.3">
      <c r="A172" s="11">
        <v>13745341</v>
      </c>
      <c r="B172" s="11">
        <v>5000685</v>
      </c>
      <c r="C172" s="22" t="str">
        <f t="shared" si="2"/>
        <v>https://support.microsoft.com/kb/5000685</v>
      </c>
      <c r="D172" s="3" t="s">
        <v>1623</v>
      </c>
      <c r="E172" s="3" t="s">
        <v>100</v>
      </c>
      <c r="F172" s="3" t="s">
        <v>113</v>
      </c>
      <c r="G172" s="3" t="s">
        <v>102</v>
      </c>
      <c r="H172" s="3">
        <v>2017</v>
      </c>
      <c r="I172" s="3" t="s">
        <v>103</v>
      </c>
      <c r="J172" s="3" t="s">
        <v>495</v>
      </c>
      <c r="K172" s="14">
        <v>44249</v>
      </c>
      <c r="L172" s="3" t="s">
        <v>1597</v>
      </c>
    </row>
    <row r="173" spans="1:12" x14ac:dyDescent="0.3">
      <c r="A173" s="11">
        <v>13745335</v>
      </c>
      <c r="B173" s="11">
        <v>4575939</v>
      </c>
      <c r="C173" s="22" t="str">
        <f t="shared" si="2"/>
        <v>https://support.microsoft.com/kb/4575939</v>
      </c>
      <c r="D173" s="3" t="s">
        <v>1624</v>
      </c>
      <c r="E173" s="3" t="s">
        <v>100</v>
      </c>
      <c r="F173" s="3" t="s">
        <v>120</v>
      </c>
      <c r="G173" s="3" t="s">
        <v>102</v>
      </c>
      <c r="H173" s="3">
        <v>2017</v>
      </c>
      <c r="I173" s="3" t="s">
        <v>103</v>
      </c>
      <c r="J173" s="3" t="s">
        <v>495</v>
      </c>
      <c r="K173" s="14">
        <v>44249</v>
      </c>
      <c r="L173" s="3" t="s">
        <v>1597</v>
      </c>
    </row>
    <row r="174" spans="1:12" x14ac:dyDescent="0.3">
      <c r="A174" s="11">
        <v>13745357</v>
      </c>
      <c r="B174" s="11">
        <v>4575940</v>
      </c>
      <c r="C174" s="22" t="str">
        <f t="shared" si="2"/>
        <v>https://support.microsoft.com/kb/4575940</v>
      </c>
      <c r="D174" s="3" t="s">
        <v>1625</v>
      </c>
      <c r="E174" s="3" t="s">
        <v>100</v>
      </c>
      <c r="F174" s="3" t="s">
        <v>120</v>
      </c>
      <c r="G174" s="3" t="s">
        <v>102</v>
      </c>
      <c r="H174" s="3">
        <v>2017</v>
      </c>
      <c r="I174" s="3" t="s">
        <v>103</v>
      </c>
      <c r="J174" s="3" t="s">
        <v>495</v>
      </c>
      <c r="K174" s="14">
        <v>44249</v>
      </c>
      <c r="L174" s="3" t="s">
        <v>1597</v>
      </c>
    </row>
    <row r="175" spans="1:12" x14ac:dyDescent="0.3">
      <c r="A175" s="11">
        <v>13905120</v>
      </c>
      <c r="B175" s="11">
        <v>5000685</v>
      </c>
      <c r="C175" s="22" t="str">
        <f t="shared" si="2"/>
        <v>https://support.microsoft.com/kb/5000685</v>
      </c>
      <c r="D175" s="3" t="s">
        <v>977</v>
      </c>
      <c r="E175" s="3" t="s">
        <v>100</v>
      </c>
      <c r="F175" s="3" t="s">
        <v>120</v>
      </c>
      <c r="G175" s="3" t="s">
        <v>102</v>
      </c>
      <c r="H175" s="3">
        <v>2017</v>
      </c>
      <c r="I175" s="3" t="s">
        <v>103</v>
      </c>
      <c r="J175" s="3" t="s">
        <v>495</v>
      </c>
      <c r="K175" s="14">
        <v>44249</v>
      </c>
      <c r="L175" s="3" t="s">
        <v>1597</v>
      </c>
    </row>
    <row r="176" spans="1:12" x14ac:dyDescent="0.3">
      <c r="A176" s="11">
        <v>13746945</v>
      </c>
      <c r="B176" s="11">
        <v>5000685</v>
      </c>
      <c r="C176" s="22" t="str">
        <f t="shared" si="2"/>
        <v>https://support.microsoft.com/kb/5000685</v>
      </c>
      <c r="D176" s="3" t="s">
        <v>1626</v>
      </c>
      <c r="E176" s="3" t="s">
        <v>100</v>
      </c>
      <c r="F176" s="3" t="s">
        <v>782</v>
      </c>
      <c r="G176" s="3" t="s">
        <v>105</v>
      </c>
      <c r="H176" s="3">
        <v>2017</v>
      </c>
      <c r="I176" s="3" t="s">
        <v>103</v>
      </c>
      <c r="J176" s="3" t="s">
        <v>495</v>
      </c>
      <c r="K176" s="14">
        <v>44249</v>
      </c>
      <c r="L176" s="3" t="s">
        <v>1597</v>
      </c>
    </row>
    <row r="177" spans="1:12" x14ac:dyDescent="0.3">
      <c r="A177" s="11">
        <v>13741858</v>
      </c>
      <c r="B177" s="11">
        <v>5000685</v>
      </c>
      <c r="C177" s="22" t="str">
        <f t="shared" si="2"/>
        <v>https://support.microsoft.com/kb/5000685</v>
      </c>
      <c r="D177" s="3" t="s">
        <v>1000</v>
      </c>
      <c r="E177" s="3" t="s">
        <v>100</v>
      </c>
      <c r="F177" s="3" t="s">
        <v>145</v>
      </c>
      <c r="G177" s="3" t="s">
        <v>105</v>
      </c>
      <c r="H177" s="3">
        <v>2017</v>
      </c>
      <c r="I177" s="3" t="s">
        <v>103</v>
      </c>
      <c r="J177" s="3" t="s">
        <v>495</v>
      </c>
      <c r="K177" s="14">
        <v>44249</v>
      </c>
      <c r="L177" s="3" t="s">
        <v>1597</v>
      </c>
    </row>
    <row r="178" spans="1:12" x14ac:dyDescent="0.3">
      <c r="A178" s="11">
        <v>13587857</v>
      </c>
      <c r="B178" s="11">
        <v>4336876</v>
      </c>
      <c r="C178" s="22" t="str">
        <f t="shared" si="2"/>
        <v>https://support.microsoft.com/kb/4336876</v>
      </c>
      <c r="D178" s="3" t="s">
        <v>1627</v>
      </c>
      <c r="E178" s="3" t="s">
        <v>100</v>
      </c>
      <c r="F178" s="3" t="s">
        <v>145</v>
      </c>
      <c r="G178" s="3" t="s">
        <v>116</v>
      </c>
      <c r="H178" s="3">
        <v>2017</v>
      </c>
      <c r="I178" s="3" t="s">
        <v>103</v>
      </c>
      <c r="J178" s="3" t="s">
        <v>495</v>
      </c>
      <c r="K178" s="14">
        <v>44249</v>
      </c>
      <c r="L178" s="3" t="s">
        <v>1597</v>
      </c>
    </row>
    <row r="179" spans="1:12" x14ac:dyDescent="0.3">
      <c r="A179" s="11">
        <v>13880374</v>
      </c>
      <c r="B179" s="11">
        <v>5000685</v>
      </c>
      <c r="C179" s="22" t="str">
        <f t="shared" si="2"/>
        <v>https://support.microsoft.com/kb/5000685</v>
      </c>
      <c r="D179" s="3" t="s">
        <v>1628</v>
      </c>
      <c r="E179" s="3" t="s">
        <v>100</v>
      </c>
      <c r="F179" s="3" t="s">
        <v>145</v>
      </c>
      <c r="G179" s="3" t="s">
        <v>116</v>
      </c>
      <c r="H179" s="3">
        <v>2017</v>
      </c>
      <c r="I179" s="3" t="s">
        <v>103</v>
      </c>
      <c r="J179" s="3" t="s">
        <v>495</v>
      </c>
      <c r="K179" s="14">
        <v>44249</v>
      </c>
      <c r="L179" s="3" t="s">
        <v>1597</v>
      </c>
    </row>
    <row r="180" spans="1:12" x14ac:dyDescent="0.3">
      <c r="A180" s="11">
        <v>13739324</v>
      </c>
      <c r="B180" s="11">
        <v>5000685</v>
      </c>
      <c r="C180" s="22" t="str">
        <f t="shared" si="2"/>
        <v>https://support.microsoft.com/kb/5000685</v>
      </c>
      <c r="D180" s="3" t="s">
        <v>1629</v>
      </c>
      <c r="E180" s="3" t="s">
        <v>100</v>
      </c>
      <c r="F180" s="3" t="s">
        <v>153</v>
      </c>
      <c r="G180" s="3" t="s">
        <v>102</v>
      </c>
      <c r="H180" s="3">
        <v>2017</v>
      </c>
      <c r="I180" s="3" t="s">
        <v>103</v>
      </c>
      <c r="J180" s="3" t="s">
        <v>495</v>
      </c>
      <c r="K180" s="14">
        <v>44249</v>
      </c>
      <c r="L180" s="3" t="s">
        <v>1597</v>
      </c>
    </row>
    <row r="181" spans="1:12" x14ac:dyDescent="0.3">
      <c r="A181" s="11">
        <v>13746918</v>
      </c>
      <c r="B181" s="11">
        <v>5000685</v>
      </c>
      <c r="C181" s="22" t="str">
        <f t="shared" si="2"/>
        <v>https://support.microsoft.com/kb/5000685</v>
      </c>
      <c r="D181" s="3" t="s">
        <v>990</v>
      </c>
      <c r="E181" s="3" t="s">
        <v>100</v>
      </c>
      <c r="F181" s="3" t="s">
        <v>153</v>
      </c>
      <c r="G181" s="3" t="s">
        <v>102</v>
      </c>
      <c r="H181" s="3">
        <v>2017</v>
      </c>
      <c r="I181" s="3" t="s">
        <v>103</v>
      </c>
      <c r="J181" s="3" t="s">
        <v>495</v>
      </c>
      <c r="K181" s="14">
        <v>44249</v>
      </c>
      <c r="L181" s="3" t="s">
        <v>1597</v>
      </c>
    </row>
    <row r="182" spans="1:12" x14ac:dyDescent="0.3">
      <c r="A182" s="11">
        <v>13746930</v>
      </c>
      <c r="B182" s="11">
        <v>5000685</v>
      </c>
      <c r="C182" s="22" t="str">
        <f t="shared" si="2"/>
        <v>https://support.microsoft.com/kb/5000685</v>
      </c>
      <c r="D182" s="3" t="s">
        <v>1630</v>
      </c>
      <c r="E182" s="3" t="s">
        <v>100</v>
      </c>
      <c r="F182" s="3" t="s">
        <v>153</v>
      </c>
      <c r="G182" s="3" t="s">
        <v>102</v>
      </c>
      <c r="H182" s="3">
        <v>2017</v>
      </c>
      <c r="I182" s="3" t="s">
        <v>103</v>
      </c>
      <c r="J182" s="3" t="s">
        <v>495</v>
      </c>
      <c r="K182" s="14">
        <v>44249</v>
      </c>
      <c r="L182" s="3" t="s">
        <v>1597</v>
      </c>
    </row>
    <row r="183" spans="1:12" x14ac:dyDescent="0.3">
      <c r="A183" s="11">
        <v>13784189</v>
      </c>
      <c r="B183" s="11">
        <v>4585971</v>
      </c>
      <c r="C183" s="22" t="str">
        <f t="shared" si="2"/>
        <v>https://support.microsoft.com/kb/4585971</v>
      </c>
      <c r="D183" s="3" t="s">
        <v>1631</v>
      </c>
      <c r="E183" s="3" t="s">
        <v>100</v>
      </c>
      <c r="F183" s="3" t="s">
        <v>165</v>
      </c>
      <c r="G183" s="3" t="s">
        <v>102</v>
      </c>
      <c r="H183" s="3">
        <v>2017</v>
      </c>
      <c r="I183" s="3" t="s">
        <v>103</v>
      </c>
      <c r="J183" s="3" t="s">
        <v>495</v>
      </c>
      <c r="K183" s="14">
        <v>44249</v>
      </c>
      <c r="L183" s="3" t="s">
        <v>1597</v>
      </c>
    </row>
    <row r="184" spans="1:12" x14ac:dyDescent="0.3">
      <c r="A184" s="11">
        <v>13746941</v>
      </c>
      <c r="B184" s="11">
        <v>5000685</v>
      </c>
      <c r="C184" s="22" t="str">
        <f t="shared" si="2"/>
        <v>https://support.microsoft.com/kb/5000685</v>
      </c>
      <c r="D184" s="3" t="s">
        <v>1632</v>
      </c>
      <c r="E184" s="3" t="s">
        <v>100</v>
      </c>
      <c r="F184" s="3" t="s">
        <v>165</v>
      </c>
      <c r="G184" s="3" t="s">
        <v>102</v>
      </c>
      <c r="H184" s="3">
        <v>2017</v>
      </c>
      <c r="I184" s="3" t="s">
        <v>103</v>
      </c>
      <c r="J184" s="3" t="s">
        <v>495</v>
      </c>
      <c r="K184" s="14">
        <v>44249</v>
      </c>
      <c r="L184" s="3" t="s">
        <v>1597</v>
      </c>
    </row>
    <row r="185" spans="1:12" x14ac:dyDescent="0.3">
      <c r="A185" s="11">
        <v>13911123</v>
      </c>
      <c r="B185" s="11">
        <v>5000685</v>
      </c>
      <c r="C185" s="22" t="str">
        <f t="shared" si="2"/>
        <v>https://support.microsoft.com/kb/5000685</v>
      </c>
      <c r="D185" s="3" t="s">
        <v>906</v>
      </c>
      <c r="E185" s="3" t="s">
        <v>100</v>
      </c>
      <c r="F185" s="3" t="s">
        <v>165</v>
      </c>
      <c r="G185" s="3" t="s">
        <v>102</v>
      </c>
      <c r="H185" s="3">
        <v>2017</v>
      </c>
      <c r="I185" s="3" t="s">
        <v>103</v>
      </c>
      <c r="J185" s="3" t="s">
        <v>495</v>
      </c>
      <c r="K185" s="14">
        <v>44249</v>
      </c>
      <c r="L185" s="3" t="s">
        <v>1597</v>
      </c>
    </row>
    <row r="186" spans="1:12" x14ac:dyDescent="0.3">
      <c r="A186" s="11">
        <v>13745333</v>
      </c>
      <c r="B186" s="11">
        <v>4571296</v>
      </c>
      <c r="C186" s="22" t="str">
        <f t="shared" si="2"/>
        <v>https://support.microsoft.com/kb/4571296</v>
      </c>
      <c r="D186" s="3" t="s">
        <v>1633</v>
      </c>
      <c r="E186" s="3" t="s">
        <v>100</v>
      </c>
      <c r="F186" s="3" t="s">
        <v>269</v>
      </c>
      <c r="G186" s="3" t="s">
        <v>102</v>
      </c>
      <c r="H186" s="3">
        <v>2017</v>
      </c>
      <c r="I186" s="3" t="s">
        <v>103</v>
      </c>
      <c r="J186" s="3" t="s">
        <v>495</v>
      </c>
      <c r="K186" s="14">
        <v>44249</v>
      </c>
      <c r="L186" s="3" t="s">
        <v>1597</v>
      </c>
    </row>
    <row r="187" spans="1:12" x14ac:dyDescent="0.3">
      <c r="A187" s="11">
        <v>13746943</v>
      </c>
      <c r="B187" s="11">
        <v>5000685</v>
      </c>
      <c r="C187" s="22" t="str">
        <f t="shared" si="2"/>
        <v>https://support.microsoft.com/kb/5000685</v>
      </c>
      <c r="D187" s="3" t="s">
        <v>1634</v>
      </c>
      <c r="E187" s="3" t="s">
        <v>100</v>
      </c>
      <c r="F187" s="3" t="s">
        <v>269</v>
      </c>
      <c r="G187" s="3" t="s">
        <v>102</v>
      </c>
      <c r="H187" s="3">
        <v>2017</v>
      </c>
      <c r="I187" s="3" t="s">
        <v>103</v>
      </c>
      <c r="J187" s="3" t="s">
        <v>495</v>
      </c>
      <c r="K187" s="14">
        <v>44249</v>
      </c>
      <c r="L187" s="3" t="s">
        <v>1597</v>
      </c>
    </row>
    <row r="188" spans="1:12" x14ac:dyDescent="0.3">
      <c r="A188" s="11">
        <v>13749460</v>
      </c>
      <c r="B188" s="11">
        <v>5000685</v>
      </c>
      <c r="C188" s="22" t="str">
        <f t="shared" si="2"/>
        <v>https://support.microsoft.com/kb/5000685</v>
      </c>
      <c r="D188" s="3" t="s">
        <v>1635</v>
      </c>
      <c r="E188" s="3" t="s">
        <v>100</v>
      </c>
      <c r="F188" s="3" t="s">
        <v>269</v>
      </c>
      <c r="G188" s="3" t="s">
        <v>105</v>
      </c>
      <c r="H188" s="3">
        <v>2017</v>
      </c>
      <c r="I188" s="3" t="s">
        <v>103</v>
      </c>
      <c r="J188" s="3" t="s">
        <v>495</v>
      </c>
      <c r="K188" s="14">
        <v>44249</v>
      </c>
      <c r="L188" s="3" t="s">
        <v>1597</v>
      </c>
    </row>
    <row r="189" spans="1:12" x14ac:dyDescent="0.3">
      <c r="A189" s="11">
        <v>13866788</v>
      </c>
      <c r="B189" s="11">
        <v>5000685</v>
      </c>
      <c r="C189" s="22" t="str">
        <f t="shared" si="2"/>
        <v>https://support.microsoft.com/kb/5000685</v>
      </c>
      <c r="D189" s="3" t="s">
        <v>1636</v>
      </c>
      <c r="E189" s="3" t="s">
        <v>100</v>
      </c>
      <c r="F189" s="3" t="s">
        <v>725</v>
      </c>
      <c r="G189" s="3" t="s">
        <v>105</v>
      </c>
      <c r="H189" s="3">
        <v>2017</v>
      </c>
      <c r="I189" s="3" t="s">
        <v>103</v>
      </c>
      <c r="J189" s="3" t="s">
        <v>495</v>
      </c>
      <c r="K189" s="14">
        <v>44249</v>
      </c>
      <c r="L189" s="3" t="s">
        <v>1597</v>
      </c>
    </row>
    <row r="190" spans="1:12" x14ac:dyDescent="0.3">
      <c r="A190" s="11">
        <v>13746920</v>
      </c>
      <c r="B190" s="11">
        <v>4577775</v>
      </c>
      <c r="C190" s="22" t="str">
        <f t="shared" si="2"/>
        <v>https://support.microsoft.com/kb/4577775</v>
      </c>
      <c r="D190" s="3" t="s">
        <v>989</v>
      </c>
      <c r="E190" s="3" t="s">
        <v>100</v>
      </c>
      <c r="F190" s="3" t="s">
        <v>101</v>
      </c>
      <c r="G190" s="3" t="s">
        <v>102</v>
      </c>
      <c r="H190" s="3">
        <v>2017</v>
      </c>
      <c r="I190" s="3" t="s">
        <v>103</v>
      </c>
      <c r="J190" s="3" t="s">
        <v>495</v>
      </c>
      <c r="K190" s="14">
        <v>44249</v>
      </c>
      <c r="L190" s="3" t="s">
        <v>1597</v>
      </c>
    </row>
    <row r="191" spans="1:12" x14ac:dyDescent="0.3">
      <c r="A191" s="11">
        <v>13636106</v>
      </c>
      <c r="B191" s="11">
        <v>4577467</v>
      </c>
      <c r="C191" s="22" t="str">
        <f t="shared" si="2"/>
        <v>https://support.microsoft.com/kb/4577467</v>
      </c>
      <c r="D191" s="3" t="s">
        <v>1637</v>
      </c>
      <c r="E191" s="3" t="s">
        <v>180</v>
      </c>
      <c r="F191" s="3" t="s">
        <v>180</v>
      </c>
      <c r="G191" s="3" t="s">
        <v>102</v>
      </c>
      <c r="H191" s="3">
        <v>2017</v>
      </c>
      <c r="I191" s="3" t="s">
        <v>103</v>
      </c>
      <c r="J191" s="3" t="s">
        <v>503</v>
      </c>
      <c r="K191" s="14">
        <v>44083</v>
      </c>
      <c r="L191" s="3" t="s">
        <v>1434</v>
      </c>
    </row>
    <row r="192" spans="1:12" x14ac:dyDescent="0.3">
      <c r="A192" s="11">
        <v>13594343</v>
      </c>
      <c r="B192" s="11">
        <v>4589171</v>
      </c>
      <c r="C192" s="22" t="str">
        <f t="shared" si="2"/>
        <v>https://support.microsoft.com/kb/4589171</v>
      </c>
      <c r="D192" s="3" t="s">
        <v>1638</v>
      </c>
      <c r="E192" s="3" t="s">
        <v>180</v>
      </c>
      <c r="F192" s="3" t="s">
        <v>180</v>
      </c>
      <c r="G192" s="3" t="s">
        <v>102</v>
      </c>
      <c r="H192" s="3">
        <v>2017</v>
      </c>
      <c r="I192" s="3" t="s">
        <v>103</v>
      </c>
      <c r="J192" s="3" t="s">
        <v>503</v>
      </c>
      <c r="K192" s="14">
        <v>44083</v>
      </c>
      <c r="L192" s="3" t="s">
        <v>1434</v>
      </c>
    </row>
    <row r="193" spans="1:12" x14ac:dyDescent="0.3">
      <c r="A193" s="11">
        <v>13641471</v>
      </c>
      <c r="B193" s="11">
        <v>4577467</v>
      </c>
      <c r="C193" s="22" t="str">
        <f t="shared" si="2"/>
        <v>https://support.microsoft.com/kb/4577467</v>
      </c>
      <c r="D193" s="3" t="s">
        <v>1639</v>
      </c>
      <c r="E193" s="3" t="s">
        <v>180</v>
      </c>
      <c r="F193" s="3" t="s">
        <v>180</v>
      </c>
      <c r="G193" s="3" t="s">
        <v>102</v>
      </c>
      <c r="H193" s="3">
        <v>2017</v>
      </c>
      <c r="I193" s="3" t="s">
        <v>103</v>
      </c>
      <c r="J193" s="3" t="s">
        <v>503</v>
      </c>
      <c r="K193" s="14">
        <v>44083</v>
      </c>
      <c r="L193" s="3" t="s">
        <v>1434</v>
      </c>
    </row>
    <row r="194" spans="1:12" x14ac:dyDescent="0.3">
      <c r="A194" s="11">
        <v>13598902</v>
      </c>
      <c r="B194" s="11">
        <v>4577467</v>
      </c>
      <c r="C194" s="22" t="str">
        <f t="shared" si="2"/>
        <v>https://support.microsoft.com/kb/4577467</v>
      </c>
      <c r="D194" s="3" t="s">
        <v>1640</v>
      </c>
      <c r="E194" s="3" t="s">
        <v>380</v>
      </c>
      <c r="F194" s="3" t="s">
        <v>945</v>
      </c>
      <c r="G194" s="3" t="s">
        <v>102</v>
      </c>
      <c r="H194" s="3">
        <v>2017</v>
      </c>
      <c r="I194" s="3" t="s">
        <v>103</v>
      </c>
      <c r="J194" s="3" t="s">
        <v>503</v>
      </c>
      <c r="K194" s="14">
        <v>44083</v>
      </c>
      <c r="L194" s="3" t="s">
        <v>1434</v>
      </c>
    </row>
    <row r="195" spans="1:12" x14ac:dyDescent="0.3">
      <c r="A195" s="11">
        <v>13636126</v>
      </c>
      <c r="B195" s="11">
        <v>4575453</v>
      </c>
      <c r="C195" s="22" t="str">
        <f t="shared" si="2"/>
        <v>https://support.microsoft.com/kb/4575453</v>
      </c>
      <c r="D195" s="3" t="s">
        <v>1098</v>
      </c>
      <c r="E195" s="3" t="s">
        <v>697</v>
      </c>
      <c r="F195" s="3" t="s">
        <v>777</v>
      </c>
      <c r="G195" s="3" t="s">
        <v>116</v>
      </c>
      <c r="H195" s="3">
        <v>2017</v>
      </c>
      <c r="I195" s="3" t="s">
        <v>103</v>
      </c>
      <c r="J195" s="3" t="s">
        <v>503</v>
      </c>
      <c r="K195" s="14">
        <v>44083</v>
      </c>
      <c r="L195" s="3" t="s">
        <v>1434</v>
      </c>
    </row>
    <row r="196" spans="1:12" x14ac:dyDescent="0.3">
      <c r="A196" s="11">
        <v>13598930</v>
      </c>
      <c r="B196" s="11">
        <v>4561305</v>
      </c>
      <c r="C196" s="22" t="str">
        <f t="shared" si="2"/>
        <v>https://support.microsoft.com/kb/4561305</v>
      </c>
      <c r="D196" s="3" t="s">
        <v>1641</v>
      </c>
      <c r="E196" s="3" t="s">
        <v>100</v>
      </c>
      <c r="F196" s="3" t="s">
        <v>214</v>
      </c>
      <c r="G196" s="3" t="s">
        <v>105</v>
      </c>
      <c r="H196" s="3">
        <v>2017</v>
      </c>
      <c r="I196" s="3" t="s">
        <v>103</v>
      </c>
      <c r="J196" s="3" t="s">
        <v>503</v>
      </c>
      <c r="K196" s="14">
        <v>44083</v>
      </c>
      <c r="L196" s="3" t="s">
        <v>1434</v>
      </c>
    </row>
    <row r="197" spans="1:12" x14ac:dyDescent="0.3">
      <c r="A197" s="11">
        <v>13586252</v>
      </c>
      <c r="B197" s="11">
        <v>4578110</v>
      </c>
      <c r="C197" s="22" t="str">
        <f t="shared" ref="C197:C260" si="3">HYPERLINK("https://support.microsoft.com/kb/"&amp;B197)</f>
        <v>https://support.microsoft.com/kb/4578110</v>
      </c>
      <c r="D197" s="3" t="s">
        <v>1642</v>
      </c>
      <c r="E197" s="3" t="s">
        <v>100</v>
      </c>
      <c r="F197" s="3" t="s">
        <v>163</v>
      </c>
      <c r="G197" s="3" t="s">
        <v>102</v>
      </c>
      <c r="H197" s="3">
        <v>2017</v>
      </c>
      <c r="I197" s="3" t="s">
        <v>103</v>
      </c>
      <c r="J197" s="3" t="s">
        <v>503</v>
      </c>
      <c r="K197" s="14">
        <v>44083</v>
      </c>
      <c r="L197" s="3" t="s">
        <v>1434</v>
      </c>
    </row>
    <row r="198" spans="1:12" x14ac:dyDescent="0.3">
      <c r="A198" s="11">
        <v>13573410</v>
      </c>
      <c r="B198" s="11">
        <v>4578887</v>
      </c>
      <c r="C198" s="22" t="str">
        <f t="shared" si="3"/>
        <v>https://support.microsoft.com/kb/4578887</v>
      </c>
      <c r="D198" s="3" t="s">
        <v>1643</v>
      </c>
      <c r="E198" s="3" t="s">
        <v>100</v>
      </c>
      <c r="F198" s="3" t="s">
        <v>125</v>
      </c>
      <c r="G198" s="3" t="s">
        <v>105</v>
      </c>
      <c r="H198" s="3">
        <v>2017</v>
      </c>
      <c r="I198" s="3" t="s">
        <v>103</v>
      </c>
      <c r="J198" s="3" t="s">
        <v>503</v>
      </c>
      <c r="K198" s="14">
        <v>44083</v>
      </c>
      <c r="L198" s="3" t="s">
        <v>1434</v>
      </c>
    </row>
    <row r="199" spans="1:12" x14ac:dyDescent="0.3">
      <c r="A199" s="11">
        <v>13575424</v>
      </c>
      <c r="B199" s="11">
        <v>4568653</v>
      </c>
      <c r="C199" s="22" t="str">
        <f t="shared" si="3"/>
        <v>https://support.microsoft.com/kb/4568653</v>
      </c>
      <c r="D199" s="3" t="s">
        <v>1644</v>
      </c>
      <c r="E199" s="3" t="s">
        <v>100</v>
      </c>
      <c r="F199" s="3" t="s">
        <v>125</v>
      </c>
      <c r="G199" s="3" t="s">
        <v>105</v>
      </c>
      <c r="H199" s="3">
        <v>2017</v>
      </c>
      <c r="I199" s="3" t="s">
        <v>103</v>
      </c>
      <c r="J199" s="3" t="s">
        <v>503</v>
      </c>
      <c r="K199" s="14">
        <v>44083</v>
      </c>
      <c r="L199" s="3" t="s">
        <v>1434</v>
      </c>
    </row>
    <row r="200" spans="1:12" x14ac:dyDescent="0.3">
      <c r="A200" s="11">
        <v>13587856</v>
      </c>
      <c r="B200" s="11">
        <v>4336873</v>
      </c>
      <c r="C200" s="22" t="str">
        <f t="shared" si="3"/>
        <v>https://support.microsoft.com/kb/4336873</v>
      </c>
      <c r="D200" s="3" t="s">
        <v>1645</v>
      </c>
      <c r="E200" s="3" t="s">
        <v>100</v>
      </c>
      <c r="F200" s="3" t="s">
        <v>233</v>
      </c>
      <c r="G200" s="3" t="s">
        <v>105</v>
      </c>
      <c r="H200" s="3">
        <v>2017</v>
      </c>
      <c r="I200" s="3" t="s">
        <v>103</v>
      </c>
      <c r="J200" s="3" t="s">
        <v>503</v>
      </c>
      <c r="K200" s="14">
        <v>44083</v>
      </c>
      <c r="L200" s="3" t="s">
        <v>1434</v>
      </c>
    </row>
    <row r="201" spans="1:12" x14ac:dyDescent="0.3">
      <c r="A201" s="11">
        <v>13249811</v>
      </c>
      <c r="B201" s="11">
        <v>4579966</v>
      </c>
      <c r="C201" s="22" t="str">
        <f t="shared" si="3"/>
        <v>https://support.microsoft.com/kb/4579966</v>
      </c>
      <c r="D201" s="3" t="s">
        <v>1646</v>
      </c>
      <c r="E201" s="3" t="s">
        <v>100</v>
      </c>
      <c r="F201" s="3" t="s">
        <v>116</v>
      </c>
      <c r="G201" s="3" t="s">
        <v>116</v>
      </c>
      <c r="H201" s="3">
        <v>2017</v>
      </c>
      <c r="I201" s="3" t="s">
        <v>103</v>
      </c>
      <c r="J201" s="3" t="s">
        <v>503</v>
      </c>
      <c r="K201" s="14">
        <v>44083</v>
      </c>
      <c r="L201" s="3" t="s">
        <v>1434</v>
      </c>
    </row>
    <row r="202" spans="1:12" x14ac:dyDescent="0.3">
      <c r="A202" s="11">
        <v>13605758</v>
      </c>
      <c r="B202" s="11">
        <v>4573172</v>
      </c>
      <c r="C202" s="22" t="str">
        <f t="shared" si="3"/>
        <v>https://support.microsoft.com/kb/4573172</v>
      </c>
      <c r="D202" s="3" t="s">
        <v>1647</v>
      </c>
      <c r="E202" s="3" t="s">
        <v>100</v>
      </c>
      <c r="F202" s="3" t="s">
        <v>116</v>
      </c>
      <c r="G202" s="3" t="s">
        <v>116</v>
      </c>
      <c r="H202" s="3">
        <v>2017</v>
      </c>
      <c r="I202" s="3" t="s">
        <v>103</v>
      </c>
      <c r="J202" s="3" t="s">
        <v>503</v>
      </c>
      <c r="K202" s="14">
        <v>44083</v>
      </c>
      <c r="L202" s="3" t="s">
        <v>1434</v>
      </c>
    </row>
    <row r="203" spans="1:12" x14ac:dyDescent="0.3">
      <c r="A203" s="11">
        <v>13525230</v>
      </c>
      <c r="B203" s="11">
        <v>4577932</v>
      </c>
      <c r="C203" s="22" t="str">
        <f t="shared" si="3"/>
        <v>https://support.microsoft.com/kb/4577932</v>
      </c>
      <c r="D203" s="3" t="s">
        <v>1648</v>
      </c>
      <c r="E203" s="3" t="s">
        <v>100</v>
      </c>
      <c r="F203" s="3" t="s">
        <v>101</v>
      </c>
      <c r="G203" s="3" t="s">
        <v>102</v>
      </c>
      <c r="H203" s="3">
        <v>2017</v>
      </c>
      <c r="I203" s="3" t="s">
        <v>103</v>
      </c>
      <c r="J203" s="3" t="s">
        <v>503</v>
      </c>
      <c r="K203" s="14">
        <v>44083</v>
      </c>
      <c r="L203" s="3" t="s">
        <v>1434</v>
      </c>
    </row>
    <row r="204" spans="1:12" x14ac:dyDescent="0.3">
      <c r="A204" s="11">
        <v>13598932</v>
      </c>
      <c r="B204" s="11">
        <v>4577467</v>
      </c>
      <c r="C204" s="22" t="str">
        <f t="shared" si="3"/>
        <v>https://support.microsoft.com/kb/4577467</v>
      </c>
      <c r="D204" s="3" t="s">
        <v>1649</v>
      </c>
      <c r="E204" s="3" t="s">
        <v>100</v>
      </c>
      <c r="F204" s="3" t="s">
        <v>101</v>
      </c>
      <c r="G204" s="3" t="s">
        <v>102</v>
      </c>
      <c r="H204" s="3">
        <v>2017</v>
      </c>
      <c r="I204" s="3" t="s">
        <v>103</v>
      </c>
      <c r="J204" s="3" t="s">
        <v>503</v>
      </c>
      <c r="K204" s="14">
        <v>44083</v>
      </c>
      <c r="L204" s="3" t="s">
        <v>1434</v>
      </c>
    </row>
    <row r="205" spans="1:12" x14ac:dyDescent="0.3">
      <c r="A205" s="11">
        <v>13622776</v>
      </c>
      <c r="B205" s="11">
        <v>4578008</v>
      </c>
      <c r="C205" s="22" t="str">
        <f t="shared" si="3"/>
        <v>https://support.microsoft.com/kb/4578008</v>
      </c>
      <c r="D205" s="3" t="s">
        <v>1650</v>
      </c>
      <c r="E205" s="3" t="s">
        <v>100</v>
      </c>
      <c r="F205" s="3" t="s">
        <v>108</v>
      </c>
      <c r="G205" s="3" t="s">
        <v>102</v>
      </c>
      <c r="H205" s="3">
        <v>2017</v>
      </c>
      <c r="I205" s="3" t="s">
        <v>103</v>
      </c>
      <c r="J205" s="3" t="s">
        <v>503</v>
      </c>
      <c r="K205" s="14">
        <v>44083</v>
      </c>
      <c r="L205" s="3" t="s">
        <v>1434</v>
      </c>
    </row>
    <row r="206" spans="1:12" x14ac:dyDescent="0.3">
      <c r="A206" s="11">
        <v>13585164</v>
      </c>
      <c r="B206" s="11">
        <v>4469942</v>
      </c>
      <c r="C206" s="22" t="str">
        <f t="shared" si="3"/>
        <v>https://support.microsoft.com/kb/4469942</v>
      </c>
      <c r="D206" s="3" t="s">
        <v>1651</v>
      </c>
      <c r="E206" s="3" t="s">
        <v>100</v>
      </c>
      <c r="F206" s="3" t="s">
        <v>108</v>
      </c>
      <c r="G206" s="3" t="s">
        <v>102</v>
      </c>
      <c r="H206" s="3">
        <v>2017</v>
      </c>
      <c r="I206" s="3" t="s">
        <v>103</v>
      </c>
      <c r="J206" s="3" t="s">
        <v>503</v>
      </c>
      <c r="K206" s="14">
        <v>44083</v>
      </c>
      <c r="L206" s="3" t="s">
        <v>1434</v>
      </c>
    </row>
    <row r="207" spans="1:12" x14ac:dyDescent="0.3">
      <c r="A207" s="11">
        <v>13598906</v>
      </c>
      <c r="B207" s="11">
        <v>4577467</v>
      </c>
      <c r="C207" s="22" t="str">
        <f t="shared" si="3"/>
        <v>https://support.microsoft.com/kb/4577467</v>
      </c>
      <c r="D207" s="3" t="s">
        <v>1652</v>
      </c>
      <c r="E207" s="3" t="s">
        <v>100</v>
      </c>
      <c r="F207" s="3" t="s">
        <v>110</v>
      </c>
      <c r="G207" s="3" t="s">
        <v>102</v>
      </c>
      <c r="H207" s="3">
        <v>2017</v>
      </c>
      <c r="I207" s="3" t="s">
        <v>103</v>
      </c>
      <c r="J207" s="3" t="s">
        <v>503</v>
      </c>
      <c r="K207" s="14">
        <v>44083</v>
      </c>
      <c r="L207" s="3" t="s">
        <v>1434</v>
      </c>
    </row>
    <row r="208" spans="1:12" x14ac:dyDescent="0.3">
      <c r="A208" s="11">
        <v>13598936</v>
      </c>
      <c r="B208" s="11">
        <v>4577467</v>
      </c>
      <c r="C208" s="22" t="str">
        <f t="shared" si="3"/>
        <v>https://support.microsoft.com/kb/4577467</v>
      </c>
      <c r="D208" s="3" t="s">
        <v>1653</v>
      </c>
      <c r="E208" s="3" t="s">
        <v>100</v>
      </c>
      <c r="F208" s="3" t="s">
        <v>127</v>
      </c>
      <c r="G208" s="3" t="s">
        <v>102</v>
      </c>
      <c r="H208" s="3">
        <v>2017</v>
      </c>
      <c r="I208" s="3" t="s">
        <v>103</v>
      </c>
      <c r="J208" s="3" t="s">
        <v>503</v>
      </c>
      <c r="K208" s="14">
        <v>44083</v>
      </c>
      <c r="L208" s="3" t="s">
        <v>1434</v>
      </c>
    </row>
    <row r="209" spans="1:12" x14ac:dyDescent="0.3">
      <c r="A209" s="11">
        <v>13560722</v>
      </c>
      <c r="B209" s="11">
        <v>4575689</v>
      </c>
      <c r="C209" s="22" t="str">
        <f t="shared" si="3"/>
        <v>https://support.microsoft.com/kb/4575689</v>
      </c>
      <c r="D209" s="3" t="s">
        <v>1654</v>
      </c>
      <c r="E209" s="3" t="s">
        <v>100</v>
      </c>
      <c r="F209" s="3" t="s">
        <v>113</v>
      </c>
      <c r="G209" s="3" t="s">
        <v>102</v>
      </c>
      <c r="H209" s="3">
        <v>2017</v>
      </c>
      <c r="I209" s="3" t="s">
        <v>103</v>
      </c>
      <c r="J209" s="3" t="s">
        <v>503</v>
      </c>
      <c r="K209" s="14">
        <v>44083</v>
      </c>
      <c r="L209" s="3" t="s">
        <v>1434</v>
      </c>
    </row>
    <row r="210" spans="1:12" x14ac:dyDescent="0.3">
      <c r="A210" s="11">
        <v>13598882</v>
      </c>
      <c r="B210" s="11">
        <v>4577467</v>
      </c>
      <c r="C210" s="22" t="str">
        <f t="shared" si="3"/>
        <v>https://support.microsoft.com/kb/4577467</v>
      </c>
      <c r="D210" s="3" t="s">
        <v>1655</v>
      </c>
      <c r="E210" s="3" t="s">
        <v>100</v>
      </c>
      <c r="F210" s="3" t="s">
        <v>113</v>
      </c>
      <c r="G210" s="3" t="s">
        <v>102</v>
      </c>
      <c r="H210" s="3">
        <v>2017</v>
      </c>
      <c r="I210" s="3" t="s">
        <v>103</v>
      </c>
      <c r="J210" s="3" t="s">
        <v>503</v>
      </c>
      <c r="K210" s="14">
        <v>44083</v>
      </c>
      <c r="L210" s="3" t="s">
        <v>1434</v>
      </c>
    </row>
    <row r="211" spans="1:12" x14ac:dyDescent="0.3">
      <c r="A211" s="11">
        <v>13598912</v>
      </c>
      <c r="B211" s="11">
        <v>4577467</v>
      </c>
      <c r="C211" s="22" t="str">
        <f t="shared" si="3"/>
        <v>https://support.microsoft.com/kb/4577467</v>
      </c>
      <c r="D211" s="3" t="s">
        <v>1656</v>
      </c>
      <c r="E211" s="3" t="s">
        <v>100</v>
      </c>
      <c r="F211" s="3" t="s">
        <v>113</v>
      </c>
      <c r="G211" s="3" t="s">
        <v>102</v>
      </c>
      <c r="H211" s="3">
        <v>2017</v>
      </c>
      <c r="I211" s="3" t="s">
        <v>103</v>
      </c>
      <c r="J211" s="3" t="s">
        <v>503</v>
      </c>
      <c r="K211" s="14">
        <v>44083</v>
      </c>
      <c r="L211" s="3" t="s">
        <v>1434</v>
      </c>
    </row>
    <row r="212" spans="1:12" x14ac:dyDescent="0.3">
      <c r="A212" s="11">
        <v>13606668</v>
      </c>
      <c r="B212" s="11">
        <v>4577933</v>
      </c>
      <c r="C212" s="22" t="str">
        <f t="shared" si="3"/>
        <v>https://support.microsoft.com/kb/4577933</v>
      </c>
      <c r="D212" s="3" t="s">
        <v>1657</v>
      </c>
      <c r="E212" s="3" t="s">
        <v>100</v>
      </c>
      <c r="F212" s="3" t="s">
        <v>113</v>
      </c>
      <c r="G212" s="3" t="s">
        <v>102</v>
      </c>
      <c r="H212" s="3">
        <v>2017</v>
      </c>
      <c r="I212" s="3" t="s">
        <v>103</v>
      </c>
      <c r="J212" s="3" t="s">
        <v>503</v>
      </c>
      <c r="K212" s="14">
        <v>44083</v>
      </c>
      <c r="L212" s="3" t="s">
        <v>1434</v>
      </c>
    </row>
    <row r="213" spans="1:12" x14ac:dyDescent="0.3">
      <c r="A213" s="11">
        <v>13606604</v>
      </c>
      <c r="B213" s="11">
        <v>4577976</v>
      </c>
      <c r="C213" s="22" t="str">
        <f t="shared" si="3"/>
        <v>https://support.microsoft.com/kb/4577976</v>
      </c>
      <c r="D213" s="3" t="s">
        <v>1658</v>
      </c>
      <c r="E213" s="3" t="s">
        <v>100</v>
      </c>
      <c r="F213" s="3" t="s">
        <v>113</v>
      </c>
      <c r="G213" s="3" t="s">
        <v>102</v>
      </c>
      <c r="H213" s="3">
        <v>2017</v>
      </c>
      <c r="I213" s="3" t="s">
        <v>103</v>
      </c>
      <c r="J213" s="3" t="s">
        <v>503</v>
      </c>
      <c r="K213" s="14">
        <v>44083</v>
      </c>
      <c r="L213" s="3" t="s">
        <v>1434</v>
      </c>
    </row>
    <row r="214" spans="1:12" x14ac:dyDescent="0.3">
      <c r="A214" s="11">
        <v>13598910</v>
      </c>
      <c r="B214" s="11">
        <v>4563115</v>
      </c>
      <c r="C214" s="22" t="str">
        <f t="shared" si="3"/>
        <v>https://support.microsoft.com/kb/4563115</v>
      </c>
      <c r="D214" s="3" t="s">
        <v>1659</v>
      </c>
      <c r="E214" s="3" t="s">
        <v>100</v>
      </c>
      <c r="F214" s="3" t="s">
        <v>120</v>
      </c>
      <c r="G214" s="3" t="s">
        <v>102</v>
      </c>
      <c r="H214" s="3">
        <v>2017</v>
      </c>
      <c r="I214" s="3" t="s">
        <v>103</v>
      </c>
      <c r="J214" s="3" t="s">
        <v>503</v>
      </c>
      <c r="K214" s="14">
        <v>44083</v>
      </c>
      <c r="L214" s="3" t="s">
        <v>1434</v>
      </c>
    </row>
    <row r="215" spans="1:12" x14ac:dyDescent="0.3">
      <c r="A215" s="11">
        <v>13598904</v>
      </c>
      <c r="B215" s="11">
        <v>4577467</v>
      </c>
      <c r="C215" s="22" t="str">
        <f t="shared" si="3"/>
        <v>https://support.microsoft.com/kb/4577467</v>
      </c>
      <c r="D215" s="3" t="s">
        <v>1089</v>
      </c>
      <c r="E215" s="3" t="s">
        <v>100</v>
      </c>
      <c r="F215" s="3" t="s">
        <v>120</v>
      </c>
      <c r="G215" s="3" t="s">
        <v>102</v>
      </c>
      <c r="H215" s="3">
        <v>2017</v>
      </c>
      <c r="I215" s="3" t="s">
        <v>103</v>
      </c>
      <c r="J215" s="3" t="s">
        <v>503</v>
      </c>
      <c r="K215" s="14">
        <v>44083</v>
      </c>
      <c r="L215" s="3" t="s">
        <v>1434</v>
      </c>
    </row>
    <row r="216" spans="1:12" x14ac:dyDescent="0.3">
      <c r="A216" s="11">
        <v>13600268</v>
      </c>
      <c r="B216" s="11">
        <v>4577467</v>
      </c>
      <c r="C216" s="22" t="str">
        <f t="shared" si="3"/>
        <v>https://support.microsoft.com/kb/4577467</v>
      </c>
      <c r="D216" s="3" t="s">
        <v>1660</v>
      </c>
      <c r="E216" s="3" t="s">
        <v>100</v>
      </c>
      <c r="F216" s="3" t="s">
        <v>120</v>
      </c>
      <c r="G216" s="3" t="s">
        <v>102</v>
      </c>
      <c r="H216" s="3">
        <v>2017</v>
      </c>
      <c r="I216" s="3" t="s">
        <v>103</v>
      </c>
      <c r="J216" s="3" t="s">
        <v>503</v>
      </c>
      <c r="K216" s="14">
        <v>44083</v>
      </c>
      <c r="L216" s="3" t="s">
        <v>1434</v>
      </c>
    </row>
    <row r="217" spans="1:12" x14ac:dyDescent="0.3">
      <c r="A217" s="11">
        <v>13598908</v>
      </c>
      <c r="B217" s="11">
        <v>4511771</v>
      </c>
      <c r="C217" s="22" t="str">
        <f t="shared" si="3"/>
        <v>https://support.microsoft.com/kb/4511771</v>
      </c>
      <c r="D217" s="3" t="s">
        <v>1087</v>
      </c>
      <c r="E217" s="3" t="s">
        <v>100</v>
      </c>
      <c r="F217" s="3" t="s">
        <v>148</v>
      </c>
      <c r="G217" s="3" t="s">
        <v>102</v>
      </c>
      <c r="H217" s="3">
        <v>2017</v>
      </c>
      <c r="I217" s="3" t="s">
        <v>103</v>
      </c>
      <c r="J217" s="3" t="s">
        <v>503</v>
      </c>
      <c r="K217" s="14">
        <v>44083</v>
      </c>
      <c r="L217" s="3" t="s">
        <v>1434</v>
      </c>
    </row>
    <row r="218" spans="1:12" x14ac:dyDescent="0.3">
      <c r="A218" s="11">
        <v>13663198</v>
      </c>
      <c r="B218" s="11">
        <v>4577467</v>
      </c>
      <c r="C218" s="22" t="str">
        <f t="shared" si="3"/>
        <v>https://support.microsoft.com/kb/4577467</v>
      </c>
      <c r="D218" s="3" t="s">
        <v>1661</v>
      </c>
      <c r="E218" s="3" t="s">
        <v>100</v>
      </c>
      <c r="F218" s="3" t="s">
        <v>782</v>
      </c>
      <c r="G218" s="3" t="s">
        <v>105</v>
      </c>
      <c r="H218" s="3">
        <v>2017</v>
      </c>
      <c r="I218" s="3" t="s">
        <v>103</v>
      </c>
      <c r="J218" s="3" t="s">
        <v>503</v>
      </c>
      <c r="K218" s="14">
        <v>44083</v>
      </c>
      <c r="L218" s="3" t="s">
        <v>1434</v>
      </c>
    </row>
    <row r="219" spans="1:12" x14ac:dyDescent="0.3">
      <c r="A219" s="11">
        <v>13624029</v>
      </c>
      <c r="B219" s="11">
        <v>4577467</v>
      </c>
      <c r="C219" s="22" t="str">
        <f t="shared" si="3"/>
        <v>https://support.microsoft.com/kb/4577467</v>
      </c>
      <c r="D219" s="3" t="s">
        <v>1662</v>
      </c>
      <c r="E219" s="3" t="s">
        <v>100</v>
      </c>
      <c r="F219" s="3" t="s">
        <v>145</v>
      </c>
      <c r="G219" s="3" t="s">
        <v>116</v>
      </c>
      <c r="H219" s="3">
        <v>2017</v>
      </c>
      <c r="I219" s="3" t="s">
        <v>103</v>
      </c>
      <c r="J219" s="3" t="s">
        <v>503</v>
      </c>
      <c r="K219" s="14">
        <v>44083</v>
      </c>
      <c r="L219" s="3" t="s">
        <v>1434</v>
      </c>
    </row>
    <row r="220" spans="1:12" x14ac:dyDescent="0.3">
      <c r="A220" s="11">
        <v>13509282</v>
      </c>
      <c r="B220" s="11">
        <v>4578011</v>
      </c>
      <c r="C220" s="22" t="str">
        <f t="shared" si="3"/>
        <v>https://support.microsoft.com/kb/4578011</v>
      </c>
      <c r="D220" s="3" t="s">
        <v>1099</v>
      </c>
      <c r="E220" s="3" t="s">
        <v>100</v>
      </c>
      <c r="F220" s="3" t="s">
        <v>153</v>
      </c>
      <c r="G220" s="3" t="s">
        <v>116</v>
      </c>
      <c r="H220" s="3">
        <v>2017</v>
      </c>
      <c r="I220" s="3" t="s">
        <v>103</v>
      </c>
      <c r="J220" s="3" t="s">
        <v>503</v>
      </c>
      <c r="K220" s="14">
        <v>44083</v>
      </c>
      <c r="L220" s="3" t="s">
        <v>1434</v>
      </c>
    </row>
    <row r="221" spans="1:12" x14ac:dyDescent="0.3">
      <c r="A221" s="11">
        <v>13598884</v>
      </c>
      <c r="B221" s="11">
        <v>4577467</v>
      </c>
      <c r="C221" s="22" t="str">
        <f t="shared" si="3"/>
        <v>https://support.microsoft.com/kb/4577467</v>
      </c>
      <c r="D221" s="3" t="s">
        <v>1663</v>
      </c>
      <c r="E221" s="3" t="s">
        <v>100</v>
      </c>
      <c r="F221" s="3" t="s">
        <v>153</v>
      </c>
      <c r="G221" s="3" t="s">
        <v>102</v>
      </c>
      <c r="H221" s="3">
        <v>2017</v>
      </c>
      <c r="I221" s="3" t="s">
        <v>103</v>
      </c>
      <c r="J221" s="3" t="s">
        <v>503</v>
      </c>
      <c r="K221" s="14">
        <v>44083</v>
      </c>
      <c r="L221" s="3" t="s">
        <v>1434</v>
      </c>
    </row>
    <row r="222" spans="1:12" x14ac:dyDescent="0.3">
      <c r="A222" s="11">
        <v>13598924</v>
      </c>
      <c r="B222" s="11">
        <v>4577467</v>
      </c>
      <c r="C222" s="22" t="str">
        <f t="shared" si="3"/>
        <v>https://support.microsoft.com/kb/4577467</v>
      </c>
      <c r="D222" s="3" t="s">
        <v>1649</v>
      </c>
      <c r="E222" s="3" t="s">
        <v>100</v>
      </c>
      <c r="F222" s="3" t="s">
        <v>153</v>
      </c>
      <c r="G222" s="3" t="s">
        <v>102</v>
      </c>
      <c r="H222" s="3">
        <v>2017</v>
      </c>
      <c r="I222" s="3" t="s">
        <v>103</v>
      </c>
      <c r="J222" s="3" t="s">
        <v>503</v>
      </c>
      <c r="K222" s="14">
        <v>44083</v>
      </c>
      <c r="L222" s="3" t="s">
        <v>1434</v>
      </c>
    </row>
    <row r="223" spans="1:12" x14ac:dyDescent="0.3">
      <c r="A223" s="11">
        <v>13619763</v>
      </c>
      <c r="B223" s="11">
        <v>4577467</v>
      </c>
      <c r="C223" s="22" t="str">
        <f t="shared" si="3"/>
        <v>https://support.microsoft.com/kb/4577467</v>
      </c>
      <c r="D223" s="3" t="s">
        <v>1664</v>
      </c>
      <c r="E223" s="3" t="s">
        <v>100</v>
      </c>
      <c r="F223" s="3" t="s">
        <v>1009</v>
      </c>
      <c r="G223" s="3" t="s">
        <v>102</v>
      </c>
      <c r="H223" s="3">
        <v>2017</v>
      </c>
      <c r="I223" s="3" t="s">
        <v>103</v>
      </c>
      <c r="J223" s="3" t="s">
        <v>503</v>
      </c>
      <c r="K223" s="14">
        <v>44083</v>
      </c>
      <c r="L223" s="3" t="s">
        <v>1434</v>
      </c>
    </row>
    <row r="224" spans="1:12" x14ac:dyDescent="0.3">
      <c r="A224" s="11">
        <v>13598926</v>
      </c>
      <c r="B224" s="11">
        <v>4560183</v>
      </c>
      <c r="C224" s="22" t="str">
        <f t="shared" si="3"/>
        <v>https://support.microsoft.com/kb/4560183</v>
      </c>
      <c r="D224" s="3" t="s">
        <v>1665</v>
      </c>
      <c r="E224" s="3" t="s">
        <v>100</v>
      </c>
      <c r="F224" s="3" t="s">
        <v>165</v>
      </c>
      <c r="G224" s="3" t="s">
        <v>102</v>
      </c>
      <c r="H224" s="3">
        <v>2017</v>
      </c>
      <c r="I224" s="3" t="s">
        <v>103</v>
      </c>
      <c r="J224" s="3" t="s">
        <v>503</v>
      </c>
      <c r="K224" s="14">
        <v>44083</v>
      </c>
      <c r="L224" s="3" t="s">
        <v>1434</v>
      </c>
    </row>
    <row r="225" spans="1:12" x14ac:dyDescent="0.3">
      <c r="A225" s="11">
        <v>13637079</v>
      </c>
      <c r="B225" s="11">
        <v>4578012</v>
      </c>
      <c r="C225" s="22" t="str">
        <f t="shared" si="3"/>
        <v>https://support.microsoft.com/kb/4578012</v>
      </c>
      <c r="D225" s="3" t="s">
        <v>1666</v>
      </c>
      <c r="E225" s="3" t="s">
        <v>100</v>
      </c>
      <c r="F225" s="3" t="s">
        <v>332</v>
      </c>
      <c r="G225" s="3" t="s">
        <v>102</v>
      </c>
      <c r="H225" s="3">
        <v>2017</v>
      </c>
      <c r="I225" s="3" t="s">
        <v>103</v>
      </c>
      <c r="J225" s="3" t="s">
        <v>503</v>
      </c>
      <c r="K225" s="14">
        <v>44083</v>
      </c>
      <c r="L225" s="3" t="s">
        <v>1434</v>
      </c>
    </row>
    <row r="226" spans="1:12" x14ac:dyDescent="0.3">
      <c r="A226" s="11">
        <v>13598898</v>
      </c>
      <c r="B226" s="11">
        <v>4577467</v>
      </c>
      <c r="C226" s="22" t="str">
        <f t="shared" si="3"/>
        <v>https://support.microsoft.com/kb/4577467</v>
      </c>
      <c r="D226" s="3" t="s">
        <v>1090</v>
      </c>
      <c r="E226" s="3" t="s">
        <v>100</v>
      </c>
      <c r="F226" s="3" t="s">
        <v>332</v>
      </c>
      <c r="G226" s="3" t="s">
        <v>102</v>
      </c>
      <c r="H226" s="3">
        <v>2017</v>
      </c>
      <c r="I226" s="3" t="s">
        <v>103</v>
      </c>
      <c r="J226" s="3" t="s">
        <v>503</v>
      </c>
      <c r="K226" s="14">
        <v>44083</v>
      </c>
      <c r="L226" s="3" t="s">
        <v>1434</v>
      </c>
    </row>
    <row r="227" spans="1:12" x14ac:dyDescent="0.3">
      <c r="A227" s="11">
        <v>13658971</v>
      </c>
      <c r="B227" s="11">
        <v>4577467</v>
      </c>
      <c r="C227" s="22" t="str">
        <f t="shared" si="3"/>
        <v>https://support.microsoft.com/kb/4577467</v>
      </c>
      <c r="D227" s="3" t="s">
        <v>1043</v>
      </c>
      <c r="E227" s="3" t="s">
        <v>100</v>
      </c>
      <c r="F227" s="3" t="s">
        <v>269</v>
      </c>
      <c r="G227" s="3" t="s">
        <v>105</v>
      </c>
      <c r="H227" s="3">
        <v>2017</v>
      </c>
      <c r="I227" s="3" t="s">
        <v>103</v>
      </c>
      <c r="J227" s="3" t="s">
        <v>503</v>
      </c>
      <c r="K227" s="14">
        <v>44083</v>
      </c>
      <c r="L227" s="3" t="s">
        <v>1434</v>
      </c>
    </row>
    <row r="228" spans="1:12" x14ac:dyDescent="0.3">
      <c r="A228" s="11">
        <v>12671877</v>
      </c>
      <c r="B228" s="11">
        <v>4486936</v>
      </c>
      <c r="C228" s="22" t="str">
        <f t="shared" si="3"/>
        <v>https://support.microsoft.com/kb/4486936</v>
      </c>
      <c r="D228" s="3" t="s">
        <v>1667</v>
      </c>
      <c r="E228" s="3" t="s">
        <v>107</v>
      </c>
      <c r="F228" s="3" t="s">
        <v>748</v>
      </c>
      <c r="G228" s="3" t="s">
        <v>102</v>
      </c>
      <c r="H228" s="3">
        <v>2017</v>
      </c>
      <c r="I228" s="3" t="s">
        <v>103</v>
      </c>
      <c r="J228" s="3" t="s">
        <v>503</v>
      </c>
      <c r="K228" s="14">
        <v>44083</v>
      </c>
      <c r="L228" s="3" t="s">
        <v>1434</v>
      </c>
    </row>
    <row r="229" spans="1:12" x14ac:dyDescent="0.3">
      <c r="A229" s="11">
        <v>13477335</v>
      </c>
      <c r="B229" s="11">
        <v>4577467</v>
      </c>
      <c r="C229" s="22" t="str">
        <f t="shared" si="3"/>
        <v>https://support.microsoft.com/kb/4577467</v>
      </c>
      <c r="D229" s="3" t="s">
        <v>1668</v>
      </c>
      <c r="E229" s="3" t="s">
        <v>100</v>
      </c>
      <c r="F229" s="3" t="s">
        <v>101</v>
      </c>
      <c r="G229" s="3" t="s">
        <v>116</v>
      </c>
      <c r="H229" s="3">
        <v>2017</v>
      </c>
      <c r="I229" s="3" t="s">
        <v>103</v>
      </c>
      <c r="J229" s="3" t="s">
        <v>503</v>
      </c>
      <c r="K229" s="14">
        <v>44083</v>
      </c>
      <c r="L229" s="3" t="s">
        <v>1434</v>
      </c>
    </row>
    <row r="230" spans="1:12" x14ac:dyDescent="0.3">
      <c r="A230" s="11">
        <v>13477413</v>
      </c>
      <c r="B230" s="11">
        <v>4569424</v>
      </c>
      <c r="C230" s="22" t="str">
        <f t="shared" si="3"/>
        <v>https://support.microsoft.com/kb/4569424</v>
      </c>
      <c r="D230" s="3" t="s">
        <v>1669</v>
      </c>
      <c r="E230" s="3" t="s">
        <v>100</v>
      </c>
      <c r="F230" s="3" t="s">
        <v>101</v>
      </c>
      <c r="G230" s="3" t="s">
        <v>116</v>
      </c>
      <c r="H230" s="3">
        <v>2017</v>
      </c>
      <c r="I230" s="3" t="s">
        <v>103</v>
      </c>
      <c r="J230" s="3" t="s">
        <v>503</v>
      </c>
      <c r="K230" s="14">
        <v>44083</v>
      </c>
      <c r="L230" s="3" t="s">
        <v>1434</v>
      </c>
    </row>
    <row r="231" spans="1:12" x14ac:dyDescent="0.3">
      <c r="A231" s="11">
        <v>13530877</v>
      </c>
      <c r="B231" s="11">
        <v>4563007</v>
      </c>
      <c r="C231" s="22" t="str">
        <f t="shared" si="3"/>
        <v>https://support.microsoft.com/kb/4563007</v>
      </c>
      <c r="D231" s="3" t="s">
        <v>1670</v>
      </c>
      <c r="E231" s="3" t="s">
        <v>100</v>
      </c>
      <c r="F231" s="3" t="s">
        <v>116</v>
      </c>
      <c r="G231" s="3" t="s">
        <v>116</v>
      </c>
      <c r="H231" s="3">
        <v>2017</v>
      </c>
      <c r="I231" s="3" t="s">
        <v>103</v>
      </c>
      <c r="J231" s="3" t="s">
        <v>503</v>
      </c>
      <c r="K231" s="14">
        <v>44083</v>
      </c>
      <c r="L231" s="3" t="s">
        <v>1434</v>
      </c>
    </row>
    <row r="232" spans="1:12" x14ac:dyDescent="0.3">
      <c r="A232" s="11">
        <v>13468501</v>
      </c>
      <c r="B232" s="11">
        <v>4557397</v>
      </c>
      <c r="C232" s="22" t="str">
        <f t="shared" si="3"/>
        <v>https://support.microsoft.com/kb/4557397</v>
      </c>
      <c r="D232" s="3" t="s">
        <v>1671</v>
      </c>
      <c r="E232" s="3" t="s">
        <v>180</v>
      </c>
      <c r="F232" s="3" t="s">
        <v>180</v>
      </c>
      <c r="G232" s="3" t="s">
        <v>102</v>
      </c>
      <c r="H232" s="3">
        <v>2017</v>
      </c>
      <c r="I232" s="3" t="s">
        <v>103</v>
      </c>
      <c r="J232" s="3" t="s">
        <v>506</v>
      </c>
      <c r="K232" s="14">
        <v>44013</v>
      </c>
      <c r="L232" s="3" t="s">
        <v>1436</v>
      </c>
    </row>
    <row r="233" spans="1:12" x14ac:dyDescent="0.3">
      <c r="A233" s="11">
        <v>13530057</v>
      </c>
      <c r="B233" s="11">
        <v>4557397</v>
      </c>
      <c r="C233" s="22" t="str">
        <f t="shared" si="3"/>
        <v>https://support.microsoft.com/kb/4557397</v>
      </c>
      <c r="D233" s="3" t="s">
        <v>1672</v>
      </c>
      <c r="E233" s="3" t="s">
        <v>180</v>
      </c>
      <c r="F233" s="3" t="s">
        <v>180</v>
      </c>
      <c r="G233" s="3" t="s">
        <v>102</v>
      </c>
      <c r="H233" s="3">
        <v>2017</v>
      </c>
      <c r="I233" s="3" t="s">
        <v>103</v>
      </c>
      <c r="J233" s="3" t="s">
        <v>506</v>
      </c>
      <c r="K233" s="14">
        <v>44013</v>
      </c>
      <c r="L233" s="3" t="s">
        <v>1436</v>
      </c>
    </row>
    <row r="234" spans="1:12" x14ac:dyDescent="0.3">
      <c r="A234" s="11">
        <v>13455278</v>
      </c>
      <c r="B234" s="11">
        <v>4557397</v>
      </c>
      <c r="C234" s="22" t="str">
        <f t="shared" si="3"/>
        <v>https://support.microsoft.com/kb/4557397</v>
      </c>
      <c r="D234" s="3" t="s">
        <v>1673</v>
      </c>
      <c r="E234" s="3" t="s">
        <v>180</v>
      </c>
      <c r="F234" s="3" t="s">
        <v>180</v>
      </c>
      <c r="G234" s="3" t="s">
        <v>102</v>
      </c>
      <c r="H234" s="3">
        <v>2017</v>
      </c>
      <c r="I234" s="3" t="s">
        <v>103</v>
      </c>
      <c r="J234" s="3" t="s">
        <v>506</v>
      </c>
      <c r="K234" s="14">
        <v>44013</v>
      </c>
      <c r="L234" s="3" t="s">
        <v>1436</v>
      </c>
    </row>
    <row r="235" spans="1:12" x14ac:dyDescent="0.3">
      <c r="A235" s="11">
        <v>13473122</v>
      </c>
      <c r="B235" s="11">
        <v>4557397</v>
      </c>
      <c r="C235" s="22" t="str">
        <f t="shared" si="3"/>
        <v>https://support.microsoft.com/kb/4557397</v>
      </c>
      <c r="D235" s="3" t="s">
        <v>1674</v>
      </c>
      <c r="E235" s="3" t="s">
        <v>180</v>
      </c>
      <c r="F235" s="3" t="s">
        <v>180</v>
      </c>
      <c r="G235" s="3" t="s">
        <v>102</v>
      </c>
      <c r="H235" s="3">
        <v>2017</v>
      </c>
      <c r="I235" s="3" t="s">
        <v>103</v>
      </c>
      <c r="J235" s="3" t="s">
        <v>506</v>
      </c>
      <c r="K235" s="14">
        <v>44013</v>
      </c>
      <c r="L235" s="3" t="s">
        <v>1436</v>
      </c>
    </row>
    <row r="236" spans="1:12" x14ac:dyDescent="0.3">
      <c r="A236" s="11">
        <v>13495359</v>
      </c>
      <c r="B236" s="11">
        <v>4557397</v>
      </c>
      <c r="C236" s="22" t="str">
        <f t="shared" si="3"/>
        <v>https://support.microsoft.com/kb/4557397</v>
      </c>
      <c r="D236" s="3" t="s">
        <v>1675</v>
      </c>
      <c r="E236" s="3" t="s">
        <v>180</v>
      </c>
      <c r="F236" s="3" t="s">
        <v>180</v>
      </c>
      <c r="G236" s="3" t="s">
        <v>102</v>
      </c>
      <c r="H236" s="3">
        <v>2017</v>
      </c>
      <c r="I236" s="3" t="s">
        <v>103</v>
      </c>
      <c r="J236" s="3" t="s">
        <v>506</v>
      </c>
      <c r="K236" s="14">
        <v>44013</v>
      </c>
      <c r="L236" s="3" t="s">
        <v>1436</v>
      </c>
    </row>
    <row r="237" spans="1:12" x14ac:dyDescent="0.3">
      <c r="A237" s="11">
        <v>13545675</v>
      </c>
      <c r="B237" s="11">
        <v>4567837</v>
      </c>
      <c r="C237" s="22" t="str">
        <f t="shared" si="3"/>
        <v>https://support.microsoft.com/kb/4567837</v>
      </c>
      <c r="D237" s="3" t="s">
        <v>1676</v>
      </c>
      <c r="E237" s="3" t="s">
        <v>217</v>
      </c>
      <c r="F237" s="3" t="s">
        <v>1677</v>
      </c>
      <c r="G237" s="3" t="s">
        <v>102</v>
      </c>
      <c r="H237" s="3">
        <v>2017</v>
      </c>
      <c r="I237" s="3" t="s">
        <v>103</v>
      </c>
      <c r="J237" s="3" t="s">
        <v>506</v>
      </c>
      <c r="K237" s="14">
        <v>44013</v>
      </c>
      <c r="L237" s="3" t="s">
        <v>1436</v>
      </c>
    </row>
    <row r="238" spans="1:12" x14ac:dyDescent="0.3">
      <c r="A238" s="11">
        <v>13574528</v>
      </c>
      <c r="B238" s="11">
        <v>4557397</v>
      </c>
      <c r="C238" s="22" t="str">
        <f t="shared" si="3"/>
        <v>https://support.microsoft.com/kb/4557397</v>
      </c>
      <c r="D238" s="3" t="s">
        <v>1678</v>
      </c>
      <c r="E238" s="3" t="s">
        <v>380</v>
      </c>
      <c r="F238" s="3" t="s">
        <v>689</v>
      </c>
      <c r="G238" s="3" t="s">
        <v>102</v>
      </c>
      <c r="H238" s="3">
        <v>2017</v>
      </c>
      <c r="I238" s="3" t="s">
        <v>103</v>
      </c>
      <c r="J238" s="3" t="s">
        <v>506</v>
      </c>
      <c r="K238" s="14">
        <v>44013</v>
      </c>
      <c r="L238" s="3" t="s">
        <v>1436</v>
      </c>
    </row>
    <row r="239" spans="1:12" x14ac:dyDescent="0.3">
      <c r="A239" s="11">
        <v>13564527</v>
      </c>
      <c r="B239" s="11">
        <v>4557397</v>
      </c>
      <c r="C239" s="22" t="str">
        <f t="shared" si="3"/>
        <v>https://support.microsoft.com/kb/4557397</v>
      </c>
      <c r="D239" s="3" t="s">
        <v>1679</v>
      </c>
      <c r="E239" s="3" t="s">
        <v>178</v>
      </c>
      <c r="F239" s="3" t="s">
        <v>178</v>
      </c>
      <c r="G239" s="3" t="s">
        <v>102</v>
      </c>
      <c r="H239" s="3">
        <v>2017</v>
      </c>
      <c r="I239" s="3" t="s">
        <v>103</v>
      </c>
      <c r="J239" s="3" t="s">
        <v>506</v>
      </c>
      <c r="K239" s="14">
        <v>44013</v>
      </c>
      <c r="L239" s="3" t="s">
        <v>1436</v>
      </c>
    </row>
    <row r="240" spans="1:12" x14ac:dyDescent="0.3">
      <c r="A240" s="11">
        <v>13387895</v>
      </c>
      <c r="B240" s="11">
        <v>4567166</v>
      </c>
      <c r="C240" s="22" t="str">
        <f t="shared" si="3"/>
        <v>https://support.microsoft.com/kb/4567166</v>
      </c>
      <c r="D240" s="3" t="s">
        <v>1680</v>
      </c>
      <c r="E240" s="3" t="s">
        <v>100</v>
      </c>
      <c r="F240" s="3" t="s">
        <v>161</v>
      </c>
      <c r="G240" s="3" t="s">
        <v>102</v>
      </c>
      <c r="H240" s="3">
        <v>2017</v>
      </c>
      <c r="I240" s="3" t="s">
        <v>103</v>
      </c>
      <c r="J240" s="3" t="s">
        <v>506</v>
      </c>
      <c r="K240" s="14">
        <v>44013</v>
      </c>
      <c r="L240" s="3" t="s">
        <v>1436</v>
      </c>
    </row>
    <row r="241" spans="1:12" x14ac:dyDescent="0.3">
      <c r="A241" s="11">
        <v>13422969</v>
      </c>
      <c r="B241" s="11">
        <v>4564868</v>
      </c>
      <c r="C241" s="22" t="str">
        <f t="shared" si="3"/>
        <v>https://support.microsoft.com/kb/4564868</v>
      </c>
      <c r="D241" s="3" t="s">
        <v>1681</v>
      </c>
      <c r="E241" s="3" t="s">
        <v>100</v>
      </c>
      <c r="F241" s="3" t="s">
        <v>161</v>
      </c>
      <c r="G241" s="3" t="s">
        <v>102</v>
      </c>
      <c r="H241" s="3">
        <v>2017</v>
      </c>
      <c r="I241" s="3" t="s">
        <v>103</v>
      </c>
      <c r="J241" s="3" t="s">
        <v>506</v>
      </c>
      <c r="K241" s="14">
        <v>44013</v>
      </c>
      <c r="L241" s="3" t="s">
        <v>1436</v>
      </c>
    </row>
    <row r="242" spans="1:12" x14ac:dyDescent="0.3">
      <c r="A242" s="11">
        <v>13323992</v>
      </c>
      <c r="B242" s="11">
        <v>4521599</v>
      </c>
      <c r="C242" s="22" t="str">
        <f t="shared" si="3"/>
        <v>https://support.microsoft.com/kb/4521599</v>
      </c>
      <c r="D242" s="3" t="s">
        <v>1682</v>
      </c>
      <c r="E242" s="3" t="s">
        <v>100</v>
      </c>
      <c r="F242" s="3" t="s">
        <v>214</v>
      </c>
      <c r="G242" s="3" t="s">
        <v>105</v>
      </c>
      <c r="H242" s="3">
        <v>2017</v>
      </c>
      <c r="I242" s="3" t="s">
        <v>103</v>
      </c>
      <c r="J242" s="3" t="s">
        <v>506</v>
      </c>
      <c r="K242" s="14">
        <v>44013</v>
      </c>
      <c r="L242" s="3" t="s">
        <v>1436</v>
      </c>
    </row>
    <row r="243" spans="1:12" x14ac:dyDescent="0.3">
      <c r="A243" s="11">
        <v>13503404</v>
      </c>
      <c r="B243" s="11">
        <v>4557397</v>
      </c>
      <c r="C243" s="22" t="str">
        <f t="shared" si="3"/>
        <v>https://support.microsoft.com/kb/4557397</v>
      </c>
      <c r="D243" s="3" t="s">
        <v>1683</v>
      </c>
      <c r="E243" s="3" t="s">
        <v>100</v>
      </c>
      <c r="F243" s="3" t="s">
        <v>125</v>
      </c>
      <c r="G243" s="3" t="s">
        <v>102</v>
      </c>
      <c r="H243" s="3">
        <v>2017</v>
      </c>
      <c r="I243" s="3" t="s">
        <v>103</v>
      </c>
      <c r="J243" s="3" t="s">
        <v>506</v>
      </c>
      <c r="K243" s="14">
        <v>44013</v>
      </c>
      <c r="L243" s="3" t="s">
        <v>1436</v>
      </c>
    </row>
    <row r="244" spans="1:12" x14ac:dyDescent="0.3">
      <c r="A244" s="11">
        <v>13477385</v>
      </c>
      <c r="B244" s="11">
        <v>4557397</v>
      </c>
      <c r="C244" s="22" t="str">
        <f t="shared" si="3"/>
        <v>https://support.microsoft.com/kb/4557397</v>
      </c>
      <c r="D244" s="3" t="s">
        <v>1684</v>
      </c>
      <c r="E244" s="3" t="s">
        <v>100</v>
      </c>
      <c r="F244" s="3" t="s">
        <v>101</v>
      </c>
      <c r="G244" s="3" t="s">
        <v>105</v>
      </c>
      <c r="H244" s="3">
        <v>2017</v>
      </c>
      <c r="I244" s="3" t="s">
        <v>103</v>
      </c>
      <c r="J244" s="3" t="s">
        <v>506</v>
      </c>
      <c r="K244" s="14">
        <v>44013</v>
      </c>
      <c r="L244" s="3" t="s">
        <v>1436</v>
      </c>
    </row>
    <row r="245" spans="1:12" x14ac:dyDescent="0.3">
      <c r="A245" s="11">
        <v>13508566</v>
      </c>
      <c r="B245" s="11">
        <v>4562173</v>
      </c>
      <c r="C245" s="22" t="str">
        <f t="shared" si="3"/>
        <v>https://support.microsoft.com/kb/4562173</v>
      </c>
      <c r="D245" s="3" t="s">
        <v>1166</v>
      </c>
      <c r="E245" s="3" t="s">
        <v>100</v>
      </c>
      <c r="F245" s="3" t="s">
        <v>101</v>
      </c>
      <c r="G245" s="3" t="s">
        <v>102</v>
      </c>
      <c r="H245" s="3">
        <v>2017</v>
      </c>
      <c r="I245" s="3" t="s">
        <v>103</v>
      </c>
      <c r="J245" s="3" t="s">
        <v>506</v>
      </c>
      <c r="K245" s="14">
        <v>44013</v>
      </c>
      <c r="L245" s="3" t="s">
        <v>1436</v>
      </c>
    </row>
    <row r="246" spans="1:12" x14ac:dyDescent="0.3">
      <c r="A246" s="11">
        <v>13554273</v>
      </c>
      <c r="B246" s="11">
        <v>4557397</v>
      </c>
      <c r="C246" s="22" t="str">
        <f t="shared" si="3"/>
        <v>https://support.microsoft.com/kb/4557397</v>
      </c>
      <c r="D246" s="3" t="s">
        <v>1685</v>
      </c>
      <c r="E246" s="3" t="s">
        <v>100</v>
      </c>
      <c r="F246" s="3" t="s">
        <v>101</v>
      </c>
      <c r="G246" s="3" t="s">
        <v>105</v>
      </c>
      <c r="H246" s="3">
        <v>2017</v>
      </c>
      <c r="I246" s="3" t="s">
        <v>103</v>
      </c>
      <c r="J246" s="3" t="s">
        <v>506</v>
      </c>
      <c r="K246" s="14">
        <v>44013</v>
      </c>
      <c r="L246" s="3" t="s">
        <v>1436</v>
      </c>
    </row>
    <row r="247" spans="1:12" x14ac:dyDescent="0.3">
      <c r="A247" s="11">
        <v>13578386</v>
      </c>
      <c r="B247" s="11">
        <v>4565944</v>
      </c>
      <c r="C247" s="22" t="str">
        <f t="shared" si="3"/>
        <v>https://support.microsoft.com/kb/4565944</v>
      </c>
      <c r="D247" s="3" t="s">
        <v>1686</v>
      </c>
      <c r="E247" s="3" t="s">
        <v>100</v>
      </c>
      <c r="F247" s="3" t="s">
        <v>101</v>
      </c>
      <c r="G247" s="3" t="s">
        <v>102</v>
      </c>
      <c r="H247" s="3">
        <v>2017</v>
      </c>
      <c r="I247" s="3" t="s">
        <v>103</v>
      </c>
      <c r="J247" s="3" t="s">
        <v>506</v>
      </c>
      <c r="K247" s="14">
        <v>44013</v>
      </c>
      <c r="L247" s="3" t="s">
        <v>1436</v>
      </c>
    </row>
    <row r="248" spans="1:12" x14ac:dyDescent="0.3">
      <c r="A248" s="11">
        <v>13502024</v>
      </c>
      <c r="B248" s="11">
        <v>4557397</v>
      </c>
      <c r="C248" s="22" t="str">
        <f t="shared" si="3"/>
        <v>https://support.microsoft.com/kb/4557397</v>
      </c>
      <c r="D248" s="3" t="s">
        <v>1687</v>
      </c>
      <c r="E248" s="3" t="s">
        <v>100</v>
      </c>
      <c r="F248" s="3" t="s">
        <v>139</v>
      </c>
      <c r="G248" s="3" t="s">
        <v>102</v>
      </c>
      <c r="H248" s="3">
        <v>2017</v>
      </c>
      <c r="I248" s="3" t="s">
        <v>103</v>
      </c>
      <c r="J248" s="3" t="s">
        <v>506</v>
      </c>
      <c r="K248" s="14">
        <v>44013</v>
      </c>
      <c r="L248" s="3" t="s">
        <v>1436</v>
      </c>
    </row>
    <row r="249" spans="1:12" x14ac:dyDescent="0.3">
      <c r="A249" s="11">
        <v>13458572</v>
      </c>
      <c r="B249" s="11">
        <v>4557397</v>
      </c>
      <c r="C249" s="22" t="str">
        <f t="shared" si="3"/>
        <v>https://support.microsoft.com/kb/4557397</v>
      </c>
      <c r="D249" s="3" t="s">
        <v>1191</v>
      </c>
      <c r="E249" s="3" t="s">
        <v>100</v>
      </c>
      <c r="F249" s="3" t="s">
        <v>110</v>
      </c>
      <c r="G249" s="3" t="s">
        <v>102</v>
      </c>
      <c r="H249" s="3">
        <v>2017</v>
      </c>
      <c r="I249" s="3" t="s">
        <v>103</v>
      </c>
      <c r="J249" s="3" t="s">
        <v>506</v>
      </c>
      <c r="K249" s="14">
        <v>44013</v>
      </c>
      <c r="L249" s="3" t="s">
        <v>1436</v>
      </c>
    </row>
    <row r="250" spans="1:12" x14ac:dyDescent="0.3">
      <c r="A250" s="11">
        <v>13515392</v>
      </c>
      <c r="B250" s="11">
        <v>4557397</v>
      </c>
      <c r="C250" s="22" t="str">
        <f t="shared" si="3"/>
        <v>https://support.microsoft.com/kb/4557397</v>
      </c>
      <c r="D250" s="3" t="s">
        <v>1688</v>
      </c>
      <c r="E250" s="3" t="s">
        <v>100</v>
      </c>
      <c r="F250" s="3" t="s">
        <v>127</v>
      </c>
      <c r="G250" s="3" t="s">
        <v>102</v>
      </c>
      <c r="H250" s="3">
        <v>2017</v>
      </c>
      <c r="I250" s="3" t="s">
        <v>103</v>
      </c>
      <c r="J250" s="3" t="s">
        <v>506</v>
      </c>
      <c r="K250" s="14">
        <v>44013</v>
      </c>
      <c r="L250" s="3" t="s">
        <v>1436</v>
      </c>
    </row>
    <row r="251" spans="1:12" x14ac:dyDescent="0.3">
      <c r="A251" s="11">
        <v>13525859</v>
      </c>
      <c r="B251" s="11">
        <v>4557397</v>
      </c>
      <c r="C251" s="22" t="str">
        <f t="shared" si="3"/>
        <v>https://support.microsoft.com/kb/4557397</v>
      </c>
      <c r="D251" s="3" t="s">
        <v>1689</v>
      </c>
      <c r="E251" s="3" t="s">
        <v>100</v>
      </c>
      <c r="F251" s="3" t="s">
        <v>127</v>
      </c>
      <c r="G251" s="3" t="s">
        <v>102</v>
      </c>
      <c r="H251" s="3">
        <v>2017</v>
      </c>
      <c r="I251" s="3" t="s">
        <v>103</v>
      </c>
      <c r="J251" s="3" t="s">
        <v>506</v>
      </c>
      <c r="K251" s="14">
        <v>44013</v>
      </c>
      <c r="L251" s="3" t="s">
        <v>1436</v>
      </c>
    </row>
    <row r="252" spans="1:12" x14ac:dyDescent="0.3">
      <c r="A252" s="11">
        <v>13530833</v>
      </c>
      <c r="B252" s="11">
        <v>4557397</v>
      </c>
      <c r="C252" s="22" t="str">
        <f t="shared" si="3"/>
        <v>https://support.microsoft.com/kb/4557397</v>
      </c>
      <c r="D252" s="3" t="s">
        <v>1690</v>
      </c>
      <c r="E252" s="3" t="s">
        <v>100</v>
      </c>
      <c r="F252" s="3" t="s">
        <v>127</v>
      </c>
      <c r="G252" s="3" t="s">
        <v>102</v>
      </c>
      <c r="H252" s="3">
        <v>2017</v>
      </c>
      <c r="I252" s="3" t="s">
        <v>103</v>
      </c>
      <c r="J252" s="3" t="s">
        <v>506</v>
      </c>
      <c r="K252" s="14">
        <v>44013</v>
      </c>
      <c r="L252" s="3" t="s">
        <v>1436</v>
      </c>
    </row>
    <row r="253" spans="1:12" x14ac:dyDescent="0.3">
      <c r="A253" s="11">
        <v>13488604</v>
      </c>
      <c r="B253" s="11">
        <v>4557397</v>
      </c>
      <c r="C253" s="22" t="str">
        <f t="shared" si="3"/>
        <v>https://support.microsoft.com/kb/4557397</v>
      </c>
      <c r="D253" s="3" t="s">
        <v>1691</v>
      </c>
      <c r="E253" s="3" t="s">
        <v>100</v>
      </c>
      <c r="F253" s="3" t="s">
        <v>113</v>
      </c>
      <c r="G253" s="3" t="s">
        <v>102</v>
      </c>
      <c r="H253" s="3">
        <v>2017</v>
      </c>
      <c r="I253" s="3" t="s">
        <v>103</v>
      </c>
      <c r="J253" s="3" t="s">
        <v>506</v>
      </c>
      <c r="K253" s="14">
        <v>44013</v>
      </c>
      <c r="L253" s="3" t="s">
        <v>1436</v>
      </c>
    </row>
    <row r="254" spans="1:12" x14ac:dyDescent="0.3">
      <c r="A254" s="11">
        <v>13561699</v>
      </c>
      <c r="B254" s="11">
        <v>4557397</v>
      </c>
      <c r="C254" s="22" t="str">
        <f t="shared" si="3"/>
        <v>https://support.microsoft.com/kb/4557397</v>
      </c>
      <c r="D254" s="3" t="s">
        <v>1692</v>
      </c>
      <c r="E254" s="3" t="s">
        <v>100</v>
      </c>
      <c r="F254" s="3" t="s">
        <v>113</v>
      </c>
      <c r="G254" s="3" t="s">
        <v>105</v>
      </c>
      <c r="H254" s="3">
        <v>2017</v>
      </c>
      <c r="I254" s="3" t="s">
        <v>103</v>
      </c>
      <c r="J254" s="3" t="s">
        <v>506</v>
      </c>
      <c r="K254" s="14">
        <v>44013</v>
      </c>
      <c r="L254" s="3" t="s">
        <v>1436</v>
      </c>
    </row>
    <row r="255" spans="1:12" x14ac:dyDescent="0.3">
      <c r="A255" s="11">
        <v>13042339</v>
      </c>
      <c r="B255" s="11">
        <v>4569425</v>
      </c>
      <c r="C255" s="22" t="str">
        <f t="shared" si="3"/>
        <v>https://support.microsoft.com/kb/4569425</v>
      </c>
      <c r="D255" s="3" t="s">
        <v>1077</v>
      </c>
      <c r="E255" s="3" t="s">
        <v>100</v>
      </c>
      <c r="F255" s="3" t="s">
        <v>120</v>
      </c>
      <c r="G255" s="3" t="s">
        <v>102</v>
      </c>
      <c r="H255" s="3">
        <v>2017</v>
      </c>
      <c r="I255" s="3" t="s">
        <v>103</v>
      </c>
      <c r="J255" s="3" t="s">
        <v>506</v>
      </c>
      <c r="K255" s="14">
        <v>44013</v>
      </c>
      <c r="L255" s="3" t="s">
        <v>1436</v>
      </c>
    </row>
    <row r="256" spans="1:12" x14ac:dyDescent="0.3">
      <c r="A256" s="11">
        <v>13603817</v>
      </c>
      <c r="B256" s="11">
        <v>4563597</v>
      </c>
      <c r="C256" s="22" t="str">
        <f t="shared" si="3"/>
        <v>https://support.microsoft.com/kb/4563597</v>
      </c>
      <c r="D256" s="3" t="s">
        <v>1693</v>
      </c>
      <c r="E256" s="3" t="s">
        <v>100</v>
      </c>
      <c r="F256" s="3" t="s">
        <v>120</v>
      </c>
      <c r="G256" s="3" t="s">
        <v>102</v>
      </c>
      <c r="H256" s="3">
        <v>2017</v>
      </c>
      <c r="I256" s="3" t="s">
        <v>103</v>
      </c>
      <c r="J256" s="3" t="s">
        <v>506</v>
      </c>
      <c r="K256" s="14">
        <v>44013</v>
      </c>
      <c r="L256" s="3" t="s">
        <v>1436</v>
      </c>
    </row>
    <row r="257" spans="1:12" x14ac:dyDescent="0.3">
      <c r="A257" s="11">
        <v>13502382</v>
      </c>
      <c r="B257" s="11">
        <v>4557397</v>
      </c>
      <c r="C257" s="22" t="str">
        <f t="shared" si="3"/>
        <v>https://support.microsoft.com/kb/4557397</v>
      </c>
      <c r="D257" s="3" t="s">
        <v>1694</v>
      </c>
      <c r="E257" s="3" t="s">
        <v>100</v>
      </c>
      <c r="F257" s="3" t="s">
        <v>145</v>
      </c>
      <c r="G257" s="3" t="s">
        <v>116</v>
      </c>
      <c r="H257" s="3">
        <v>2017</v>
      </c>
      <c r="I257" s="3" t="s">
        <v>103</v>
      </c>
      <c r="J257" s="3" t="s">
        <v>506</v>
      </c>
      <c r="K257" s="14">
        <v>44013</v>
      </c>
      <c r="L257" s="3" t="s">
        <v>1436</v>
      </c>
    </row>
    <row r="258" spans="1:12" x14ac:dyDescent="0.3">
      <c r="A258" s="11">
        <v>13546338</v>
      </c>
      <c r="B258" s="11">
        <v>3195888</v>
      </c>
      <c r="C258" s="22" t="str">
        <f t="shared" si="3"/>
        <v>https://support.microsoft.com/kb/3195888</v>
      </c>
      <c r="D258" s="3" t="s">
        <v>1695</v>
      </c>
      <c r="E258" s="3" t="s">
        <v>100</v>
      </c>
      <c r="F258" s="3" t="s">
        <v>145</v>
      </c>
      <c r="G258" s="3" t="s">
        <v>105</v>
      </c>
      <c r="H258" s="3">
        <v>2017</v>
      </c>
      <c r="I258" s="3" t="s">
        <v>103</v>
      </c>
      <c r="J258" s="3" t="s">
        <v>506</v>
      </c>
      <c r="K258" s="14">
        <v>44013</v>
      </c>
      <c r="L258" s="3" t="s">
        <v>1436</v>
      </c>
    </row>
    <row r="259" spans="1:12" x14ac:dyDescent="0.3">
      <c r="A259" s="11">
        <v>13563530</v>
      </c>
      <c r="B259" s="11">
        <v>4557397</v>
      </c>
      <c r="C259" s="22" t="str">
        <f t="shared" si="3"/>
        <v>https://support.microsoft.com/kb/4557397</v>
      </c>
      <c r="D259" s="3" t="s">
        <v>1696</v>
      </c>
      <c r="E259" s="3" t="s">
        <v>100</v>
      </c>
      <c r="F259" s="3" t="s">
        <v>145</v>
      </c>
      <c r="G259" s="3" t="s">
        <v>102</v>
      </c>
      <c r="H259" s="3">
        <v>2017</v>
      </c>
      <c r="I259" s="3" t="s">
        <v>103</v>
      </c>
      <c r="J259" s="3" t="s">
        <v>506</v>
      </c>
      <c r="K259" s="14">
        <v>44013</v>
      </c>
      <c r="L259" s="3" t="s">
        <v>1436</v>
      </c>
    </row>
    <row r="260" spans="1:12" x14ac:dyDescent="0.3">
      <c r="A260" s="11">
        <v>13421890</v>
      </c>
      <c r="B260" s="11">
        <v>4540896</v>
      </c>
      <c r="C260" s="22" t="str">
        <f t="shared" si="3"/>
        <v>https://support.microsoft.com/kb/4540896</v>
      </c>
      <c r="D260" s="3" t="s">
        <v>1198</v>
      </c>
      <c r="E260" s="3" t="s">
        <v>100</v>
      </c>
      <c r="F260" s="3" t="s">
        <v>332</v>
      </c>
      <c r="G260" s="3" t="s">
        <v>102</v>
      </c>
      <c r="H260" s="3">
        <v>2017</v>
      </c>
      <c r="I260" s="3" t="s">
        <v>103</v>
      </c>
      <c r="J260" s="3" t="s">
        <v>506</v>
      </c>
      <c r="K260" s="14">
        <v>44013</v>
      </c>
      <c r="L260" s="3" t="s">
        <v>1436</v>
      </c>
    </row>
    <row r="261" spans="1:12" x14ac:dyDescent="0.3">
      <c r="A261" s="11">
        <v>13543457</v>
      </c>
      <c r="B261" s="11">
        <v>4557397</v>
      </c>
      <c r="C261" s="22" t="str">
        <f t="shared" ref="C261:C324" si="4">HYPERLINK("https://support.microsoft.com/kb/"&amp;B261)</f>
        <v>https://support.microsoft.com/kb/4557397</v>
      </c>
      <c r="D261" s="3" t="s">
        <v>1697</v>
      </c>
      <c r="E261" s="3" t="s">
        <v>100</v>
      </c>
      <c r="F261" s="3" t="s">
        <v>332</v>
      </c>
      <c r="G261" s="3" t="s">
        <v>102</v>
      </c>
      <c r="H261" s="3">
        <v>2017</v>
      </c>
      <c r="I261" s="3" t="s">
        <v>103</v>
      </c>
      <c r="J261" s="3" t="s">
        <v>506</v>
      </c>
      <c r="K261" s="14">
        <v>44013</v>
      </c>
      <c r="L261" s="3" t="s">
        <v>1436</v>
      </c>
    </row>
    <row r="262" spans="1:12" x14ac:dyDescent="0.3">
      <c r="A262" s="11">
        <v>13516058</v>
      </c>
      <c r="B262" s="11">
        <v>4557397</v>
      </c>
      <c r="C262" s="22" t="str">
        <f t="shared" si="4"/>
        <v>https://support.microsoft.com/kb/4557397</v>
      </c>
      <c r="D262" s="3" t="s">
        <v>1698</v>
      </c>
      <c r="E262" s="3" t="s">
        <v>100</v>
      </c>
      <c r="F262" s="3" t="s">
        <v>269</v>
      </c>
      <c r="G262" s="3" t="s">
        <v>102</v>
      </c>
      <c r="H262" s="3">
        <v>2017</v>
      </c>
      <c r="I262" s="3" t="s">
        <v>103</v>
      </c>
      <c r="J262" s="3" t="s">
        <v>506</v>
      </c>
      <c r="K262" s="14">
        <v>44013</v>
      </c>
      <c r="L262" s="3" t="s">
        <v>1436</v>
      </c>
    </row>
    <row r="263" spans="1:12" x14ac:dyDescent="0.3">
      <c r="A263" s="11">
        <v>13490178</v>
      </c>
      <c r="B263" s="11">
        <v>4557397</v>
      </c>
      <c r="C263" s="22" t="str">
        <f t="shared" si="4"/>
        <v>https://support.microsoft.com/kb/4557397</v>
      </c>
      <c r="D263" s="3" t="s">
        <v>1699</v>
      </c>
      <c r="E263" s="3" t="s">
        <v>380</v>
      </c>
      <c r="F263" s="3" t="s">
        <v>689</v>
      </c>
      <c r="G263" s="3" t="s">
        <v>102</v>
      </c>
      <c r="H263" s="3">
        <v>2017</v>
      </c>
      <c r="I263" s="3" t="s">
        <v>103</v>
      </c>
      <c r="J263" s="3" t="s">
        <v>506</v>
      </c>
      <c r="K263" s="14">
        <v>44013</v>
      </c>
      <c r="L263" s="3" t="s">
        <v>1436</v>
      </c>
    </row>
    <row r="264" spans="1:12" x14ac:dyDescent="0.3">
      <c r="A264" s="11">
        <v>13421896</v>
      </c>
      <c r="B264" s="11">
        <v>4540385</v>
      </c>
      <c r="C264" s="22" t="str">
        <f t="shared" si="4"/>
        <v>https://support.microsoft.com/kb/4540385</v>
      </c>
      <c r="D264" s="3" t="s">
        <v>1700</v>
      </c>
      <c r="E264" s="3" t="s">
        <v>180</v>
      </c>
      <c r="F264" s="3" t="s">
        <v>180</v>
      </c>
      <c r="G264" s="3" t="s">
        <v>102</v>
      </c>
      <c r="H264" s="3">
        <v>2017</v>
      </c>
      <c r="I264" s="3" t="s">
        <v>103</v>
      </c>
      <c r="J264" s="3" t="s">
        <v>508</v>
      </c>
      <c r="K264" s="14">
        <v>43928</v>
      </c>
      <c r="L264" s="3" t="s">
        <v>1701</v>
      </c>
    </row>
    <row r="265" spans="1:12" x14ac:dyDescent="0.3">
      <c r="A265" s="11">
        <v>13367989</v>
      </c>
      <c r="B265" s="11">
        <v>4539023</v>
      </c>
      <c r="C265" s="22" t="str">
        <f t="shared" si="4"/>
        <v>https://support.microsoft.com/kb/4539023</v>
      </c>
      <c r="D265" s="3" t="s">
        <v>1702</v>
      </c>
      <c r="E265" s="3" t="s">
        <v>180</v>
      </c>
      <c r="F265" s="3" t="s">
        <v>180</v>
      </c>
      <c r="G265" s="3" t="s">
        <v>102</v>
      </c>
      <c r="H265" s="3">
        <v>2017</v>
      </c>
      <c r="I265" s="3" t="s">
        <v>103</v>
      </c>
      <c r="J265" s="3" t="s">
        <v>508</v>
      </c>
      <c r="K265" s="14">
        <v>43928</v>
      </c>
      <c r="L265" s="3" t="s">
        <v>1701</v>
      </c>
    </row>
    <row r="266" spans="1:12" x14ac:dyDescent="0.3">
      <c r="A266" s="11">
        <v>13378811</v>
      </c>
      <c r="B266" s="11">
        <v>4541283</v>
      </c>
      <c r="C266" s="22" t="str">
        <f t="shared" si="4"/>
        <v>https://support.microsoft.com/kb/4541283</v>
      </c>
      <c r="D266" s="3" t="s">
        <v>1703</v>
      </c>
      <c r="E266" s="3" t="s">
        <v>180</v>
      </c>
      <c r="F266" s="3" t="s">
        <v>180</v>
      </c>
      <c r="G266" s="3" t="s">
        <v>102</v>
      </c>
      <c r="H266" s="3">
        <v>2017</v>
      </c>
      <c r="I266" s="3" t="s">
        <v>103</v>
      </c>
      <c r="J266" s="3" t="s">
        <v>508</v>
      </c>
      <c r="K266" s="14">
        <v>43928</v>
      </c>
      <c r="L266" s="3" t="s">
        <v>1701</v>
      </c>
    </row>
    <row r="267" spans="1:12" x14ac:dyDescent="0.3">
      <c r="A267" s="11">
        <v>13378402</v>
      </c>
      <c r="B267" s="11">
        <v>4541283</v>
      </c>
      <c r="C267" s="22" t="str">
        <f t="shared" si="4"/>
        <v>https://support.microsoft.com/kb/4541283</v>
      </c>
      <c r="D267" s="3" t="s">
        <v>1704</v>
      </c>
      <c r="E267" s="3" t="s">
        <v>100</v>
      </c>
      <c r="F267" s="3" t="s">
        <v>214</v>
      </c>
      <c r="G267" s="3" t="s">
        <v>102</v>
      </c>
      <c r="H267" s="3">
        <v>2017</v>
      </c>
      <c r="I267" s="3" t="s">
        <v>103</v>
      </c>
      <c r="J267" s="3" t="s">
        <v>508</v>
      </c>
      <c r="K267" s="14">
        <v>43928</v>
      </c>
      <c r="L267" s="3" t="s">
        <v>1701</v>
      </c>
    </row>
    <row r="268" spans="1:12" x14ac:dyDescent="0.3">
      <c r="A268" s="11">
        <v>13421910</v>
      </c>
      <c r="B268" s="11">
        <v>4540901</v>
      </c>
      <c r="C268" s="22" t="str">
        <f t="shared" si="4"/>
        <v>https://support.microsoft.com/kb/4540901</v>
      </c>
      <c r="D268" s="3" t="s">
        <v>1705</v>
      </c>
      <c r="E268" s="3" t="s">
        <v>100</v>
      </c>
      <c r="F268" s="3" t="s">
        <v>137</v>
      </c>
      <c r="G268" s="3" t="s">
        <v>102</v>
      </c>
      <c r="H268" s="3">
        <v>2017</v>
      </c>
      <c r="I268" s="3" t="s">
        <v>103</v>
      </c>
      <c r="J268" s="3" t="s">
        <v>508</v>
      </c>
      <c r="K268" s="14">
        <v>43928</v>
      </c>
      <c r="L268" s="3" t="s">
        <v>1701</v>
      </c>
    </row>
    <row r="269" spans="1:12" x14ac:dyDescent="0.3">
      <c r="A269" s="11">
        <v>13361135</v>
      </c>
      <c r="B269" s="11">
        <v>4548523</v>
      </c>
      <c r="C269" s="22" t="str">
        <f t="shared" si="4"/>
        <v>https://support.microsoft.com/kb/4548523</v>
      </c>
      <c r="D269" s="3" t="s">
        <v>933</v>
      </c>
      <c r="E269" s="3" t="s">
        <v>100</v>
      </c>
      <c r="F269" s="3" t="s">
        <v>163</v>
      </c>
      <c r="G269" s="3" t="s">
        <v>105</v>
      </c>
      <c r="H269" s="3">
        <v>2017</v>
      </c>
      <c r="I269" s="3" t="s">
        <v>103</v>
      </c>
      <c r="J269" s="3" t="s">
        <v>508</v>
      </c>
      <c r="K269" s="14">
        <v>43928</v>
      </c>
      <c r="L269" s="3" t="s">
        <v>1701</v>
      </c>
    </row>
    <row r="270" spans="1:12" x14ac:dyDescent="0.3">
      <c r="A270" s="11">
        <v>13421864</v>
      </c>
      <c r="B270" s="11">
        <v>4541724</v>
      </c>
      <c r="C270" s="22" t="str">
        <f t="shared" si="4"/>
        <v>https://support.microsoft.com/kb/4541724</v>
      </c>
      <c r="D270" s="3" t="s">
        <v>1706</v>
      </c>
      <c r="E270" s="3" t="s">
        <v>100</v>
      </c>
      <c r="F270" s="3" t="s">
        <v>233</v>
      </c>
      <c r="G270" s="3" t="s">
        <v>102</v>
      </c>
      <c r="H270" s="3">
        <v>2017</v>
      </c>
      <c r="I270" s="3" t="s">
        <v>103</v>
      </c>
      <c r="J270" s="3" t="s">
        <v>508</v>
      </c>
      <c r="K270" s="14">
        <v>43928</v>
      </c>
      <c r="L270" s="3" t="s">
        <v>1701</v>
      </c>
    </row>
    <row r="271" spans="1:12" x14ac:dyDescent="0.3">
      <c r="A271" s="11">
        <v>13243017</v>
      </c>
      <c r="B271" s="11">
        <v>4532432</v>
      </c>
      <c r="C271" s="22" t="str">
        <f t="shared" si="4"/>
        <v>https://support.microsoft.com/kb/4532432</v>
      </c>
      <c r="D271" s="3" t="s">
        <v>1231</v>
      </c>
      <c r="E271" s="3" t="s">
        <v>100</v>
      </c>
      <c r="F271" s="3" t="s">
        <v>116</v>
      </c>
      <c r="G271" s="3" t="s">
        <v>116</v>
      </c>
      <c r="H271" s="3">
        <v>2017</v>
      </c>
      <c r="I271" s="3" t="s">
        <v>103</v>
      </c>
      <c r="J271" s="3" t="s">
        <v>508</v>
      </c>
      <c r="K271" s="14">
        <v>43928</v>
      </c>
      <c r="L271" s="3" t="s">
        <v>1701</v>
      </c>
    </row>
    <row r="272" spans="1:12" x14ac:dyDescent="0.3">
      <c r="A272" s="11">
        <v>13431247</v>
      </c>
      <c r="B272" s="11">
        <v>4541283</v>
      </c>
      <c r="C272" s="22" t="str">
        <f t="shared" si="4"/>
        <v>https://support.microsoft.com/kb/4541283</v>
      </c>
      <c r="D272" s="3" t="s">
        <v>1707</v>
      </c>
      <c r="E272" s="3" t="s">
        <v>100</v>
      </c>
      <c r="F272" s="3" t="s">
        <v>101</v>
      </c>
      <c r="G272" s="3" t="s">
        <v>102</v>
      </c>
      <c r="H272" s="3">
        <v>2017</v>
      </c>
      <c r="I272" s="3" t="s">
        <v>103</v>
      </c>
      <c r="J272" s="3" t="s">
        <v>508</v>
      </c>
      <c r="K272" s="14">
        <v>43928</v>
      </c>
      <c r="L272" s="3" t="s">
        <v>1701</v>
      </c>
    </row>
    <row r="273" spans="1:12" x14ac:dyDescent="0.3">
      <c r="A273" s="11">
        <v>13047035</v>
      </c>
      <c r="B273" s="11">
        <v>4551221</v>
      </c>
      <c r="C273" s="22" t="str">
        <f t="shared" si="4"/>
        <v>https://support.microsoft.com/kb/4551221</v>
      </c>
      <c r="D273" s="3" t="s">
        <v>1708</v>
      </c>
      <c r="E273" s="3" t="s">
        <v>100</v>
      </c>
      <c r="F273" s="3" t="s">
        <v>101</v>
      </c>
      <c r="G273" s="3" t="s">
        <v>102</v>
      </c>
      <c r="H273" s="3">
        <v>2017</v>
      </c>
      <c r="I273" s="3" t="s">
        <v>103</v>
      </c>
      <c r="J273" s="3" t="s">
        <v>508</v>
      </c>
      <c r="K273" s="14">
        <v>43928</v>
      </c>
      <c r="L273" s="3" t="s">
        <v>1701</v>
      </c>
    </row>
    <row r="274" spans="1:12" x14ac:dyDescent="0.3">
      <c r="A274" s="11">
        <v>13421879</v>
      </c>
      <c r="B274" s="11">
        <v>4541300</v>
      </c>
      <c r="C274" s="22" t="str">
        <f t="shared" si="4"/>
        <v>https://support.microsoft.com/kb/4541300</v>
      </c>
      <c r="D274" s="3" t="s">
        <v>1214</v>
      </c>
      <c r="E274" s="3" t="s">
        <v>100</v>
      </c>
      <c r="F274" s="3" t="s">
        <v>101</v>
      </c>
      <c r="G274" s="3" t="s">
        <v>102</v>
      </c>
      <c r="H274" s="3">
        <v>2017</v>
      </c>
      <c r="I274" s="3" t="s">
        <v>103</v>
      </c>
      <c r="J274" s="3" t="s">
        <v>508</v>
      </c>
      <c r="K274" s="14">
        <v>43928</v>
      </c>
      <c r="L274" s="3" t="s">
        <v>1701</v>
      </c>
    </row>
    <row r="275" spans="1:12" x14ac:dyDescent="0.3">
      <c r="A275" s="11">
        <v>13421855</v>
      </c>
      <c r="B275" s="11">
        <v>4541309</v>
      </c>
      <c r="C275" s="22" t="str">
        <f t="shared" si="4"/>
        <v>https://support.microsoft.com/kb/4541309</v>
      </c>
      <c r="D275" s="3" t="s">
        <v>1221</v>
      </c>
      <c r="E275" s="3" t="s">
        <v>100</v>
      </c>
      <c r="F275" s="3" t="s">
        <v>101</v>
      </c>
      <c r="G275" s="3" t="s">
        <v>102</v>
      </c>
      <c r="H275" s="3">
        <v>2017</v>
      </c>
      <c r="I275" s="3" t="s">
        <v>103</v>
      </c>
      <c r="J275" s="3" t="s">
        <v>508</v>
      </c>
      <c r="K275" s="14">
        <v>43928</v>
      </c>
      <c r="L275" s="3" t="s">
        <v>1701</v>
      </c>
    </row>
    <row r="276" spans="1:12" x14ac:dyDescent="0.3">
      <c r="A276" s="11">
        <v>13421857</v>
      </c>
      <c r="B276" s="11">
        <v>4541303</v>
      </c>
      <c r="C276" s="22" t="str">
        <f t="shared" si="4"/>
        <v>https://support.microsoft.com/kb/4541303</v>
      </c>
      <c r="D276" s="3" t="s">
        <v>1220</v>
      </c>
      <c r="E276" s="3" t="s">
        <v>100</v>
      </c>
      <c r="F276" s="3" t="s">
        <v>101</v>
      </c>
      <c r="G276" s="3" t="s">
        <v>102</v>
      </c>
      <c r="H276" s="3">
        <v>2017</v>
      </c>
      <c r="I276" s="3" t="s">
        <v>103</v>
      </c>
      <c r="J276" s="3" t="s">
        <v>508</v>
      </c>
      <c r="K276" s="14">
        <v>43928</v>
      </c>
      <c r="L276" s="3" t="s">
        <v>1701</v>
      </c>
    </row>
    <row r="277" spans="1:12" x14ac:dyDescent="0.3">
      <c r="A277" s="11">
        <v>13368462</v>
      </c>
      <c r="B277" s="11">
        <v>4541762</v>
      </c>
      <c r="C277" s="22" t="str">
        <f t="shared" si="4"/>
        <v>https://support.microsoft.com/kb/4541762</v>
      </c>
      <c r="D277" s="3" t="s">
        <v>1709</v>
      </c>
      <c r="E277" s="3" t="s">
        <v>100</v>
      </c>
      <c r="F277" s="3" t="s">
        <v>108</v>
      </c>
      <c r="G277" s="3" t="s">
        <v>102</v>
      </c>
      <c r="H277" s="3">
        <v>2017</v>
      </c>
      <c r="I277" s="3" t="s">
        <v>103</v>
      </c>
      <c r="J277" s="3" t="s">
        <v>508</v>
      </c>
      <c r="K277" s="14">
        <v>43928</v>
      </c>
      <c r="L277" s="3" t="s">
        <v>1701</v>
      </c>
    </row>
    <row r="278" spans="1:12" x14ac:dyDescent="0.3">
      <c r="A278" s="11">
        <v>13421885</v>
      </c>
      <c r="B278" s="11">
        <v>4540107</v>
      </c>
      <c r="C278" s="22" t="str">
        <f t="shared" si="4"/>
        <v>https://support.microsoft.com/kb/4540107</v>
      </c>
      <c r="D278" s="3" t="s">
        <v>1710</v>
      </c>
      <c r="E278" s="3" t="s">
        <v>100</v>
      </c>
      <c r="F278" s="3" t="s">
        <v>110</v>
      </c>
      <c r="G278" s="3" t="s">
        <v>102</v>
      </c>
      <c r="H278" s="3">
        <v>2017</v>
      </c>
      <c r="I278" s="3" t="s">
        <v>103</v>
      </c>
      <c r="J278" s="3" t="s">
        <v>508</v>
      </c>
      <c r="K278" s="14">
        <v>43928</v>
      </c>
      <c r="L278" s="3" t="s">
        <v>1701</v>
      </c>
    </row>
    <row r="279" spans="1:12" x14ac:dyDescent="0.3">
      <c r="A279" s="11">
        <v>13421915</v>
      </c>
      <c r="B279" s="11">
        <v>4540342</v>
      </c>
      <c r="C279" s="22" t="str">
        <f t="shared" si="4"/>
        <v>https://support.microsoft.com/kb/4540342</v>
      </c>
      <c r="D279" s="3" t="s">
        <v>1206</v>
      </c>
      <c r="E279" s="3" t="s">
        <v>100</v>
      </c>
      <c r="F279" s="3" t="s">
        <v>110</v>
      </c>
      <c r="G279" s="3" t="s">
        <v>102</v>
      </c>
      <c r="H279" s="3">
        <v>2017</v>
      </c>
      <c r="I279" s="3" t="s">
        <v>103</v>
      </c>
      <c r="J279" s="3" t="s">
        <v>508</v>
      </c>
      <c r="K279" s="14">
        <v>43928</v>
      </c>
      <c r="L279" s="3" t="s">
        <v>1701</v>
      </c>
    </row>
    <row r="280" spans="1:12" x14ac:dyDescent="0.3">
      <c r="A280" s="11">
        <v>13421906</v>
      </c>
      <c r="B280" s="11">
        <v>4540346</v>
      </c>
      <c r="C280" s="22" t="str">
        <f t="shared" si="4"/>
        <v>https://support.microsoft.com/kb/4540346</v>
      </c>
      <c r="D280" s="3" t="s">
        <v>1711</v>
      </c>
      <c r="E280" s="3" t="s">
        <v>100</v>
      </c>
      <c r="F280" s="3" t="s">
        <v>127</v>
      </c>
      <c r="G280" s="3" t="s">
        <v>102</v>
      </c>
      <c r="H280" s="3">
        <v>2017</v>
      </c>
      <c r="I280" s="3" t="s">
        <v>103</v>
      </c>
      <c r="J280" s="3" t="s">
        <v>508</v>
      </c>
      <c r="K280" s="14">
        <v>43928</v>
      </c>
      <c r="L280" s="3" t="s">
        <v>1701</v>
      </c>
    </row>
    <row r="281" spans="1:12" x14ac:dyDescent="0.3">
      <c r="A281" s="11">
        <v>13421868</v>
      </c>
      <c r="B281" s="11">
        <v>4539880</v>
      </c>
      <c r="C281" s="22" t="str">
        <f t="shared" si="4"/>
        <v>https://support.microsoft.com/kb/4539880</v>
      </c>
      <c r="D281" s="3" t="s">
        <v>1216</v>
      </c>
      <c r="E281" s="3" t="s">
        <v>100</v>
      </c>
      <c r="F281" s="3" t="s">
        <v>127</v>
      </c>
      <c r="G281" s="3" t="s">
        <v>102</v>
      </c>
      <c r="H281" s="3">
        <v>2017</v>
      </c>
      <c r="I281" s="3" t="s">
        <v>103</v>
      </c>
      <c r="J281" s="3" t="s">
        <v>508</v>
      </c>
      <c r="K281" s="14">
        <v>43928</v>
      </c>
      <c r="L281" s="3" t="s">
        <v>1701</v>
      </c>
    </row>
    <row r="282" spans="1:12" x14ac:dyDescent="0.3">
      <c r="A282" s="11">
        <v>12795916</v>
      </c>
      <c r="B282" s="11">
        <v>4551220</v>
      </c>
      <c r="C282" s="22" t="str">
        <f t="shared" si="4"/>
        <v>https://support.microsoft.com/kb/4551220</v>
      </c>
      <c r="D282" s="3" t="s">
        <v>1712</v>
      </c>
      <c r="E282" s="3" t="s">
        <v>100</v>
      </c>
      <c r="F282" s="3" t="s">
        <v>113</v>
      </c>
      <c r="G282" s="3" t="s">
        <v>105</v>
      </c>
      <c r="H282" s="3">
        <v>2017</v>
      </c>
      <c r="I282" s="3" t="s">
        <v>103</v>
      </c>
      <c r="J282" s="3" t="s">
        <v>508</v>
      </c>
      <c r="K282" s="14">
        <v>43928</v>
      </c>
      <c r="L282" s="3" t="s">
        <v>1701</v>
      </c>
    </row>
    <row r="283" spans="1:12" x14ac:dyDescent="0.3">
      <c r="A283" s="11">
        <v>13375414</v>
      </c>
      <c r="B283" s="11">
        <v>4541283</v>
      </c>
      <c r="C283" s="22" t="str">
        <f t="shared" si="4"/>
        <v>https://support.microsoft.com/kb/4541283</v>
      </c>
      <c r="D283" s="3" t="s">
        <v>1713</v>
      </c>
      <c r="E283" s="3" t="s">
        <v>100</v>
      </c>
      <c r="F283" s="3" t="s">
        <v>113</v>
      </c>
      <c r="G283" s="3" t="s">
        <v>102</v>
      </c>
      <c r="H283" s="3">
        <v>2017</v>
      </c>
      <c r="I283" s="3" t="s">
        <v>103</v>
      </c>
      <c r="J283" s="3" t="s">
        <v>508</v>
      </c>
      <c r="K283" s="14">
        <v>43928</v>
      </c>
      <c r="L283" s="3" t="s">
        <v>1701</v>
      </c>
    </row>
    <row r="284" spans="1:12" x14ac:dyDescent="0.3">
      <c r="A284" s="11">
        <v>13421859</v>
      </c>
      <c r="B284" s="11">
        <v>4541096</v>
      </c>
      <c r="C284" s="22" t="str">
        <f t="shared" si="4"/>
        <v>https://support.microsoft.com/kb/4541096</v>
      </c>
      <c r="D284" s="3" t="s">
        <v>1219</v>
      </c>
      <c r="E284" s="3" t="s">
        <v>100</v>
      </c>
      <c r="F284" s="3" t="s">
        <v>113</v>
      </c>
      <c r="G284" s="3" t="s">
        <v>105</v>
      </c>
      <c r="H284" s="3">
        <v>2017</v>
      </c>
      <c r="I284" s="3" t="s">
        <v>103</v>
      </c>
      <c r="J284" s="3" t="s">
        <v>508</v>
      </c>
      <c r="K284" s="14">
        <v>43928</v>
      </c>
      <c r="L284" s="3" t="s">
        <v>1701</v>
      </c>
    </row>
    <row r="285" spans="1:12" x14ac:dyDescent="0.3">
      <c r="A285" s="11">
        <v>13380148</v>
      </c>
      <c r="B285" s="11">
        <v>4541283</v>
      </c>
      <c r="C285" s="22" t="str">
        <f t="shared" si="4"/>
        <v>https://support.microsoft.com/kb/4541283</v>
      </c>
      <c r="D285" s="3" t="s">
        <v>1714</v>
      </c>
      <c r="E285" s="3" t="s">
        <v>100</v>
      </c>
      <c r="F285" s="3" t="s">
        <v>113</v>
      </c>
      <c r="G285" s="3" t="s">
        <v>102</v>
      </c>
      <c r="H285" s="3">
        <v>2017</v>
      </c>
      <c r="I285" s="3" t="s">
        <v>103</v>
      </c>
      <c r="J285" s="3" t="s">
        <v>508</v>
      </c>
      <c r="K285" s="14">
        <v>43928</v>
      </c>
      <c r="L285" s="3" t="s">
        <v>1701</v>
      </c>
    </row>
    <row r="286" spans="1:12" x14ac:dyDescent="0.3">
      <c r="A286" s="11">
        <v>13421851</v>
      </c>
      <c r="B286" s="11">
        <v>4543027</v>
      </c>
      <c r="C286" s="22" t="str">
        <f t="shared" si="4"/>
        <v>https://support.microsoft.com/kb/4543027</v>
      </c>
      <c r="D286" s="3" t="s">
        <v>1715</v>
      </c>
      <c r="E286" s="3" t="s">
        <v>100</v>
      </c>
      <c r="F286" s="3" t="s">
        <v>113</v>
      </c>
      <c r="G286" s="3" t="s">
        <v>105</v>
      </c>
      <c r="H286" s="3">
        <v>2017</v>
      </c>
      <c r="I286" s="3" t="s">
        <v>103</v>
      </c>
      <c r="J286" s="3" t="s">
        <v>508</v>
      </c>
      <c r="K286" s="14">
        <v>43928</v>
      </c>
      <c r="L286" s="3" t="s">
        <v>1701</v>
      </c>
    </row>
    <row r="287" spans="1:12" x14ac:dyDescent="0.3">
      <c r="A287" s="11">
        <v>13388961</v>
      </c>
      <c r="B287" s="11">
        <v>4552478</v>
      </c>
      <c r="C287" s="22" t="str">
        <f t="shared" si="4"/>
        <v>https://support.microsoft.com/kb/4552478</v>
      </c>
      <c r="D287" s="3" t="s">
        <v>1175</v>
      </c>
      <c r="E287" s="3" t="s">
        <v>100</v>
      </c>
      <c r="F287" s="3" t="s">
        <v>120</v>
      </c>
      <c r="G287" s="3" t="s">
        <v>102</v>
      </c>
      <c r="H287" s="3">
        <v>2017</v>
      </c>
      <c r="I287" s="3" t="s">
        <v>103</v>
      </c>
      <c r="J287" s="3" t="s">
        <v>508</v>
      </c>
      <c r="K287" s="14">
        <v>43928</v>
      </c>
      <c r="L287" s="3" t="s">
        <v>1701</v>
      </c>
    </row>
    <row r="288" spans="1:12" x14ac:dyDescent="0.3">
      <c r="A288" s="11">
        <v>13421877</v>
      </c>
      <c r="B288" s="11">
        <v>4541283</v>
      </c>
      <c r="C288" s="22" t="str">
        <f t="shared" si="4"/>
        <v>https://support.microsoft.com/kb/4541283</v>
      </c>
      <c r="D288" s="3" t="s">
        <v>1716</v>
      </c>
      <c r="E288" s="3" t="s">
        <v>100</v>
      </c>
      <c r="F288" s="3" t="s">
        <v>120</v>
      </c>
      <c r="G288" s="3" t="s">
        <v>102</v>
      </c>
      <c r="H288" s="3">
        <v>2017</v>
      </c>
      <c r="I288" s="3" t="s">
        <v>103</v>
      </c>
      <c r="J288" s="3" t="s">
        <v>508</v>
      </c>
      <c r="K288" s="14">
        <v>43928</v>
      </c>
      <c r="L288" s="3" t="s">
        <v>1701</v>
      </c>
    </row>
    <row r="289" spans="1:12" x14ac:dyDescent="0.3">
      <c r="A289" s="11">
        <v>13421901</v>
      </c>
      <c r="B289" s="11">
        <v>4540903</v>
      </c>
      <c r="C289" s="22" t="str">
        <f t="shared" si="4"/>
        <v>https://support.microsoft.com/kb/4540903</v>
      </c>
      <c r="D289" s="3" t="s">
        <v>1717</v>
      </c>
      <c r="E289" s="3" t="s">
        <v>100</v>
      </c>
      <c r="F289" s="3" t="s">
        <v>120</v>
      </c>
      <c r="G289" s="3" t="s">
        <v>102</v>
      </c>
      <c r="H289" s="3">
        <v>2017</v>
      </c>
      <c r="I289" s="3" t="s">
        <v>103</v>
      </c>
      <c r="J289" s="3" t="s">
        <v>508</v>
      </c>
      <c r="K289" s="14">
        <v>43928</v>
      </c>
      <c r="L289" s="3" t="s">
        <v>1701</v>
      </c>
    </row>
    <row r="290" spans="1:12" x14ac:dyDescent="0.3">
      <c r="A290" s="11">
        <v>13421888</v>
      </c>
      <c r="B290" s="11">
        <v>4539815</v>
      </c>
      <c r="C290" s="22" t="str">
        <f t="shared" si="4"/>
        <v>https://support.microsoft.com/kb/4539815</v>
      </c>
      <c r="D290" s="3" t="s">
        <v>1211</v>
      </c>
      <c r="E290" s="3" t="s">
        <v>100</v>
      </c>
      <c r="F290" s="3" t="s">
        <v>120</v>
      </c>
      <c r="G290" s="3" t="s">
        <v>102</v>
      </c>
      <c r="H290" s="3">
        <v>2017</v>
      </c>
      <c r="I290" s="3" t="s">
        <v>103</v>
      </c>
      <c r="J290" s="3" t="s">
        <v>508</v>
      </c>
      <c r="K290" s="14">
        <v>43928</v>
      </c>
      <c r="L290" s="3" t="s">
        <v>1701</v>
      </c>
    </row>
    <row r="291" spans="1:12" x14ac:dyDescent="0.3">
      <c r="A291" s="11">
        <v>13421862</v>
      </c>
      <c r="B291" s="11">
        <v>4541520</v>
      </c>
      <c r="C291" s="22" t="str">
        <f t="shared" si="4"/>
        <v>https://support.microsoft.com/kb/4541520</v>
      </c>
      <c r="D291" s="3" t="s">
        <v>1218</v>
      </c>
      <c r="E291" s="3" t="s">
        <v>100</v>
      </c>
      <c r="F291" s="3" t="s">
        <v>794</v>
      </c>
      <c r="G291" s="3" t="s">
        <v>102</v>
      </c>
      <c r="H291" s="3">
        <v>2017</v>
      </c>
      <c r="I291" s="3" t="s">
        <v>103</v>
      </c>
      <c r="J291" s="3" t="s">
        <v>508</v>
      </c>
      <c r="K291" s="14">
        <v>43928</v>
      </c>
      <c r="L291" s="3" t="s">
        <v>1701</v>
      </c>
    </row>
    <row r="292" spans="1:12" x14ac:dyDescent="0.3">
      <c r="A292" s="11">
        <v>13091545</v>
      </c>
      <c r="B292" s="11">
        <v>4506023</v>
      </c>
      <c r="C292" s="22" t="str">
        <f t="shared" si="4"/>
        <v>https://support.microsoft.com/kb/4506023</v>
      </c>
      <c r="D292" s="3" t="s">
        <v>1718</v>
      </c>
      <c r="E292" s="3" t="s">
        <v>100</v>
      </c>
      <c r="F292" s="3" t="s">
        <v>782</v>
      </c>
      <c r="G292" s="3" t="s">
        <v>105</v>
      </c>
      <c r="H292" s="3">
        <v>2017</v>
      </c>
      <c r="I292" s="3" t="s">
        <v>103</v>
      </c>
      <c r="J292" s="3" t="s">
        <v>508</v>
      </c>
      <c r="K292" s="14">
        <v>43928</v>
      </c>
      <c r="L292" s="3" t="s">
        <v>1701</v>
      </c>
    </row>
    <row r="293" spans="1:12" x14ac:dyDescent="0.3">
      <c r="A293" s="11">
        <v>13359750</v>
      </c>
      <c r="B293" s="11">
        <v>4541132</v>
      </c>
      <c r="C293" s="22" t="str">
        <f t="shared" si="4"/>
        <v>https://support.microsoft.com/kb/4541132</v>
      </c>
      <c r="D293" s="3" t="s">
        <v>1719</v>
      </c>
      <c r="E293" s="3" t="s">
        <v>100</v>
      </c>
      <c r="F293" s="3" t="s">
        <v>145</v>
      </c>
      <c r="G293" s="3" t="s">
        <v>105</v>
      </c>
      <c r="H293" s="3">
        <v>2017</v>
      </c>
      <c r="I293" s="3" t="s">
        <v>103</v>
      </c>
      <c r="J293" s="3" t="s">
        <v>508</v>
      </c>
      <c r="K293" s="14">
        <v>43928</v>
      </c>
      <c r="L293" s="3" t="s">
        <v>1701</v>
      </c>
    </row>
    <row r="294" spans="1:12" x14ac:dyDescent="0.3">
      <c r="A294" s="11">
        <v>13398892</v>
      </c>
      <c r="B294" s="11">
        <v>4541283</v>
      </c>
      <c r="C294" s="22" t="str">
        <f t="shared" si="4"/>
        <v>https://support.microsoft.com/kb/4541283</v>
      </c>
      <c r="D294" s="3" t="s">
        <v>1720</v>
      </c>
      <c r="E294" s="3" t="s">
        <v>100</v>
      </c>
      <c r="F294" s="3" t="s">
        <v>145</v>
      </c>
      <c r="G294" s="3" t="s">
        <v>116</v>
      </c>
      <c r="H294" s="3">
        <v>2017</v>
      </c>
      <c r="I294" s="3" t="s">
        <v>103</v>
      </c>
      <c r="J294" s="3" t="s">
        <v>508</v>
      </c>
      <c r="K294" s="14">
        <v>43928</v>
      </c>
      <c r="L294" s="3" t="s">
        <v>1701</v>
      </c>
    </row>
    <row r="295" spans="1:12" x14ac:dyDescent="0.3">
      <c r="A295" s="11">
        <v>13401115</v>
      </c>
      <c r="B295" s="11">
        <v>4536005</v>
      </c>
      <c r="C295" s="22" t="str">
        <f t="shared" si="4"/>
        <v>https://support.microsoft.com/kb/4536005</v>
      </c>
      <c r="D295" s="3" t="s">
        <v>1721</v>
      </c>
      <c r="E295" s="3" t="s">
        <v>100</v>
      </c>
      <c r="F295" s="3" t="s">
        <v>145</v>
      </c>
      <c r="G295" s="3" t="s">
        <v>105</v>
      </c>
      <c r="H295" s="3">
        <v>2017</v>
      </c>
      <c r="I295" s="3" t="s">
        <v>103</v>
      </c>
      <c r="J295" s="3" t="s">
        <v>508</v>
      </c>
      <c r="K295" s="14">
        <v>43928</v>
      </c>
      <c r="L295" s="3" t="s">
        <v>1701</v>
      </c>
    </row>
    <row r="296" spans="1:12" x14ac:dyDescent="0.3">
      <c r="A296" s="11">
        <v>13431232</v>
      </c>
      <c r="B296" s="11">
        <v>4541283</v>
      </c>
      <c r="C296" s="22" t="str">
        <f t="shared" si="4"/>
        <v>https://support.microsoft.com/kb/4541283</v>
      </c>
      <c r="D296" s="3" t="s">
        <v>1722</v>
      </c>
      <c r="E296" s="3" t="s">
        <v>100</v>
      </c>
      <c r="F296" s="3" t="s">
        <v>145</v>
      </c>
      <c r="G296" s="3" t="s">
        <v>105</v>
      </c>
      <c r="H296" s="3">
        <v>2017</v>
      </c>
      <c r="I296" s="3" t="s">
        <v>103</v>
      </c>
      <c r="J296" s="3" t="s">
        <v>508</v>
      </c>
      <c r="K296" s="14">
        <v>43928</v>
      </c>
      <c r="L296" s="3" t="s">
        <v>1701</v>
      </c>
    </row>
    <row r="297" spans="1:12" x14ac:dyDescent="0.3">
      <c r="A297" s="11">
        <v>13434971</v>
      </c>
      <c r="B297" s="11">
        <v>4551720</v>
      </c>
      <c r="C297" s="22" t="str">
        <f t="shared" si="4"/>
        <v>https://support.microsoft.com/kb/4551720</v>
      </c>
      <c r="D297" s="3" t="s">
        <v>1723</v>
      </c>
      <c r="E297" s="3" t="s">
        <v>100</v>
      </c>
      <c r="F297" s="3" t="s">
        <v>145</v>
      </c>
      <c r="G297" s="3" t="s">
        <v>105</v>
      </c>
      <c r="H297" s="3">
        <v>2017</v>
      </c>
      <c r="I297" s="3" t="s">
        <v>103</v>
      </c>
      <c r="J297" s="3" t="s">
        <v>508</v>
      </c>
      <c r="K297" s="14">
        <v>43928</v>
      </c>
      <c r="L297" s="3" t="s">
        <v>1701</v>
      </c>
    </row>
    <row r="298" spans="1:12" x14ac:dyDescent="0.3">
      <c r="A298" s="11">
        <v>13421875</v>
      </c>
      <c r="B298" s="11">
        <v>4541435</v>
      </c>
      <c r="C298" s="22" t="str">
        <f t="shared" si="4"/>
        <v>https://support.microsoft.com/kb/4541435</v>
      </c>
      <c r="D298" s="3" t="s">
        <v>1215</v>
      </c>
      <c r="E298" s="3" t="s">
        <v>100</v>
      </c>
      <c r="F298" s="3" t="s">
        <v>1009</v>
      </c>
      <c r="G298" s="3" t="s">
        <v>102</v>
      </c>
      <c r="H298" s="3">
        <v>2017</v>
      </c>
      <c r="I298" s="3" t="s">
        <v>103</v>
      </c>
      <c r="J298" s="3" t="s">
        <v>508</v>
      </c>
      <c r="K298" s="14">
        <v>43928</v>
      </c>
      <c r="L298" s="3" t="s">
        <v>1701</v>
      </c>
    </row>
    <row r="299" spans="1:12" x14ac:dyDescent="0.3">
      <c r="A299" s="11">
        <v>13421881</v>
      </c>
      <c r="B299" s="11">
        <v>4541770</v>
      </c>
      <c r="C299" s="22" t="str">
        <f t="shared" si="4"/>
        <v>https://support.microsoft.com/kb/4541770</v>
      </c>
      <c r="D299" s="3" t="s">
        <v>1724</v>
      </c>
      <c r="E299" s="3" t="s">
        <v>100</v>
      </c>
      <c r="F299" s="3" t="s">
        <v>165</v>
      </c>
      <c r="G299" s="3" t="s">
        <v>102</v>
      </c>
      <c r="H299" s="3">
        <v>2017</v>
      </c>
      <c r="I299" s="3" t="s">
        <v>103</v>
      </c>
      <c r="J299" s="3" t="s">
        <v>508</v>
      </c>
      <c r="K299" s="14">
        <v>43928</v>
      </c>
      <c r="L299" s="3" t="s">
        <v>1701</v>
      </c>
    </row>
    <row r="300" spans="1:12" x14ac:dyDescent="0.3">
      <c r="A300" s="11">
        <v>13323994</v>
      </c>
      <c r="B300" s="11">
        <v>4527355</v>
      </c>
      <c r="C300" s="22" t="str">
        <f t="shared" si="4"/>
        <v>https://support.microsoft.com/kb/4527355</v>
      </c>
      <c r="D300" s="3" t="s">
        <v>1312</v>
      </c>
      <c r="E300" s="3" t="s">
        <v>180</v>
      </c>
      <c r="F300" s="3" t="s">
        <v>180</v>
      </c>
      <c r="G300" s="3" t="s">
        <v>102</v>
      </c>
      <c r="H300" s="3">
        <v>2017</v>
      </c>
      <c r="I300" s="3" t="s">
        <v>103</v>
      </c>
      <c r="J300" s="3" t="s">
        <v>510</v>
      </c>
      <c r="K300" s="14">
        <v>43867</v>
      </c>
      <c r="L300" s="3" t="s">
        <v>1440</v>
      </c>
    </row>
    <row r="301" spans="1:12" x14ac:dyDescent="0.3">
      <c r="A301" s="11">
        <v>13324020</v>
      </c>
      <c r="B301" s="11">
        <v>4530475</v>
      </c>
      <c r="C301" s="22" t="str">
        <f t="shared" si="4"/>
        <v>https://support.microsoft.com/kb/4530475</v>
      </c>
      <c r="D301" s="3" t="s">
        <v>1725</v>
      </c>
      <c r="E301" s="3" t="s">
        <v>180</v>
      </c>
      <c r="F301" s="3" t="s">
        <v>180</v>
      </c>
      <c r="G301" s="3" t="s">
        <v>102</v>
      </c>
      <c r="H301" s="3">
        <v>2017</v>
      </c>
      <c r="I301" s="3" t="s">
        <v>103</v>
      </c>
      <c r="J301" s="3" t="s">
        <v>510</v>
      </c>
      <c r="K301" s="14">
        <v>43867</v>
      </c>
      <c r="L301" s="3" t="s">
        <v>1440</v>
      </c>
    </row>
    <row r="302" spans="1:12" x14ac:dyDescent="0.3">
      <c r="A302" s="11">
        <v>13324006</v>
      </c>
      <c r="B302" s="11">
        <v>4529876</v>
      </c>
      <c r="C302" s="22" t="str">
        <f t="shared" si="4"/>
        <v>https://support.microsoft.com/kb/4529876</v>
      </c>
      <c r="D302" s="3" t="s">
        <v>1726</v>
      </c>
      <c r="E302" s="3" t="s">
        <v>180</v>
      </c>
      <c r="F302" s="3" t="s">
        <v>180</v>
      </c>
      <c r="G302" s="3" t="s">
        <v>102</v>
      </c>
      <c r="H302" s="3">
        <v>2017</v>
      </c>
      <c r="I302" s="3" t="s">
        <v>103</v>
      </c>
      <c r="J302" s="3" t="s">
        <v>510</v>
      </c>
      <c r="K302" s="14">
        <v>43867</v>
      </c>
      <c r="L302" s="3" t="s">
        <v>1440</v>
      </c>
    </row>
    <row r="303" spans="1:12" x14ac:dyDescent="0.3">
      <c r="A303" s="11">
        <v>13323998</v>
      </c>
      <c r="B303" s="11">
        <v>4524542</v>
      </c>
      <c r="C303" s="22" t="str">
        <f t="shared" si="4"/>
        <v>https://support.microsoft.com/kb/4524542</v>
      </c>
      <c r="D303" s="3" t="s">
        <v>1727</v>
      </c>
      <c r="E303" s="3" t="s">
        <v>217</v>
      </c>
      <c r="F303" s="3" t="s">
        <v>276</v>
      </c>
      <c r="G303" s="3" t="s">
        <v>102</v>
      </c>
      <c r="H303" s="3">
        <v>2017</v>
      </c>
      <c r="I303" s="3" t="s">
        <v>103</v>
      </c>
      <c r="J303" s="3" t="s">
        <v>510</v>
      </c>
      <c r="K303" s="14">
        <v>43867</v>
      </c>
      <c r="L303" s="3" t="s">
        <v>1440</v>
      </c>
    </row>
    <row r="304" spans="1:12" x14ac:dyDescent="0.3">
      <c r="A304" s="11">
        <v>13356804</v>
      </c>
      <c r="B304" s="11">
        <v>4538447</v>
      </c>
      <c r="C304" s="22" t="str">
        <f t="shared" si="4"/>
        <v>https://support.microsoft.com/kb/4538447</v>
      </c>
      <c r="D304" s="3" t="s">
        <v>1728</v>
      </c>
      <c r="E304" s="3" t="s">
        <v>380</v>
      </c>
      <c r="F304" s="3" t="s">
        <v>380</v>
      </c>
      <c r="G304" s="3" t="s">
        <v>102</v>
      </c>
      <c r="H304" s="3">
        <v>2017</v>
      </c>
      <c r="I304" s="3" t="s">
        <v>103</v>
      </c>
      <c r="J304" s="3" t="s">
        <v>510</v>
      </c>
      <c r="K304" s="14">
        <v>43867</v>
      </c>
      <c r="L304" s="3" t="s">
        <v>1440</v>
      </c>
    </row>
    <row r="305" spans="1:12" x14ac:dyDescent="0.3">
      <c r="A305" s="11">
        <v>13320404</v>
      </c>
      <c r="B305" s="11">
        <v>4534893</v>
      </c>
      <c r="C305" s="22" t="str">
        <f t="shared" si="4"/>
        <v>https://support.microsoft.com/kb/4534893</v>
      </c>
      <c r="D305" s="3" t="s">
        <v>1729</v>
      </c>
      <c r="E305" s="3" t="s">
        <v>380</v>
      </c>
      <c r="F305" s="3" t="s">
        <v>992</v>
      </c>
      <c r="G305" s="3" t="s">
        <v>102</v>
      </c>
      <c r="H305" s="3">
        <v>2017</v>
      </c>
      <c r="I305" s="3" t="s">
        <v>103</v>
      </c>
      <c r="J305" s="3" t="s">
        <v>510</v>
      </c>
      <c r="K305" s="14">
        <v>43867</v>
      </c>
      <c r="L305" s="3" t="s">
        <v>1440</v>
      </c>
    </row>
    <row r="306" spans="1:12" x14ac:dyDescent="0.3">
      <c r="A306" s="11">
        <v>13200685</v>
      </c>
      <c r="B306" s="11">
        <v>4523102</v>
      </c>
      <c r="C306" s="22" t="str">
        <f t="shared" si="4"/>
        <v>https://support.microsoft.com/kb/4523102</v>
      </c>
      <c r="D306" s="3" t="s">
        <v>1730</v>
      </c>
      <c r="E306" s="3" t="s">
        <v>100</v>
      </c>
      <c r="F306" s="3" t="s">
        <v>123</v>
      </c>
      <c r="G306" s="3" t="s">
        <v>102</v>
      </c>
      <c r="H306" s="3">
        <v>2017</v>
      </c>
      <c r="I306" s="3" t="s">
        <v>103</v>
      </c>
      <c r="J306" s="3" t="s">
        <v>510</v>
      </c>
      <c r="K306" s="14">
        <v>43867</v>
      </c>
      <c r="L306" s="3" t="s">
        <v>1440</v>
      </c>
    </row>
    <row r="307" spans="1:12" x14ac:dyDescent="0.3">
      <c r="A307" s="11">
        <v>13324014</v>
      </c>
      <c r="B307" s="11">
        <v>4528066</v>
      </c>
      <c r="C307" s="22" t="str">
        <f t="shared" si="4"/>
        <v>https://support.microsoft.com/kb/4528066</v>
      </c>
      <c r="D307" s="3" t="s">
        <v>1731</v>
      </c>
      <c r="E307" s="3" t="s">
        <v>100</v>
      </c>
      <c r="F307" s="3" t="s">
        <v>214</v>
      </c>
      <c r="G307" s="3" t="s">
        <v>102</v>
      </c>
      <c r="H307" s="3">
        <v>2017</v>
      </c>
      <c r="I307" s="3" t="s">
        <v>103</v>
      </c>
      <c r="J307" s="3" t="s">
        <v>510</v>
      </c>
      <c r="K307" s="14">
        <v>43867</v>
      </c>
      <c r="L307" s="3" t="s">
        <v>1440</v>
      </c>
    </row>
    <row r="308" spans="1:12" x14ac:dyDescent="0.3">
      <c r="A308" s="11">
        <v>13336052</v>
      </c>
      <c r="B308" s="11">
        <v>4537350</v>
      </c>
      <c r="C308" s="22" t="str">
        <f t="shared" si="4"/>
        <v>https://support.microsoft.com/kb/4537350</v>
      </c>
      <c r="D308" s="3" t="s">
        <v>1732</v>
      </c>
      <c r="E308" s="3" t="s">
        <v>100</v>
      </c>
      <c r="F308" s="3" t="s">
        <v>214</v>
      </c>
      <c r="G308" s="3" t="s">
        <v>102</v>
      </c>
      <c r="H308" s="3">
        <v>2017</v>
      </c>
      <c r="I308" s="3" t="s">
        <v>103</v>
      </c>
      <c r="J308" s="3" t="s">
        <v>510</v>
      </c>
      <c r="K308" s="14">
        <v>43867</v>
      </c>
      <c r="L308" s="3" t="s">
        <v>1440</v>
      </c>
    </row>
    <row r="309" spans="1:12" x14ac:dyDescent="0.3">
      <c r="A309" s="11">
        <v>13324012</v>
      </c>
      <c r="B309" s="11">
        <v>4528067</v>
      </c>
      <c r="C309" s="22" t="str">
        <f t="shared" si="4"/>
        <v>https://support.microsoft.com/kb/4528067</v>
      </c>
      <c r="D309" s="3" t="s">
        <v>1305</v>
      </c>
      <c r="E309" s="3" t="s">
        <v>100</v>
      </c>
      <c r="F309" s="3" t="s">
        <v>214</v>
      </c>
      <c r="G309" s="3" t="s">
        <v>102</v>
      </c>
      <c r="H309" s="3">
        <v>2017</v>
      </c>
      <c r="I309" s="3" t="s">
        <v>103</v>
      </c>
      <c r="J309" s="3" t="s">
        <v>510</v>
      </c>
      <c r="K309" s="14">
        <v>43867</v>
      </c>
      <c r="L309" s="3" t="s">
        <v>1440</v>
      </c>
    </row>
    <row r="310" spans="1:12" x14ac:dyDescent="0.3">
      <c r="A310" s="11">
        <v>13293961</v>
      </c>
      <c r="B310" s="11">
        <v>4538377</v>
      </c>
      <c r="C310" s="22" t="str">
        <f t="shared" si="4"/>
        <v>https://support.microsoft.com/kb/4538377</v>
      </c>
      <c r="D310" s="3" t="s">
        <v>1733</v>
      </c>
      <c r="E310" s="3" t="s">
        <v>100</v>
      </c>
      <c r="F310" s="3" t="s">
        <v>214</v>
      </c>
      <c r="G310" s="3" t="s">
        <v>102</v>
      </c>
      <c r="H310" s="3">
        <v>2017</v>
      </c>
      <c r="I310" s="3" t="s">
        <v>103</v>
      </c>
      <c r="J310" s="3" t="s">
        <v>510</v>
      </c>
      <c r="K310" s="14">
        <v>43867</v>
      </c>
      <c r="L310" s="3" t="s">
        <v>1440</v>
      </c>
    </row>
    <row r="311" spans="1:12" x14ac:dyDescent="0.3">
      <c r="A311" s="11">
        <v>13264329</v>
      </c>
      <c r="B311" s="11">
        <v>4538205</v>
      </c>
      <c r="C311" s="22" t="str">
        <f t="shared" si="4"/>
        <v>https://support.microsoft.com/kb/4538205</v>
      </c>
      <c r="D311" s="3" t="s">
        <v>1290</v>
      </c>
      <c r="E311" s="3" t="s">
        <v>100</v>
      </c>
      <c r="F311" s="3" t="s">
        <v>125</v>
      </c>
      <c r="G311" s="3" t="s">
        <v>102</v>
      </c>
      <c r="H311" s="3">
        <v>2017</v>
      </c>
      <c r="I311" s="3" t="s">
        <v>103</v>
      </c>
      <c r="J311" s="3" t="s">
        <v>510</v>
      </c>
      <c r="K311" s="14">
        <v>43867</v>
      </c>
      <c r="L311" s="3" t="s">
        <v>1440</v>
      </c>
    </row>
    <row r="312" spans="1:12" x14ac:dyDescent="0.3">
      <c r="A312" s="11">
        <v>13323986</v>
      </c>
      <c r="B312" s="11">
        <v>4528250</v>
      </c>
      <c r="C312" s="22" t="str">
        <f t="shared" si="4"/>
        <v>https://support.microsoft.com/kb/4528250</v>
      </c>
      <c r="D312" s="3" t="s">
        <v>1734</v>
      </c>
      <c r="E312" s="3" t="s">
        <v>100</v>
      </c>
      <c r="F312" s="3" t="s">
        <v>233</v>
      </c>
      <c r="G312" s="3" t="s">
        <v>102</v>
      </c>
      <c r="H312" s="3">
        <v>2017</v>
      </c>
      <c r="I312" s="3" t="s">
        <v>103</v>
      </c>
      <c r="J312" s="3" t="s">
        <v>510</v>
      </c>
      <c r="K312" s="14">
        <v>43867</v>
      </c>
      <c r="L312" s="3" t="s">
        <v>1440</v>
      </c>
    </row>
    <row r="313" spans="1:12" x14ac:dyDescent="0.3">
      <c r="A313" s="11">
        <v>13315613</v>
      </c>
      <c r="B313" s="11">
        <v>4538275</v>
      </c>
      <c r="C313" s="22" t="str">
        <f t="shared" si="4"/>
        <v>https://support.microsoft.com/kb/4538275</v>
      </c>
      <c r="D313" s="3" t="s">
        <v>1735</v>
      </c>
      <c r="E313" s="3" t="s">
        <v>100</v>
      </c>
      <c r="F313" s="3" t="s">
        <v>101</v>
      </c>
      <c r="G313" s="3" t="s">
        <v>116</v>
      </c>
      <c r="H313" s="3">
        <v>2017</v>
      </c>
      <c r="I313" s="3" t="s">
        <v>103</v>
      </c>
      <c r="J313" s="3" t="s">
        <v>510</v>
      </c>
      <c r="K313" s="14">
        <v>43867</v>
      </c>
      <c r="L313" s="3" t="s">
        <v>1440</v>
      </c>
    </row>
    <row r="314" spans="1:12" x14ac:dyDescent="0.3">
      <c r="A314" s="11">
        <v>13325751</v>
      </c>
      <c r="B314" s="11">
        <v>4538174</v>
      </c>
      <c r="C314" s="22" t="str">
        <f t="shared" si="4"/>
        <v>https://support.microsoft.com/kb/4538174</v>
      </c>
      <c r="D314" s="3" t="s">
        <v>1276</v>
      </c>
      <c r="E314" s="3" t="s">
        <v>100</v>
      </c>
      <c r="F314" s="3" t="s">
        <v>101</v>
      </c>
      <c r="G314" s="3" t="s">
        <v>116</v>
      </c>
      <c r="H314" s="3">
        <v>2017</v>
      </c>
      <c r="I314" s="3" t="s">
        <v>103</v>
      </c>
      <c r="J314" s="3" t="s">
        <v>510</v>
      </c>
      <c r="K314" s="14">
        <v>43867</v>
      </c>
      <c r="L314" s="3" t="s">
        <v>1440</v>
      </c>
    </row>
    <row r="315" spans="1:12" x14ac:dyDescent="0.3">
      <c r="A315" s="11">
        <v>13358148</v>
      </c>
      <c r="B315" s="11">
        <v>4538849</v>
      </c>
      <c r="C315" s="22" t="str">
        <f t="shared" si="4"/>
        <v>https://support.microsoft.com/kb/4538849</v>
      </c>
      <c r="D315" s="3" t="s">
        <v>1736</v>
      </c>
      <c r="E315" s="3" t="s">
        <v>100</v>
      </c>
      <c r="F315" s="3" t="s">
        <v>101</v>
      </c>
      <c r="G315" s="3" t="s">
        <v>102</v>
      </c>
      <c r="H315" s="3">
        <v>2017</v>
      </c>
      <c r="I315" s="3" t="s">
        <v>103</v>
      </c>
      <c r="J315" s="3" t="s">
        <v>510</v>
      </c>
      <c r="K315" s="14">
        <v>43867</v>
      </c>
      <c r="L315" s="3" t="s">
        <v>1440</v>
      </c>
    </row>
    <row r="316" spans="1:12" x14ac:dyDescent="0.3">
      <c r="A316" s="11">
        <v>13356506</v>
      </c>
      <c r="B316" s="11">
        <v>4538356</v>
      </c>
      <c r="C316" s="22" t="str">
        <f t="shared" si="4"/>
        <v>https://support.microsoft.com/kb/4538356</v>
      </c>
      <c r="D316" s="3" t="s">
        <v>1737</v>
      </c>
      <c r="E316" s="3" t="s">
        <v>100</v>
      </c>
      <c r="F316" s="3" t="s">
        <v>101</v>
      </c>
      <c r="G316" s="3" t="s">
        <v>116</v>
      </c>
      <c r="H316" s="3">
        <v>2017</v>
      </c>
      <c r="I316" s="3" t="s">
        <v>103</v>
      </c>
      <c r="J316" s="3" t="s">
        <v>510</v>
      </c>
      <c r="K316" s="14">
        <v>43867</v>
      </c>
      <c r="L316" s="3" t="s">
        <v>1440</v>
      </c>
    </row>
    <row r="317" spans="1:12" x14ac:dyDescent="0.3">
      <c r="A317" s="11">
        <v>13298386</v>
      </c>
      <c r="B317" s="11">
        <v>4538268</v>
      </c>
      <c r="C317" s="22" t="str">
        <f t="shared" si="4"/>
        <v>https://support.microsoft.com/kb/4538268</v>
      </c>
      <c r="D317" s="3" t="s">
        <v>1738</v>
      </c>
      <c r="E317" s="3" t="s">
        <v>100</v>
      </c>
      <c r="F317" s="3" t="s">
        <v>127</v>
      </c>
      <c r="G317" s="3" t="s">
        <v>105</v>
      </c>
      <c r="H317" s="3">
        <v>2017</v>
      </c>
      <c r="I317" s="3" t="s">
        <v>103</v>
      </c>
      <c r="J317" s="3" t="s">
        <v>510</v>
      </c>
      <c r="K317" s="14">
        <v>43867</v>
      </c>
      <c r="L317" s="3" t="s">
        <v>1440</v>
      </c>
    </row>
    <row r="318" spans="1:12" x14ac:dyDescent="0.3">
      <c r="A318" s="11">
        <v>13324000</v>
      </c>
      <c r="B318" s="11">
        <v>4530251</v>
      </c>
      <c r="C318" s="22" t="str">
        <f t="shared" si="4"/>
        <v>https://support.microsoft.com/kb/4530251</v>
      </c>
      <c r="D318" s="3" t="s">
        <v>1309</v>
      </c>
      <c r="E318" s="3" t="s">
        <v>100</v>
      </c>
      <c r="F318" s="3" t="s">
        <v>127</v>
      </c>
      <c r="G318" s="3" t="s">
        <v>102</v>
      </c>
      <c r="H318" s="3">
        <v>2017</v>
      </c>
      <c r="I318" s="3" t="s">
        <v>103</v>
      </c>
      <c r="J318" s="3" t="s">
        <v>510</v>
      </c>
      <c r="K318" s="14">
        <v>43867</v>
      </c>
      <c r="L318" s="3" t="s">
        <v>1440</v>
      </c>
    </row>
    <row r="319" spans="1:12" x14ac:dyDescent="0.3">
      <c r="A319" s="11">
        <v>13324002</v>
      </c>
      <c r="B319" s="11">
        <v>4530443</v>
      </c>
      <c r="C319" s="22" t="str">
        <f t="shared" si="4"/>
        <v>https://support.microsoft.com/kb/4530443</v>
      </c>
      <c r="D319" s="3" t="s">
        <v>1739</v>
      </c>
      <c r="E319" s="3" t="s">
        <v>100</v>
      </c>
      <c r="F319" s="3" t="s">
        <v>127</v>
      </c>
      <c r="G319" s="3" t="s">
        <v>102</v>
      </c>
      <c r="H319" s="3">
        <v>2017</v>
      </c>
      <c r="I319" s="3" t="s">
        <v>103</v>
      </c>
      <c r="J319" s="3" t="s">
        <v>510</v>
      </c>
      <c r="K319" s="14">
        <v>43867</v>
      </c>
      <c r="L319" s="3" t="s">
        <v>1440</v>
      </c>
    </row>
    <row r="320" spans="1:12" x14ac:dyDescent="0.3">
      <c r="A320" s="11">
        <v>13324008</v>
      </c>
      <c r="B320" s="11">
        <v>4527716</v>
      </c>
      <c r="C320" s="22" t="str">
        <f t="shared" si="4"/>
        <v>https://support.microsoft.com/kb/4527716</v>
      </c>
      <c r="D320" s="3" t="s">
        <v>1740</v>
      </c>
      <c r="E320" s="3" t="s">
        <v>100</v>
      </c>
      <c r="F320" s="3" t="s">
        <v>127</v>
      </c>
      <c r="G320" s="3" t="s">
        <v>102</v>
      </c>
      <c r="H320" s="3">
        <v>2017</v>
      </c>
      <c r="I320" s="3" t="s">
        <v>103</v>
      </c>
      <c r="J320" s="3" t="s">
        <v>510</v>
      </c>
      <c r="K320" s="14">
        <v>43867</v>
      </c>
      <c r="L320" s="3" t="s">
        <v>1440</v>
      </c>
    </row>
    <row r="321" spans="1:12" x14ac:dyDescent="0.3">
      <c r="A321" s="11">
        <v>13323996</v>
      </c>
      <c r="B321" s="11">
        <v>4530212</v>
      </c>
      <c r="C321" s="22" t="str">
        <f t="shared" si="4"/>
        <v>https://support.microsoft.com/kb/4530212</v>
      </c>
      <c r="D321" s="3" t="s">
        <v>1741</v>
      </c>
      <c r="E321" s="3" t="s">
        <v>100</v>
      </c>
      <c r="F321" s="3" t="s">
        <v>127</v>
      </c>
      <c r="G321" s="3" t="s">
        <v>116</v>
      </c>
      <c r="H321" s="3">
        <v>2017</v>
      </c>
      <c r="I321" s="3" t="s">
        <v>103</v>
      </c>
      <c r="J321" s="3" t="s">
        <v>510</v>
      </c>
      <c r="K321" s="14">
        <v>43867</v>
      </c>
      <c r="L321" s="3" t="s">
        <v>1440</v>
      </c>
    </row>
    <row r="322" spans="1:12" x14ac:dyDescent="0.3">
      <c r="A322" s="11">
        <v>13189393</v>
      </c>
      <c r="B322" s="11">
        <v>4537438</v>
      </c>
      <c r="C322" s="22" t="str">
        <f t="shared" si="4"/>
        <v>https://support.microsoft.com/kb/4537438</v>
      </c>
      <c r="D322" s="3" t="s">
        <v>1742</v>
      </c>
      <c r="E322" s="3" t="s">
        <v>100</v>
      </c>
      <c r="F322" s="3" t="s">
        <v>113</v>
      </c>
      <c r="G322" s="3" t="s">
        <v>105</v>
      </c>
      <c r="H322" s="3">
        <v>2017</v>
      </c>
      <c r="I322" s="3" t="s">
        <v>103</v>
      </c>
      <c r="J322" s="3" t="s">
        <v>510</v>
      </c>
      <c r="K322" s="14">
        <v>43867</v>
      </c>
      <c r="L322" s="3" t="s">
        <v>1440</v>
      </c>
    </row>
    <row r="323" spans="1:12" x14ac:dyDescent="0.3">
      <c r="A323" s="11">
        <v>13135043</v>
      </c>
      <c r="B323" s="11">
        <v>4538497</v>
      </c>
      <c r="C323" s="22" t="str">
        <f t="shared" si="4"/>
        <v>https://support.microsoft.com/kb/4538497</v>
      </c>
      <c r="D323" s="3" t="s">
        <v>1743</v>
      </c>
      <c r="E323" s="3" t="s">
        <v>100</v>
      </c>
      <c r="F323" s="3" t="s">
        <v>113</v>
      </c>
      <c r="G323" s="3" t="s">
        <v>102</v>
      </c>
      <c r="H323" s="3">
        <v>2017</v>
      </c>
      <c r="I323" s="3" t="s">
        <v>103</v>
      </c>
      <c r="J323" s="3" t="s">
        <v>510</v>
      </c>
      <c r="K323" s="14">
        <v>43867</v>
      </c>
      <c r="L323" s="3" t="s">
        <v>1440</v>
      </c>
    </row>
    <row r="324" spans="1:12" x14ac:dyDescent="0.3">
      <c r="A324" s="11">
        <v>13323988</v>
      </c>
      <c r="B324" s="11">
        <v>4531010</v>
      </c>
      <c r="C324" s="22" t="str">
        <f t="shared" si="4"/>
        <v>https://support.microsoft.com/kb/4531010</v>
      </c>
      <c r="D324" s="3" t="s">
        <v>1744</v>
      </c>
      <c r="E324" s="3" t="s">
        <v>100</v>
      </c>
      <c r="F324" s="3" t="s">
        <v>113</v>
      </c>
      <c r="G324" s="3" t="s">
        <v>102</v>
      </c>
      <c r="H324" s="3">
        <v>2017</v>
      </c>
      <c r="I324" s="3" t="s">
        <v>103</v>
      </c>
      <c r="J324" s="3" t="s">
        <v>510</v>
      </c>
      <c r="K324" s="14">
        <v>43867</v>
      </c>
      <c r="L324" s="3" t="s">
        <v>1440</v>
      </c>
    </row>
    <row r="325" spans="1:12" x14ac:dyDescent="0.3">
      <c r="A325" s="11">
        <v>13288075</v>
      </c>
      <c r="B325" s="11">
        <v>4531386</v>
      </c>
      <c r="C325" s="22" t="str">
        <f t="shared" ref="C325:C389" si="5">HYPERLINK("https://support.microsoft.com/kb/"&amp;B325)</f>
        <v>https://support.microsoft.com/kb/4531386</v>
      </c>
      <c r="D325" s="3" t="s">
        <v>1745</v>
      </c>
      <c r="E325" s="3" t="s">
        <v>100</v>
      </c>
      <c r="F325" s="3" t="s">
        <v>120</v>
      </c>
      <c r="G325" s="3" t="s">
        <v>102</v>
      </c>
      <c r="H325" s="3">
        <v>2017</v>
      </c>
      <c r="I325" s="3" t="s">
        <v>103</v>
      </c>
      <c r="J325" s="3" t="s">
        <v>510</v>
      </c>
      <c r="K325" s="14">
        <v>43867</v>
      </c>
      <c r="L325" s="3" t="s">
        <v>1440</v>
      </c>
    </row>
    <row r="326" spans="1:12" x14ac:dyDescent="0.3">
      <c r="A326" s="11">
        <v>13312017</v>
      </c>
      <c r="B326" s="11">
        <v>4538365</v>
      </c>
      <c r="C326" s="22" t="str">
        <f t="shared" si="5"/>
        <v>https://support.microsoft.com/kb/4538365</v>
      </c>
      <c r="D326" s="3" t="s">
        <v>1746</v>
      </c>
      <c r="E326" s="3" t="s">
        <v>100</v>
      </c>
      <c r="F326" s="3" t="s">
        <v>120</v>
      </c>
      <c r="G326" s="3" t="s">
        <v>102</v>
      </c>
      <c r="H326" s="3">
        <v>2017</v>
      </c>
      <c r="I326" s="3" t="s">
        <v>103</v>
      </c>
      <c r="J326" s="3" t="s">
        <v>510</v>
      </c>
      <c r="K326" s="14">
        <v>43867</v>
      </c>
      <c r="L326" s="3" t="s">
        <v>1440</v>
      </c>
    </row>
    <row r="327" spans="1:12" x14ac:dyDescent="0.3">
      <c r="A327" s="11">
        <v>13324018</v>
      </c>
      <c r="B327" s="11">
        <v>4530259</v>
      </c>
      <c r="C327" s="22" t="str">
        <f t="shared" si="5"/>
        <v>https://support.microsoft.com/kb/4530259</v>
      </c>
      <c r="D327" s="3" t="s">
        <v>1747</v>
      </c>
      <c r="E327" s="3" t="s">
        <v>100</v>
      </c>
      <c r="F327" s="3" t="s">
        <v>145</v>
      </c>
      <c r="G327" s="3" t="s">
        <v>102</v>
      </c>
      <c r="H327" s="3">
        <v>2017</v>
      </c>
      <c r="I327" s="3" t="s">
        <v>103</v>
      </c>
      <c r="J327" s="3" t="s">
        <v>510</v>
      </c>
      <c r="K327" s="14">
        <v>43867</v>
      </c>
      <c r="L327" s="3" t="s">
        <v>1440</v>
      </c>
    </row>
    <row r="328" spans="1:12" x14ac:dyDescent="0.3">
      <c r="A328" s="11">
        <v>13343024</v>
      </c>
      <c r="B328" s="11">
        <v>4538378</v>
      </c>
      <c r="C328" s="22" t="str">
        <f t="shared" si="5"/>
        <v>https://support.microsoft.com/kb/4538378</v>
      </c>
      <c r="D328" s="3" t="s">
        <v>1277</v>
      </c>
      <c r="E328" s="3" t="s">
        <v>100</v>
      </c>
      <c r="F328" s="3" t="s">
        <v>153</v>
      </c>
      <c r="G328" s="3" t="s">
        <v>102</v>
      </c>
      <c r="H328" s="3">
        <v>2017</v>
      </c>
      <c r="I328" s="3" t="s">
        <v>103</v>
      </c>
      <c r="J328" s="3" t="s">
        <v>510</v>
      </c>
      <c r="K328" s="14">
        <v>43867</v>
      </c>
      <c r="L328" s="3" t="s">
        <v>1440</v>
      </c>
    </row>
    <row r="329" spans="1:12" x14ac:dyDescent="0.3">
      <c r="A329" s="11">
        <v>13333767</v>
      </c>
      <c r="B329" s="11">
        <v>4537649</v>
      </c>
      <c r="C329" s="22" t="str">
        <f t="shared" si="5"/>
        <v>https://support.microsoft.com/kb/4537649</v>
      </c>
      <c r="D329" s="3" t="s">
        <v>1748</v>
      </c>
      <c r="E329" s="3" t="s">
        <v>100</v>
      </c>
      <c r="F329" s="3" t="s">
        <v>269</v>
      </c>
      <c r="G329" s="3" t="s">
        <v>102</v>
      </c>
      <c r="H329" s="3">
        <v>2017</v>
      </c>
      <c r="I329" s="3" t="s">
        <v>103</v>
      </c>
      <c r="J329" s="3" t="s">
        <v>510</v>
      </c>
      <c r="K329" s="14">
        <v>43867</v>
      </c>
      <c r="L329" s="3" t="s">
        <v>1440</v>
      </c>
    </row>
    <row r="330" spans="1:12" x14ac:dyDescent="0.3">
      <c r="A330" s="11">
        <v>13357902</v>
      </c>
      <c r="B330" s="11">
        <v>4540449</v>
      </c>
      <c r="C330" s="22" t="str">
        <f t="shared" si="5"/>
        <v>https://support.microsoft.com/kb/4540449</v>
      </c>
      <c r="D330" s="3" t="s">
        <v>1260</v>
      </c>
      <c r="E330" s="3" t="s">
        <v>100</v>
      </c>
      <c r="F330" s="3" t="s">
        <v>725</v>
      </c>
      <c r="G330" s="3" t="s">
        <v>105</v>
      </c>
      <c r="H330" s="3">
        <v>2017</v>
      </c>
      <c r="I330" s="3" t="s">
        <v>103</v>
      </c>
      <c r="J330" s="3" t="s">
        <v>510</v>
      </c>
      <c r="K330" s="14">
        <v>43867</v>
      </c>
      <c r="L330" s="3" t="s">
        <v>1440</v>
      </c>
    </row>
    <row r="331" spans="1:12" x14ac:dyDescent="0.3">
      <c r="A331" s="11">
        <v>13257848</v>
      </c>
      <c r="B331" s="11">
        <v>4531736</v>
      </c>
      <c r="C331" s="22" t="str">
        <f t="shared" si="5"/>
        <v>https://support.microsoft.com/kb/4531736</v>
      </c>
      <c r="D331" s="3" t="s">
        <v>1749</v>
      </c>
      <c r="E331" s="3" t="s">
        <v>107</v>
      </c>
      <c r="F331" s="3" t="s">
        <v>199</v>
      </c>
      <c r="G331" s="3" t="s">
        <v>102</v>
      </c>
      <c r="H331" s="3">
        <v>2017</v>
      </c>
      <c r="I331" s="3" t="s">
        <v>103</v>
      </c>
      <c r="J331" s="3" t="s">
        <v>510</v>
      </c>
      <c r="K331" s="14">
        <v>43867</v>
      </c>
      <c r="L331" s="3" t="s">
        <v>1440</v>
      </c>
    </row>
    <row r="332" spans="1:12" x14ac:dyDescent="0.3">
      <c r="A332" s="11">
        <v>13212803</v>
      </c>
      <c r="B332" s="11">
        <v>4527510</v>
      </c>
      <c r="C332" s="22" t="str">
        <f t="shared" si="5"/>
        <v>https://support.microsoft.com/kb/4527510</v>
      </c>
      <c r="D332" s="3" t="s">
        <v>1750</v>
      </c>
      <c r="E332" s="3" t="s">
        <v>180</v>
      </c>
      <c r="F332" s="3" t="s">
        <v>180</v>
      </c>
      <c r="G332" s="3" t="s">
        <v>102</v>
      </c>
      <c r="H332" s="3">
        <v>2017</v>
      </c>
      <c r="I332" s="3" t="s">
        <v>103</v>
      </c>
      <c r="J332" s="3" t="s">
        <v>515</v>
      </c>
      <c r="K332" s="14">
        <v>43808</v>
      </c>
      <c r="L332" s="3" t="s">
        <v>1442</v>
      </c>
    </row>
    <row r="333" spans="1:12" x14ac:dyDescent="0.3">
      <c r="A333" s="11">
        <v>13193748</v>
      </c>
      <c r="B333" s="11">
        <v>4526524</v>
      </c>
      <c r="C333" s="22" t="str">
        <f t="shared" si="5"/>
        <v>https://support.microsoft.com/kb/4526524</v>
      </c>
      <c r="D333" s="3" t="s">
        <v>1751</v>
      </c>
      <c r="E333" s="3" t="s">
        <v>217</v>
      </c>
      <c r="F333" s="3" t="s">
        <v>218</v>
      </c>
      <c r="G333" s="3" t="s">
        <v>102</v>
      </c>
      <c r="H333" s="3">
        <v>2017</v>
      </c>
      <c r="I333" s="3" t="s">
        <v>103</v>
      </c>
      <c r="J333" s="3" t="s">
        <v>515</v>
      </c>
      <c r="K333" s="14">
        <v>43808</v>
      </c>
      <c r="L333" s="3" t="s">
        <v>1442</v>
      </c>
    </row>
    <row r="334" spans="1:12" x14ac:dyDescent="0.3">
      <c r="A334" s="11">
        <v>13262554</v>
      </c>
      <c r="B334" s="11">
        <v>4530955</v>
      </c>
      <c r="C334" s="22" t="str">
        <f t="shared" si="5"/>
        <v>https://support.microsoft.com/kb/4530955</v>
      </c>
      <c r="D334" s="3" t="s">
        <v>1752</v>
      </c>
      <c r="E334" s="3" t="s">
        <v>100</v>
      </c>
      <c r="F334" s="3" t="s">
        <v>1561</v>
      </c>
      <c r="G334" s="3" t="s">
        <v>105</v>
      </c>
      <c r="H334" s="3">
        <v>2017</v>
      </c>
      <c r="I334" s="3" t="s">
        <v>103</v>
      </c>
      <c r="J334" s="3" t="s">
        <v>515</v>
      </c>
      <c r="K334" s="14">
        <v>43808</v>
      </c>
      <c r="L334" s="3" t="s">
        <v>1442</v>
      </c>
    </row>
    <row r="335" spans="1:12" x14ac:dyDescent="0.3">
      <c r="A335" s="11">
        <v>13198907</v>
      </c>
      <c r="B335" s="11">
        <v>4519679</v>
      </c>
      <c r="C335" s="22" t="str">
        <f t="shared" si="5"/>
        <v>https://support.microsoft.com/kb/4519679</v>
      </c>
      <c r="D335" s="3" t="s">
        <v>1753</v>
      </c>
      <c r="E335" s="3" t="s">
        <v>178</v>
      </c>
      <c r="F335" s="3" t="s">
        <v>775</v>
      </c>
      <c r="G335" s="3" t="s">
        <v>102</v>
      </c>
      <c r="H335" s="3">
        <v>2017</v>
      </c>
      <c r="I335" s="3" t="s">
        <v>103</v>
      </c>
      <c r="J335" s="3" t="s">
        <v>515</v>
      </c>
      <c r="K335" s="14">
        <v>43808</v>
      </c>
      <c r="L335" s="3" t="s">
        <v>1442</v>
      </c>
    </row>
    <row r="336" spans="1:12" x14ac:dyDescent="0.3">
      <c r="A336" s="11">
        <v>13197357</v>
      </c>
      <c r="B336" s="11">
        <v>4524191</v>
      </c>
      <c r="C336" s="22" t="str">
        <f t="shared" si="5"/>
        <v>https://support.microsoft.com/kb/4524191</v>
      </c>
      <c r="D336" s="3" t="s">
        <v>1754</v>
      </c>
      <c r="E336" s="3" t="s">
        <v>178</v>
      </c>
      <c r="F336" s="3" t="s">
        <v>775</v>
      </c>
      <c r="G336" s="3" t="s">
        <v>102</v>
      </c>
      <c r="H336" s="3">
        <v>2017</v>
      </c>
      <c r="I336" s="3" t="s">
        <v>103</v>
      </c>
      <c r="J336" s="3" t="s">
        <v>515</v>
      </c>
      <c r="K336" s="14">
        <v>43808</v>
      </c>
      <c r="L336" s="3" t="s">
        <v>1442</v>
      </c>
    </row>
    <row r="337" spans="1:12" x14ac:dyDescent="0.3">
      <c r="A337" s="11">
        <v>13211437</v>
      </c>
      <c r="B337" s="11">
        <v>4525483</v>
      </c>
      <c r="C337" s="22" t="str">
        <f t="shared" si="5"/>
        <v>https://support.microsoft.com/kb/4525483</v>
      </c>
      <c r="D337" s="3" t="s">
        <v>1755</v>
      </c>
      <c r="E337" s="3" t="s">
        <v>100</v>
      </c>
      <c r="F337" s="3" t="s">
        <v>161</v>
      </c>
      <c r="G337" s="3" t="s">
        <v>102</v>
      </c>
      <c r="H337" s="3">
        <v>2017</v>
      </c>
      <c r="I337" s="3" t="s">
        <v>103</v>
      </c>
      <c r="J337" s="3" t="s">
        <v>515</v>
      </c>
      <c r="K337" s="14">
        <v>43808</v>
      </c>
      <c r="L337" s="3" t="s">
        <v>1442</v>
      </c>
    </row>
    <row r="338" spans="1:12" x14ac:dyDescent="0.3">
      <c r="A338" s="11">
        <v>13210153</v>
      </c>
      <c r="B338" s="11">
        <v>4527916</v>
      </c>
      <c r="C338" s="22" t="str">
        <f t="shared" si="5"/>
        <v>https://support.microsoft.com/kb/4527916</v>
      </c>
      <c r="D338" s="3" t="s">
        <v>1756</v>
      </c>
      <c r="E338" s="3" t="s">
        <v>100</v>
      </c>
      <c r="F338" s="3" t="s">
        <v>161</v>
      </c>
      <c r="G338" s="3" t="s">
        <v>102</v>
      </c>
      <c r="H338" s="3">
        <v>2017</v>
      </c>
      <c r="I338" s="3" t="s">
        <v>103</v>
      </c>
      <c r="J338" s="3" t="s">
        <v>515</v>
      </c>
      <c r="K338" s="14">
        <v>43808</v>
      </c>
      <c r="L338" s="3" t="s">
        <v>1442</v>
      </c>
    </row>
    <row r="339" spans="1:12" x14ac:dyDescent="0.3">
      <c r="A339" s="11">
        <v>13201028</v>
      </c>
      <c r="B339" s="11">
        <v>4529942</v>
      </c>
      <c r="C339" s="22" t="str">
        <f t="shared" si="5"/>
        <v>https://support.microsoft.com/kb/4529942</v>
      </c>
      <c r="D339" s="3" t="s">
        <v>1386</v>
      </c>
      <c r="E339" s="3" t="s">
        <v>100</v>
      </c>
      <c r="F339" s="3" t="s">
        <v>123</v>
      </c>
      <c r="G339" s="3" t="s">
        <v>102</v>
      </c>
      <c r="H339" s="3">
        <v>2017</v>
      </c>
      <c r="I339" s="3" t="s">
        <v>103</v>
      </c>
      <c r="J339" s="3" t="s">
        <v>515</v>
      </c>
      <c r="K339" s="14">
        <v>43808</v>
      </c>
      <c r="L339" s="3" t="s">
        <v>1442</v>
      </c>
    </row>
    <row r="340" spans="1:12" x14ac:dyDescent="0.3">
      <c r="A340" s="11">
        <v>13087323</v>
      </c>
      <c r="B340" s="11">
        <v>4506912</v>
      </c>
      <c r="C340" s="22" t="str">
        <f t="shared" si="5"/>
        <v>https://support.microsoft.com/kb/4506912</v>
      </c>
      <c r="D340" s="3" t="s">
        <v>1757</v>
      </c>
      <c r="E340" s="3" t="s">
        <v>100</v>
      </c>
      <c r="F340" s="3" t="s">
        <v>214</v>
      </c>
      <c r="G340" s="3" t="s">
        <v>102</v>
      </c>
      <c r="H340" s="3">
        <v>2017</v>
      </c>
      <c r="I340" s="3" t="s">
        <v>103</v>
      </c>
      <c r="J340" s="3" t="s">
        <v>515</v>
      </c>
      <c r="K340" s="14">
        <v>43808</v>
      </c>
      <c r="L340" s="3" t="s">
        <v>1442</v>
      </c>
    </row>
    <row r="341" spans="1:12" x14ac:dyDescent="0.3">
      <c r="A341" s="11">
        <v>13198903</v>
      </c>
      <c r="B341" s="11">
        <v>4520739</v>
      </c>
      <c r="C341" s="22" t="str">
        <f t="shared" si="5"/>
        <v>https://support.microsoft.com/kb/4520739</v>
      </c>
      <c r="D341" s="3" t="s">
        <v>1758</v>
      </c>
      <c r="E341" s="3" t="s">
        <v>100</v>
      </c>
      <c r="F341" s="3" t="s">
        <v>137</v>
      </c>
      <c r="G341" s="3" t="s">
        <v>102</v>
      </c>
      <c r="H341" s="3">
        <v>2017</v>
      </c>
      <c r="I341" s="3" t="s">
        <v>103</v>
      </c>
      <c r="J341" s="3" t="s">
        <v>515</v>
      </c>
      <c r="K341" s="14">
        <v>43808</v>
      </c>
      <c r="L341" s="3" t="s">
        <v>1442</v>
      </c>
    </row>
    <row r="342" spans="1:12" x14ac:dyDescent="0.3">
      <c r="A342" s="11">
        <v>13284243</v>
      </c>
      <c r="B342" s="11">
        <v>4532171</v>
      </c>
      <c r="C342" s="22" t="str">
        <f t="shared" si="5"/>
        <v>https://support.microsoft.com/kb/4532171</v>
      </c>
      <c r="D342" s="3" t="s">
        <v>1759</v>
      </c>
      <c r="E342" s="3" t="s">
        <v>100</v>
      </c>
      <c r="F342" s="3" t="s">
        <v>137</v>
      </c>
      <c r="G342" s="3" t="s">
        <v>102</v>
      </c>
      <c r="H342" s="3">
        <v>2017</v>
      </c>
      <c r="I342" s="3" t="s">
        <v>103</v>
      </c>
      <c r="J342" s="3" t="s">
        <v>515</v>
      </c>
      <c r="K342" s="14">
        <v>43808</v>
      </c>
      <c r="L342" s="3" t="s">
        <v>1442</v>
      </c>
    </row>
    <row r="343" spans="1:12" x14ac:dyDescent="0.3">
      <c r="A343" s="11">
        <v>13179510</v>
      </c>
      <c r="B343" s="11">
        <v>4529833</v>
      </c>
      <c r="C343" s="22" t="str">
        <f t="shared" si="5"/>
        <v>https://support.microsoft.com/kb/4529833</v>
      </c>
      <c r="D343" s="3" t="s">
        <v>1760</v>
      </c>
      <c r="E343" s="3" t="s">
        <v>100</v>
      </c>
      <c r="F343" s="3" t="s">
        <v>137</v>
      </c>
      <c r="G343" s="3" t="s">
        <v>102</v>
      </c>
      <c r="H343" s="3">
        <v>2017</v>
      </c>
      <c r="I343" s="3" t="s">
        <v>103</v>
      </c>
      <c r="J343" s="3" t="s">
        <v>515</v>
      </c>
      <c r="K343" s="14">
        <v>43808</v>
      </c>
      <c r="L343" s="3" t="s">
        <v>1442</v>
      </c>
    </row>
    <row r="344" spans="1:12" x14ac:dyDescent="0.3">
      <c r="A344" s="11">
        <v>13207342</v>
      </c>
      <c r="B344" s="11">
        <v>4528130</v>
      </c>
      <c r="C344" s="22" t="str">
        <f t="shared" si="5"/>
        <v>https://support.microsoft.com/kb/4528130</v>
      </c>
      <c r="D344" s="3" t="s">
        <v>1761</v>
      </c>
      <c r="E344" s="3" t="s">
        <v>100</v>
      </c>
      <c r="F344" s="3" t="s">
        <v>233</v>
      </c>
      <c r="G344" s="3" t="s">
        <v>102</v>
      </c>
      <c r="H344" s="3">
        <v>2017</v>
      </c>
      <c r="I344" s="3" t="s">
        <v>103</v>
      </c>
      <c r="J344" s="3" t="s">
        <v>515</v>
      </c>
      <c r="K344" s="14">
        <v>43808</v>
      </c>
      <c r="L344" s="3" t="s">
        <v>1442</v>
      </c>
    </row>
    <row r="345" spans="1:12" x14ac:dyDescent="0.3">
      <c r="A345" s="11">
        <v>13354946</v>
      </c>
      <c r="B345" s="11">
        <v>4548001</v>
      </c>
      <c r="C345" s="22" t="str">
        <f t="shared" si="5"/>
        <v>https://support.microsoft.com/kb/4548001</v>
      </c>
      <c r="D345" s="3" t="s">
        <v>1762</v>
      </c>
      <c r="E345" s="3" t="s">
        <v>100</v>
      </c>
      <c r="F345" s="3" t="s">
        <v>116</v>
      </c>
      <c r="G345" s="3" t="s">
        <v>116</v>
      </c>
      <c r="H345" s="3">
        <v>2017</v>
      </c>
      <c r="I345" s="3" t="s">
        <v>103</v>
      </c>
      <c r="J345" s="3" t="s">
        <v>515</v>
      </c>
      <c r="K345" s="14">
        <v>43808</v>
      </c>
      <c r="L345" s="3" t="s">
        <v>1442</v>
      </c>
    </row>
    <row r="346" spans="1:12" x14ac:dyDescent="0.3">
      <c r="A346" s="11">
        <v>12519856</v>
      </c>
      <c r="B346" s="11">
        <v>4470057</v>
      </c>
      <c r="C346" s="22" t="str">
        <f t="shared" si="5"/>
        <v>https://support.microsoft.com/kb/4470057</v>
      </c>
      <c r="D346" s="3" t="s">
        <v>1763</v>
      </c>
      <c r="E346" s="3" t="s">
        <v>100</v>
      </c>
      <c r="F346" s="3" t="s">
        <v>101</v>
      </c>
      <c r="G346" s="3" t="s">
        <v>102</v>
      </c>
      <c r="H346" s="3">
        <v>2017</v>
      </c>
      <c r="I346" s="3" t="s">
        <v>103</v>
      </c>
      <c r="J346" s="3" t="s">
        <v>515</v>
      </c>
      <c r="K346" s="14">
        <v>43808</v>
      </c>
      <c r="L346" s="3" t="s">
        <v>1442</v>
      </c>
    </row>
    <row r="347" spans="1:12" x14ac:dyDescent="0.3">
      <c r="A347" s="11">
        <v>13198909</v>
      </c>
      <c r="B347" s="11">
        <v>4515772</v>
      </c>
      <c r="C347" s="22" t="str">
        <f t="shared" si="5"/>
        <v>https://support.microsoft.com/kb/4515772</v>
      </c>
      <c r="D347" s="3" t="s">
        <v>1390</v>
      </c>
      <c r="E347" s="3" t="s">
        <v>100</v>
      </c>
      <c r="F347" s="3" t="s">
        <v>101</v>
      </c>
      <c r="G347" s="3" t="s">
        <v>102</v>
      </c>
      <c r="H347" s="3">
        <v>2017</v>
      </c>
      <c r="I347" s="3" t="s">
        <v>103</v>
      </c>
      <c r="J347" s="3" t="s">
        <v>515</v>
      </c>
      <c r="K347" s="14">
        <v>43808</v>
      </c>
      <c r="L347" s="3" t="s">
        <v>1442</v>
      </c>
    </row>
    <row r="348" spans="1:12" x14ac:dyDescent="0.3">
      <c r="A348" s="11">
        <v>13159453</v>
      </c>
      <c r="B348" s="11">
        <v>4527229</v>
      </c>
      <c r="C348" s="22" t="str">
        <f t="shared" si="5"/>
        <v>https://support.microsoft.com/kb/4527229</v>
      </c>
      <c r="D348" s="3" t="s">
        <v>1764</v>
      </c>
      <c r="E348" s="3" t="s">
        <v>100</v>
      </c>
      <c r="F348" s="3" t="s">
        <v>108</v>
      </c>
      <c r="G348" s="3" t="s">
        <v>102</v>
      </c>
      <c r="H348" s="3">
        <v>2017</v>
      </c>
      <c r="I348" s="3" t="s">
        <v>103</v>
      </c>
      <c r="J348" s="3" t="s">
        <v>515</v>
      </c>
      <c r="K348" s="14">
        <v>43808</v>
      </c>
      <c r="L348" s="3" t="s">
        <v>1442</v>
      </c>
    </row>
    <row r="349" spans="1:12" x14ac:dyDescent="0.3">
      <c r="A349" s="11">
        <v>13198915</v>
      </c>
      <c r="B349" s="11">
        <v>4517771</v>
      </c>
      <c r="C349" s="22" t="str">
        <f t="shared" si="5"/>
        <v>https://support.microsoft.com/kb/4517771</v>
      </c>
      <c r="D349" s="3" t="s">
        <v>1388</v>
      </c>
      <c r="E349" s="3" t="s">
        <v>100</v>
      </c>
      <c r="F349" s="3" t="s">
        <v>110</v>
      </c>
      <c r="G349" s="3" t="s">
        <v>102</v>
      </c>
      <c r="H349" s="3">
        <v>2017</v>
      </c>
      <c r="I349" s="3" t="s">
        <v>103</v>
      </c>
      <c r="J349" s="3" t="s">
        <v>515</v>
      </c>
      <c r="K349" s="14">
        <v>43808</v>
      </c>
      <c r="L349" s="3" t="s">
        <v>1442</v>
      </c>
    </row>
    <row r="350" spans="1:12" x14ac:dyDescent="0.3">
      <c r="A350" s="11">
        <v>13203071</v>
      </c>
      <c r="B350" s="11">
        <v>4529927</v>
      </c>
      <c r="C350" s="22" t="str">
        <f t="shared" si="5"/>
        <v>https://support.microsoft.com/kb/4529927</v>
      </c>
      <c r="D350" s="3" t="s">
        <v>1765</v>
      </c>
      <c r="E350" s="3" t="s">
        <v>100</v>
      </c>
      <c r="F350" s="3" t="s">
        <v>110</v>
      </c>
      <c r="G350" s="3" t="s">
        <v>102</v>
      </c>
      <c r="H350" s="3">
        <v>2017</v>
      </c>
      <c r="I350" s="3" t="s">
        <v>103</v>
      </c>
      <c r="J350" s="3" t="s">
        <v>515</v>
      </c>
      <c r="K350" s="14">
        <v>43808</v>
      </c>
      <c r="L350" s="3" t="s">
        <v>1442</v>
      </c>
    </row>
    <row r="351" spans="1:12" x14ac:dyDescent="0.3">
      <c r="A351" s="11">
        <v>13165622</v>
      </c>
      <c r="B351" s="11">
        <v>4530212</v>
      </c>
      <c r="C351" s="22" t="str">
        <f t="shared" si="5"/>
        <v>https://support.microsoft.com/kb/4530212</v>
      </c>
      <c r="D351" s="3" t="s">
        <v>1741</v>
      </c>
      <c r="E351" s="3" t="s">
        <v>100</v>
      </c>
      <c r="F351" s="3" t="s">
        <v>127</v>
      </c>
      <c r="G351" s="3" t="s">
        <v>116</v>
      </c>
      <c r="H351" s="3">
        <v>2017</v>
      </c>
      <c r="I351" s="3" t="s">
        <v>103</v>
      </c>
      <c r="J351" s="3" t="s">
        <v>515</v>
      </c>
      <c r="K351" s="14">
        <v>43808</v>
      </c>
      <c r="L351" s="3" t="s">
        <v>1442</v>
      </c>
    </row>
    <row r="352" spans="1:12" x14ac:dyDescent="0.3">
      <c r="A352" s="11">
        <v>13197185</v>
      </c>
      <c r="B352" s="11">
        <v>4527538</v>
      </c>
      <c r="C352" s="22" t="str">
        <f t="shared" si="5"/>
        <v>https://support.microsoft.com/kb/4527538</v>
      </c>
      <c r="D352" s="3" t="s">
        <v>1362</v>
      </c>
      <c r="E352" s="3" t="s">
        <v>100</v>
      </c>
      <c r="F352" s="3" t="s">
        <v>127</v>
      </c>
      <c r="G352" s="3" t="s">
        <v>102</v>
      </c>
      <c r="H352" s="3">
        <v>2017</v>
      </c>
      <c r="I352" s="3" t="s">
        <v>103</v>
      </c>
      <c r="J352" s="3" t="s">
        <v>515</v>
      </c>
      <c r="K352" s="14">
        <v>43808</v>
      </c>
      <c r="L352" s="3" t="s">
        <v>1442</v>
      </c>
    </row>
    <row r="353" spans="1:12" x14ac:dyDescent="0.3">
      <c r="A353" s="11">
        <v>13198726</v>
      </c>
      <c r="B353" s="11">
        <v>4530251</v>
      </c>
      <c r="C353" s="22" t="str">
        <f t="shared" si="5"/>
        <v>https://support.microsoft.com/kb/4530251</v>
      </c>
      <c r="D353" s="3" t="s">
        <v>1309</v>
      </c>
      <c r="E353" s="3" t="s">
        <v>100</v>
      </c>
      <c r="F353" s="3" t="s">
        <v>127</v>
      </c>
      <c r="G353" s="3" t="s">
        <v>102</v>
      </c>
      <c r="H353" s="3">
        <v>2017</v>
      </c>
      <c r="I353" s="3" t="s">
        <v>103</v>
      </c>
      <c r="J353" s="3" t="s">
        <v>515</v>
      </c>
      <c r="K353" s="14">
        <v>43808</v>
      </c>
      <c r="L353" s="3" t="s">
        <v>1442</v>
      </c>
    </row>
    <row r="354" spans="1:12" x14ac:dyDescent="0.3">
      <c r="A354" s="11">
        <v>13212298</v>
      </c>
      <c r="B354" s="11">
        <v>4531009</v>
      </c>
      <c r="C354" s="22" t="str">
        <f t="shared" si="5"/>
        <v>https://support.microsoft.com/kb/4531009</v>
      </c>
      <c r="D354" s="3" t="s">
        <v>1766</v>
      </c>
      <c r="E354" s="3" t="s">
        <v>100</v>
      </c>
      <c r="F354" s="3" t="s">
        <v>113</v>
      </c>
      <c r="G354" s="3" t="s">
        <v>102</v>
      </c>
      <c r="H354" s="3">
        <v>2017</v>
      </c>
      <c r="I354" s="3" t="s">
        <v>103</v>
      </c>
      <c r="J354" s="3" t="s">
        <v>515</v>
      </c>
      <c r="K354" s="14">
        <v>43808</v>
      </c>
      <c r="L354" s="3" t="s">
        <v>1442</v>
      </c>
    </row>
    <row r="355" spans="1:12" x14ac:dyDescent="0.3">
      <c r="A355" s="11">
        <v>12110364</v>
      </c>
      <c r="B355" s="11">
        <v>4532751</v>
      </c>
      <c r="C355" s="22" t="str">
        <f>HYPERLINK("https://support.microsoft.com/kb/"&amp;B355)</f>
        <v>https://support.microsoft.com/kb/4532751</v>
      </c>
      <c r="D355" s="3" t="s">
        <v>1767</v>
      </c>
      <c r="E355" s="3" t="s">
        <v>100</v>
      </c>
      <c r="F355" s="3" t="s">
        <v>120</v>
      </c>
      <c r="G355" s="3" t="s">
        <v>116</v>
      </c>
      <c r="H355" s="3" t="s">
        <v>1768</v>
      </c>
      <c r="I355" s="3" t="s">
        <v>103</v>
      </c>
      <c r="J355" s="3" t="s">
        <v>515</v>
      </c>
      <c r="K355" s="14">
        <v>43808</v>
      </c>
      <c r="L355" s="3" t="s">
        <v>1442</v>
      </c>
    </row>
    <row r="356" spans="1:12" x14ac:dyDescent="0.3">
      <c r="A356" s="11">
        <v>13200683</v>
      </c>
      <c r="B356" s="11">
        <v>4521739</v>
      </c>
      <c r="C356" s="22" t="str">
        <f t="shared" si="5"/>
        <v>https://support.microsoft.com/kb/4521739</v>
      </c>
      <c r="D356" s="3" t="s">
        <v>1769</v>
      </c>
      <c r="E356" s="3" t="s">
        <v>100</v>
      </c>
      <c r="F356" s="3" t="s">
        <v>120</v>
      </c>
      <c r="G356" s="3" t="s">
        <v>102</v>
      </c>
      <c r="H356" s="3">
        <v>2017</v>
      </c>
      <c r="I356" s="3" t="s">
        <v>103</v>
      </c>
      <c r="J356" s="3" t="s">
        <v>515</v>
      </c>
      <c r="K356" s="14">
        <v>43808</v>
      </c>
      <c r="L356" s="3" t="s">
        <v>1442</v>
      </c>
    </row>
    <row r="357" spans="1:12" x14ac:dyDescent="0.3">
      <c r="A357" s="11">
        <v>13234374</v>
      </c>
      <c r="B357" s="11">
        <v>4527842</v>
      </c>
      <c r="C357" s="22" t="str">
        <f t="shared" si="5"/>
        <v>https://support.microsoft.com/kb/4527842</v>
      </c>
      <c r="D357" s="3" t="s">
        <v>1770</v>
      </c>
      <c r="E357" s="3" t="s">
        <v>100</v>
      </c>
      <c r="F357" s="3" t="s">
        <v>148</v>
      </c>
      <c r="G357" s="3" t="s">
        <v>105</v>
      </c>
      <c r="H357" s="3">
        <v>2017</v>
      </c>
      <c r="I357" s="3" t="s">
        <v>103</v>
      </c>
      <c r="J357" s="3" t="s">
        <v>515</v>
      </c>
      <c r="K357" s="14">
        <v>43808</v>
      </c>
      <c r="L357" s="3" t="s">
        <v>1442</v>
      </c>
    </row>
    <row r="358" spans="1:12" x14ac:dyDescent="0.3">
      <c r="A358" s="11">
        <v>13218545</v>
      </c>
      <c r="B358" s="11">
        <v>4526315</v>
      </c>
      <c r="C358" s="22" t="str">
        <f t="shared" si="5"/>
        <v>https://support.microsoft.com/kb/4526315</v>
      </c>
      <c r="D358" s="3" t="s">
        <v>1771</v>
      </c>
      <c r="E358" s="3" t="s">
        <v>100</v>
      </c>
      <c r="F358" s="3" t="s">
        <v>153</v>
      </c>
      <c r="G358" s="3" t="s">
        <v>102</v>
      </c>
      <c r="H358" s="3">
        <v>2017</v>
      </c>
      <c r="I358" s="3" t="s">
        <v>103</v>
      </c>
      <c r="J358" s="3" t="s">
        <v>515</v>
      </c>
      <c r="K358" s="14">
        <v>43808</v>
      </c>
      <c r="L358" s="3" t="s">
        <v>1442</v>
      </c>
    </row>
    <row r="359" spans="1:12" x14ac:dyDescent="0.3">
      <c r="A359" s="11">
        <v>13261031</v>
      </c>
      <c r="B359" s="11">
        <v>4530500</v>
      </c>
      <c r="C359" s="22" t="str">
        <f t="shared" si="5"/>
        <v>https://support.microsoft.com/kb/4530500</v>
      </c>
      <c r="D359" s="3" t="s">
        <v>1349</v>
      </c>
      <c r="E359" s="3" t="s">
        <v>100</v>
      </c>
      <c r="F359" s="3" t="s">
        <v>165</v>
      </c>
      <c r="G359" s="3" t="s">
        <v>102</v>
      </c>
      <c r="H359" s="3">
        <v>2017</v>
      </c>
      <c r="I359" s="3" t="s">
        <v>103</v>
      </c>
      <c r="J359" s="3" t="s">
        <v>515</v>
      </c>
      <c r="K359" s="14">
        <v>43808</v>
      </c>
      <c r="L359" s="3" t="s">
        <v>1442</v>
      </c>
    </row>
    <row r="360" spans="1:12" x14ac:dyDescent="0.3">
      <c r="A360" s="11">
        <v>13224871</v>
      </c>
      <c r="B360" s="11">
        <v>4530720</v>
      </c>
      <c r="C360" s="22" t="str">
        <f t="shared" si="5"/>
        <v>https://support.microsoft.com/kb/4530720</v>
      </c>
      <c r="D360" s="3" t="s">
        <v>1376</v>
      </c>
      <c r="E360" s="3" t="s">
        <v>100</v>
      </c>
      <c r="F360" s="3" t="s">
        <v>332</v>
      </c>
      <c r="G360" s="3" t="s">
        <v>102</v>
      </c>
      <c r="H360" s="3">
        <v>2017</v>
      </c>
      <c r="I360" s="3" t="s">
        <v>103</v>
      </c>
      <c r="J360" s="3" t="s">
        <v>515</v>
      </c>
      <c r="K360" s="14">
        <v>43808</v>
      </c>
      <c r="L360" s="3" t="s">
        <v>1442</v>
      </c>
    </row>
    <row r="361" spans="1:12" x14ac:dyDescent="0.3">
      <c r="A361" s="11">
        <v>13076556</v>
      </c>
      <c r="B361" s="11">
        <v>4517404</v>
      </c>
      <c r="C361" s="22" t="str">
        <f t="shared" si="5"/>
        <v>https://support.microsoft.com/kb/4517404</v>
      </c>
      <c r="D361" s="3" t="s">
        <v>1772</v>
      </c>
      <c r="E361" s="3" t="s">
        <v>180</v>
      </c>
      <c r="F361" s="3" t="s">
        <v>180</v>
      </c>
      <c r="G361" s="3" t="s">
        <v>102</v>
      </c>
      <c r="H361" s="3">
        <v>2017</v>
      </c>
      <c r="I361" s="3" t="s">
        <v>103</v>
      </c>
      <c r="J361" s="3" t="s">
        <v>517</v>
      </c>
      <c r="K361" s="14">
        <v>43746</v>
      </c>
      <c r="L361" s="3" t="s">
        <v>1444</v>
      </c>
    </row>
    <row r="362" spans="1:12" x14ac:dyDescent="0.3">
      <c r="A362" s="11">
        <v>13088831</v>
      </c>
      <c r="B362" s="11">
        <v>4522909</v>
      </c>
      <c r="C362" s="22" t="str">
        <f t="shared" si="5"/>
        <v>https://support.microsoft.com/kb/4522909</v>
      </c>
      <c r="D362" s="3" t="s">
        <v>1773</v>
      </c>
      <c r="E362" s="3" t="s">
        <v>180</v>
      </c>
      <c r="F362" s="3" t="s">
        <v>180</v>
      </c>
      <c r="G362" s="3" t="s">
        <v>102</v>
      </c>
      <c r="H362" s="3">
        <v>2017</v>
      </c>
      <c r="I362" s="3" t="s">
        <v>103</v>
      </c>
      <c r="J362" s="3" t="s">
        <v>517</v>
      </c>
      <c r="K362" s="14">
        <v>43746</v>
      </c>
      <c r="L362" s="3" t="s">
        <v>1444</v>
      </c>
    </row>
    <row r="363" spans="1:12" x14ac:dyDescent="0.3">
      <c r="A363" s="11">
        <v>13049501</v>
      </c>
      <c r="B363" s="11">
        <v>4522911</v>
      </c>
      <c r="C363" s="22" t="str">
        <f t="shared" si="5"/>
        <v>https://support.microsoft.com/kb/4522911</v>
      </c>
      <c r="D363" s="3" t="s">
        <v>1774</v>
      </c>
      <c r="E363" s="3" t="s">
        <v>180</v>
      </c>
      <c r="F363" s="3" t="s">
        <v>180</v>
      </c>
      <c r="G363" s="3" t="s">
        <v>102</v>
      </c>
      <c r="H363" s="3">
        <v>2017</v>
      </c>
      <c r="I363" s="3" t="s">
        <v>103</v>
      </c>
      <c r="J363" s="3" t="s">
        <v>517</v>
      </c>
      <c r="K363" s="14">
        <v>43746</v>
      </c>
      <c r="L363" s="3" t="s">
        <v>1444</v>
      </c>
    </row>
    <row r="364" spans="1:12" x14ac:dyDescent="0.3">
      <c r="A364" s="11">
        <v>12865857</v>
      </c>
      <c r="B364" s="11">
        <v>4338636</v>
      </c>
      <c r="C364" s="22" t="str">
        <f t="shared" si="5"/>
        <v>https://support.microsoft.com/kb/4338636</v>
      </c>
      <c r="D364" s="3" t="s">
        <v>1775</v>
      </c>
      <c r="E364" s="3" t="s">
        <v>380</v>
      </c>
      <c r="F364" s="3" t="s">
        <v>380</v>
      </c>
      <c r="G364" s="3" t="s">
        <v>102</v>
      </c>
      <c r="H364" s="3">
        <v>2017</v>
      </c>
      <c r="I364" s="3" t="s">
        <v>103</v>
      </c>
      <c r="J364" s="3" t="s">
        <v>517</v>
      </c>
      <c r="K364" s="14">
        <v>43746</v>
      </c>
      <c r="L364" s="3" t="s">
        <v>1444</v>
      </c>
    </row>
    <row r="365" spans="1:12" x14ac:dyDescent="0.3">
      <c r="A365" s="11">
        <v>13045830</v>
      </c>
      <c r="B365" s="11">
        <v>4515773</v>
      </c>
      <c r="C365" s="22" t="str">
        <f t="shared" si="5"/>
        <v>https://support.microsoft.com/kb/4515773</v>
      </c>
      <c r="D365" s="3" t="s">
        <v>1776</v>
      </c>
      <c r="E365" s="3" t="s">
        <v>380</v>
      </c>
      <c r="F365" s="3" t="s">
        <v>945</v>
      </c>
      <c r="G365" s="3" t="s">
        <v>102</v>
      </c>
      <c r="H365" s="3">
        <v>2017</v>
      </c>
      <c r="I365" s="3" t="s">
        <v>103</v>
      </c>
      <c r="J365" s="3" t="s">
        <v>517</v>
      </c>
      <c r="K365" s="14">
        <v>43746</v>
      </c>
      <c r="L365" s="3" t="s">
        <v>1444</v>
      </c>
    </row>
    <row r="366" spans="1:12" x14ac:dyDescent="0.3">
      <c r="A366" s="11">
        <v>13109883</v>
      </c>
      <c r="B366" s="11">
        <v>4516999</v>
      </c>
      <c r="C366" s="22" t="str">
        <f t="shared" si="5"/>
        <v>https://support.microsoft.com/kb/4516999</v>
      </c>
      <c r="D366" s="3" t="s">
        <v>1777</v>
      </c>
      <c r="E366" s="3" t="s">
        <v>380</v>
      </c>
      <c r="F366" s="3" t="s">
        <v>945</v>
      </c>
      <c r="G366" s="3" t="s">
        <v>102</v>
      </c>
      <c r="H366" s="3">
        <v>2017</v>
      </c>
      <c r="I366" s="3" t="s">
        <v>103</v>
      </c>
      <c r="J366" s="3" t="s">
        <v>517</v>
      </c>
      <c r="K366" s="14">
        <v>43746</v>
      </c>
      <c r="L366" s="3" t="s">
        <v>1444</v>
      </c>
    </row>
    <row r="367" spans="1:12" x14ac:dyDescent="0.3">
      <c r="A367" s="11">
        <v>13078232</v>
      </c>
      <c r="B367" s="11">
        <v>4520438</v>
      </c>
      <c r="C367" s="22" t="str">
        <f t="shared" si="5"/>
        <v>https://support.microsoft.com/kb/4520438</v>
      </c>
      <c r="D367" s="3" t="s">
        <v>1778</v>
      </c>
      <c r="E367" s="3" t="s">
        <v>178</v>
      </c>
      <c r="F367" s="3" t="s">
        <v>775</v>
      </c>
      <c r="G367" s="3" t="s">
        <v>102</v>
      </c>
      <c r="H367" s="3">
        <v>2017</v>
      </c>
      <c r="I367" s="3" t="s">
        <v>103</v>
      </c>
      <c r="J367" s="3" t="s">
        <v>517</v>
      </c>
      <c r="K367" s="14">
        <v>43746</v>
      </c>
      <c r="L367" s="3" t="s">
        <v>1444</v>
      </c>
    </row>
    <row r="368" spans="1:12" x14ac:dyDescent="0.3">
      <c r="A368" s="11">
        <v>13087320</v>
      </c>
      <c r="B368" s="11">
        <v>4512567</v>
      </c>
      <c r="C368" s="22" t="str">
        <f t="shared" si="5"/>
        <v>https://support.microsoft.com/kb/4512567</v>
      </c>
      <c r="D368" s="3" t="s">
        <v>1779</v>
      </c>
      <c r="E368" s="3" t="s">
        <v>100</v>
      </c>
      <c r="F368" s="3" t="s">
        <v>161</v>
      </c>
      <c r="G368" s="3" t="s">
        <v>102</v>
      </c>
      <c r="H368" s="3">
        <v>2017</v>
      </c>
      <c r="I368" s="3" t="s">
        <v>103</v>
      </c>
      <c r="J368" s="3" t="s">
        <v>517</v>
      </c>
      <c r="K368" s="14">
        <v>43746</v>
      </c>
      <c r="L368" s="3" t="s">
        <v>1444</v>
      </c>
    </row>
    <row r="369" spans="1:12" x14ac:dyDescent="0.3">
      <c r="A369" s="11">
        <v>13087329</v>
      </c>
      <c r="B369" s="11">
        <v>4513099</v>
      </c>
      <c r="C369" s="22" t="str">
        <f t="shared" si="5"/>
        <v>https://support.microsoft.com/kb/4513099</v>
      </c>
      <c r="D369" s="3" t="s">
        <v>1780</v>
      </c>
      <c r="E369" s="3" t="s">
        <v>100</v>
      </c>
      <c r="F369" s="3" t="s">
        <v>123</v>
      </c>
      <c r="G369" s="3" t="s">
        <v>105</v>
      </c>
      <c r="H369" s="3">
        <v>2017</v>
      </c>
      <c r="I369" s="3" t="s">
        <v>103</v>
      </c>
      <c r="J369" s="3" t="s">
        <v>517</v>
      </c>
      <c r="K369" s="14">
        <v>43746</v>
      </c>
      <c r="L369" s="3" t="s">
        <v>1444</v>
      </c>
    </row>
    <row r="370" spans="1:12" x14ac:dyDescent="0.3">
      <c r="A370" s="11">
        <v>13087325</v>
      </c>
      <c r="B370" s="11">
        <v>4513097</v>
      </c>
      <c r="C370" s="22" t="str">
        <f t="shared" si="5"/>
        <v>https://support.microsoft.com/kb/4513097</v>
      </c>
      <c r="D370" s="3" t="s">
        <v>1781</v>
      </c>
      <c r="E370" s="3" t="s">
        <v>100</v>
      </c>
      <c r="F370" s="3" t="s">
        <v>123</v>
      </c>
      <c r="G370" s="3" t="s">
        <v>102</v>
      </c>
      <c r="H370" s="3">
        <v>2017</v>
      </c>
      <c r="I370" s="3" t="s">
        <v>103</v>
      </c>
      <c r="J370" s="3" t="s">
        <v>517</v>
      </c>
      <c r="K370" s="14">
        <v>43746</v>
      </c>
      <c r="L370" s="3" t="s">
        <v>1444</v>
      </c>
    </row>
    <row r="371" spans="1:12" x14ac:dyDescent="0.3">
      <c r="A371" s="11">
        <v>13163565</v>
      </c>
      <c r="B371" s="11">
        <v>4521659</v>
      </c>
      <c r="C371" s="22" t="str">
        <f t="shared" si="5"/>
        <v>https://support.microsoft.com/kb/4521659</v>
      </c>
      <c r="D371" s="3" t="s">
        <v>1782</v>
      </c>
      <c r="E371" s="3" t="s">
        <v>100</v>
      </c>
      <c r="F371" s="3" t="s">
        <v>123</v>
      </c>
      <c r="G371" s="3" t="s">
        <v>102</v>
      </c>
      <c r="H371" s="3">
        <v>2017</v>
      </c>
      <c r="I371" s="3" t="s">
        <v>103</v>
      </c>
      <c r="J371" s="3" t="s">
        <v>517</v>
      </c>
      <c r="K371" s="14">
        <v>43746</v>
      </c>
      <c r="L371" s="3" t="s">
        <v>1444</v>
      </c>
    </row>
    <row r="372" spans="1:12" x14ac:dyDescent="0.3">
      <c r="A372" s="11">
        <v>13087330</v>
      </c>
      <c r="B372" s="11">
        <v>4513238</v>
      </c>
      <c r="C372" s="22" t="str">
        <f t="shared" si="5"/>
        <v>https://support.microsoft.com/kb/4513238</v>
      </c>
      <c r="D372" s="3" t="s">
        <v>1783</v>
      </c>
      <c r="E372" s="3" t="s">
        <v>100</v>
      </c>
      <c r="F372" s="3" t="s">
        <v>123</v>
      </c>
      <c r="G372" s="3" t="s">
        <v>102</v>
      </c>
      <c r="H372" s="3">
        <v>2017</v>
      </c>
      <c r="I372" s="3" t="s">
        <v>103</v>
      </c>
      <c r="J372" s="3" t="s">
        <v>517</v>
      </c>
      <c r="K372" s="14">
        <v>43746</v>
      </c>
      <c r="L372" s="3" t="s">
        <v>1444</v>
      </c>
    </row>
    <row r="373" spans="1:12" x14ac:dyDescent="0.3">
      <c r="A373" s="11">
        <v>13037041</v>
      </c>
      <c r="B373" s="11">
        <v>4497225</v>
      </c>
      <c r="C373" s="22" t="str">
        <f t="shared" si="5"/>
        <v>https://support.microsoft.com/kb/4497225</v>
      </c>
      <c r="D373" s="3" t="s">
        <v>1784</v>
      </c>
      <c r="E373" s="3" t="s">
        <v>100</v>
      </c>
      <c r="F373" s="3" t="s">
        <v>214</v>
      </c>
      <c r="G373" s="3" t="s">
        <v>105</v>
      </c>
      <c r="H373" s="3">
        <v>2017</v>
      </c>
      <c r="I373" s="3" t="s">
        <v>103</v>
      </c>
      <c r="J373" s="3" t="s">
        <v>517</v>
      </c>
      <c r="K373" s="14">
        <v>43746</v>
      </c>
      <c r="L373" s="3" t="s">
        <v>1444</v>
      </c>
    </row>
    <row r="374" spans="1:12" x14ac:dyDescent="0.3">
      <c r="A374" s="11">
        <v>13037043</v>
      </c>
      <c r="B374" s="11">
        <v>4497701</v>
      </c>
      <c r="C374" s="22" t="str">
        <f t="shared" si="5"/>
        <v>https://support.microsoft.com/kb/4497701</v>
      </c>
      <c r="D374" s="3" t="s">
        <v>1785</v>
      </c>
      <c r="E374" s="3" t="s">
        <v>100</v>
      </c>
      <c r="F374" s="3" t="s">
        <v>214</v>
      </c>
      <c r="G374" s="3" t="s">
        <v>105</v>
      </c>
      <c r="H374" s="3">
        <v>2017</v>
      </c>
      <c r="I374" s="3" t="s">
        <v>103</v>
      </c>
      <c r="J374" s="3" t="s">
        <v>517</v>
      </c>
      <c r="K374" s="14">
        <v>43746</v>
      </c>
      <c r="L374" s="3" t="s">
        <v>1444</v>
      </c>
    </row>
    <row r="375" spans="1:12" x14ac:dyDescent="0.3">
      <c r="A375" s="11">
        <v>13037044</v>
      </c>
      <c r="B375" s="11">
        <v>4497225</v>
      </c>
      <c r="C375" s="22" t="str">
        <f t="shared" si="5"/>
        <v>https://support.microsoft.com/kb/4497225</v>
      </c>
      <c r="D375" s="3" t="s">
        <v>1784</v>
      </c>
      <c r="E375" s="3" t="s">
        <v>100</v>
      </c>
      <c r="F375" s="3" t="s">
        <v>214</v>
      </c>
      <c r="G375" s="3" t="s">
        <v>105</v>
      </c>
      <c r="H375" s="3">
        <v>2017</v>
      </c>
      <c r="I375" s="3" t="s">
        <v>103</v>
      </c>
      <c r="J375" s="3" t="s">
        <v>517</v>
      </c>
      <c r="K375" s="14">
        <v>43746</v>
      </c>
      <c r="L375" s="3" t="s">
        <v>1444</v>
      </c>
    </row>
    <row r="376" spans="1:12" x14ac:dyDescent="0.3">
      <c r="A376" s="11">
        <v>13037045</v>
      </c>
      <c r="B376" s="11">
        <v>4497701</v>
      </c>
      <c r="C376" s="22" t="str">
        <f t="shared" si="5"/>
        <v>https://support.microsoft.com/kb/4497701</v>
      </c>
      <c r="D376" s="3" t="s">
        <v>1785</v>
      </c>
      <c r="E376" s="3" t="s">
        <v>100</v>
      </c>
      <c r="F376" s="3" t="s">
        <v>214</v>
      </c>
      <c r="G376" s="3" t="s">
        <v>105</v>
      </c>
      <c r="H376" s="3">
        <v>2017</v>
      </c>
      <c r="I376" s="3" t="s">
        <v>103</v>
      </c>
      <c r="J376" s="3" t="s">
        <v>517</v>
      </c>
      <c r="K376" s="14">
        <v>43746</v>
      </c>
      <c r="L376" s="3" t="s">
        <v>1444</v>
      </c>
    </row>
    <row r="377" spans="1:12" x14ac:dyDescent="0.3">
      <c r="A377" s="11">
        <v>13087324</v>
      </c>
      <c r="B377" s="11">
        <v>4511751</v>
      </c>
      <c r="C377" s="22" t="str">
        <f t="shared" si="5"/>
        <v>https://support.microsoft.com/kb/4511751</v>
      </c>
      <c r="D377" s="3" t="s">
        <v>1786</v>
      </c>
      <c r="E377" s="3" t="s">
        <v>100</v>
      </c>
      <c r="F377" s="3" t="s">
        <v>214</v>
      </c>
      <c r="G377" s="3" t="s">
        <v>102</v>
      </c>
      <c r="H377" s="3">
        <v>2017</v>
      </c>
      <c r="I377" s="3" t="s">
        <v>103</v>
      </c>
      <c r="J377" s="3" t="s">
        <v>517</v>
      </c>
      <c r="K377" s="14">
        <v>43746</v>
      </c>
      <c r="L377" s="3" t="s">
        <v>1444</v>
      </c>
    </row>
    <row r="378" spans="1:12" x14ac:dyDescent="0.3">
      <c r="A378" s="11">
        <v>13087333</v>
      </c>
      <c r="B378" s="11">
        <v>4512558</v>
      </c>
      <c r="C378" s="22" t="str">
        <f t="shared" si="5"/>
        <v>https://support.microsoft.com/kb/4512558</v>
      </c>
      <c r="D378" s="3" t="s">
        <v>1787</v>
      </c>
      <c r="E378" s="3" t="s">
        <v>100</v>
      </c>
      <c r="F378" s="3" t="s">
        <v>214</v>
      </c>
      <c r="G378" s="3" t="s">
        <v>105</v>
      </c>
      <c r="H378" s="3">
        <v>2017</v>
      </c>
      <c r="I378" s="3" t="s">
        <v>103</v>
      </c>
      <c r="J378" s="3" t="s">
        <v>517</v>
      </c>
      <c r="K378" s="14">
        <v>43746</v>
      </c>
      <c r="L378" s="3" t="s">
        <v>1444</v>
      </c>
    </row>
    <row r="379" spans="1:12" x14ac:dyDescent="0.3">
      <c r="A379" s="11">
        <v>13136089</v>
      </c>
      <c r="B379" s="11">
        <v>4522405</v>
      </c>
      <c r="C379" s="22" t="str">
        <f t="shared" si="5"/>
        <v>https://support.microsoft.com/kb/4522405</v>
      </c>
      <c r="D379" s="3" t="s">
        <v>1788</v>
      </c>
      <c r="E379" s="3" t="s">
        <v>100</v>
      </c>
      <c r="F379" s="3" t="s">
        <v>214</v>
      </c>
      <c r="G379" s="3" t="s">
        <v>105</v>
      </c>
      <c r="H379" s="3">
        <v>2017</v>
      </c>
      <c r="I379" s="3" t="s">
        <v>103</v>
      </c>
      <c r="J379" s="3" t="s">
        <v>517</v>
      </c>
      <c r="K379" s="14">
        <v>43746</v>
      </c>
      <c r="L379" s="3" t="s">
        <v>1444</v>
      </c>
    </row>
    <row r="380" spans="1:12" x14ac:dyDescent="0.3">
      <c r="A380" s="11">
        <v>13159467</v>
      </c>
      <c r="B380" s="11">
        <v>4521758</v>
      </c>
      <c r="C380" s="22" t="str">
        <f t="shared" si="5"/>
        <v>https://support.microsoft.com/kb/4521758</v>
      </c>
      <c r="D380" s="3" t="s">
        <v>1789</v>
      </c>
      <c r="E380" s="3" t="s">
        <v>100</v>
      </c>
      <c r="F380" s="3" t="s">
        <v>116</v>
      </c>
      <c r="G380" s="3" t="s">
        <v>116</v>
      </c>
      <c r="H380" s="3">
        <v>2017</v>
      </c>
      <c r="I380" s="3" t="s">
        <v>103</v>
      </c>
      <c r="J380" s="3" t="s">
        <v>517</v>
      </c>
      <c r="K380" s="14">
        <v>43746</v>
      </c>
      <c r="L380" s="3" t="s">
        <v>1444</v>
      </c>
    </row>
    <row r="381" spans="1:12" x14ac:dyDescent="0.3">
      <c r="A381" s="11">
        <v>13288306</v>
      </c>
      <c r="B381" s="11">
        <v>4542725</v>
      </c>
      <c r="C381" s="22" t="str">
        <f t="shared" si="5"/>
        <v>https://support.microsoft.com/kb/4542725</v>
      </c>
      <c r="D381" s="3" t="s">
        <v>1790</v>
      </c>
      <c r="E381" s="3" t="s">
        <v>100</v>
      </c>
      <c r="F381" s="3" t="s">
        <v>116</v>
      </c>
      <c r="G381" s="3" t="s">
        <v>116</v>
      </c>
      <c r="H381" s="3">
        <v>2017</v>
      </c>
      <c r="I381" s="3" t="s">
        <v>103</v>
      </c>
      <c r="J381" s="3" t="s">
        <v>517</v>
      </c>
      <c r="K381" s="14">
        <v>43746</v>
      </c>
      <c r="L381" s="3" t="s">
        <v>1444</v>
      </c>
    </row>
    <row r="382" spans="1:12" x14ac:dyDescent="0.3">
      <c r="A382" s="11">
        <v>12752114</v>
      </c>
      <c r="B382" s="11">
        <v>4502442</v>
      </c>
      <c r="C382" s="22" t="str">
        <f t="shared" si="5"/>
        <v>https://support.microsoft.com/kb/4502442</v>
      </c>
      <c r="D382" s="3" t="s">
        <v>1791</v>
      </c>
      <c r="E382" s="3" t="s">
        <v>100</v>
      </c>
      <c r="F382" s="3" t="s">
        <v>101</v>
      </c>
      <c r="G382" s="3" t="s">
        <v>102</v>
      </c>
      <c r="H382" s="3">
        <v>2017</v>
      </c>
      <c r="I382" s="3" t="s">
        <v>103</v>
      </c>
      <c r="J382" s="3" t="s">
        <v>517</v>
      </c>
      <c r="K382" s="14">
        <v>43746</v>
      </c>
      <c r="L382" s="3" t="s">
        <v>1444</v>
      </c>
    </row>
    <row r="383" spans="1:12" x14ac:dyDescent="0.3">
      <c r="A383" s="11">
        <v>13017120</v>
      </c>
      <c r="B383" s="11">
        <v>4495663</v>
      </c>
      <c r="C383" s="22" t="str">
        <f t="shared" si="5"/>
        <v>https://support.microsoft.com/kb/4495663</v>
      </c>
      <c r="D383" s="3" t="s">
        <v>1792</v>
      </c>
      <c r="E383" s="3" t="s">
        <v>100</v>
      </c>
      <c r="F383" s="3" t="s">
        <v>101</v>
      </c>
      <c r="G383" s="3" t="s">
        <v>102</v>
      </c>
      <c r="H383" s="3">
        <v>2017</v>
      </c>
      <c r="I383" s="3" t="s">
        <v>103</v>
      </c>
      <c r="J383" s="3" t="s">
        <v>517</v>
      </c>
      <c r="K383" s="14">
        <v>43746</v>
      </c>
      <c r="L383" s="3" t="s">
        <v>1444</v>
      </c>
    </row>
    <row r="384" spans="1:12" x14ac:dyDescent="0.3">
      <c r="A384" s="11">
        <v>13059436</v>
      </c>
      <c r="B384" s="11">
        <v>4520148</v>
      </c>
      <c r="C384" s="22" t="str">
        <f t="shared" si="5"/>
        <v>https://support.microsoft.com/kb/4520148</v>
      </c>
      <c r="D384" s="3" t="s">
        <v>1793</v>
      </c>
      <c r="E384" s="3" t="s">
        <v>100</v>
      </c>
      <c r="F384" s="3" t="s">
        <v>101</v>
      </c>
      <c r="G384" s="3" t="s">
        <v>105</v>
      </c>
      <c r="H384" s="3">
        <v>2017</v>
      </c>
      <c r="I384" s="3" t="s">
        <v>103</v>
      </c>
      <c r="J384" s="3" t="s">
        <v>517</v>
      </c>
      <c r="K384" s="14">
        <v>43746</v>
      </c>
      <c r="L384" s="3" t="s">
        <v>1444</v>
      </c>
    </row>
    <row r="385" spans="1:12" x14ac:dyDescent="0.3">
      <c r="A385" s="11">
        <v>12947210</v>
      </c>
      <c r="B385" s="11">
        <v>4500770</v>
      </c>
      <c r="C385" s="22" t="str">
        <f t="shared" si="5"/>
        <v>https://support.microsoft.com/kb/4500770</v>
      </c>
      <c r="D385" s="3" t="s">
        <v>1794</v>
      </c>
      <c r="E385" s="3" t="s">
        <v>100</v>
      </c>
      <c r="F385" s="3" t="s">
        <v>101</v>
      </c>
      <c r="G385" s="3" t="s">
        <v>102</v>
      </c>
      <c r="H385" s="3">
        <v>2017</v>
      </c>
      <c r="I385" s="3" t="s">
        <v>103</v>
      </c>
      <c r="J385" s="3" t="s">
        <v>517</v>
      </c>
      <c r="K385" s="14">
        <v>43746</v>
      </c>
      <c r="L385" s="3" t="s">
        <v>1444</v>
      </c>
    </row>
    <row r="386" spans="1:12" x14ac:dyDescent="0.3">
      <c r="A386" s="11">
        <v>13043160</v>
      </c>
      <c r="B386" s="11">
        <v>4520149</v>
      </c>
      <c r="C386" s="22" t="str">
        <f t="shared" si="5"/>
        <v>https://support.microsoft.com/kb/4520149</v>
      </c>
      <c r="D386" s="3" t="s">
        <v>1795</v>
      </c>
      <c r="E386" s="3" t="s">
        <v>100</v>
      </c>
      <c r="F386" s="3" t="s">
        <v>101</v>
      </c>
      <c r="G386" s="3" t="s">
        <v>102</v>
      </c>
      <c r="H386" s="3">
        <v>2017</v>
      </c>
      <c r="I386" s="3" t="s">
        <v>103</v>
      </c>
      <c r="J386" s="3" t="s">
        <v>517</v>
      </c>
      <c r="K386" s="14">
        <v>43746</v>
      </c>
      <c r="L386" s="3" t="s">
        <v>1444</v>
      </c>
    </row>
    <row r="387" spans="1:12" x14ac:dyDescent="0.3">
      <c r="A387" s="11">
        <v>13138944</v>
      </c>
      <c r="B387" s="11">
        <v>4519796</v>
      </c>
      <c r="C387" s="22" t="str">
        <f t="shared" si="5"/>
        <v>https://support.microsoft.com/kb/4519796</v>
      </c>
      <c r="D387" s="3" t="s">
        <v>1796</v>
      </c>
      <c r="E387" s="3" t="s">
        <v>100</v>
      </c>
      <c r="F387" s="3" t="s">
        <v>139</v>
      </c>
      <c r="G387" s="3" t="s">
        <v>102</v>
      </c>
      <c r="H387" s="3">
        <v>2017</v>
      </c>
      <c r="I387" s="3" t="s">
        <v>103</v>
      </c>
      <c r="J387" s="3" t="s">
        <v>517</v>
      </c>
      <c r="K387" s="14">
        <v>43746</v>
      </c>
      <c r="L387" s="3" t="s">
        <v>1444</v>
      </c>
    </row>
    <row r="388" spans="1:12" x14ac:dyDescent="0.3">
      <c r="A388" s="11">
        <v>13161357</v>
      </c>
      <c r="B388" s="11">
        <v>4521701</v>
      </c>
      <c r="C388" s="22" t="str">
        <f t="shared" si="5"/>
        <v>https://support.microsoft.com/kb/4521701</v>
      </c>
      <c r="D388" s="3" t="s">
        <v>1797</v>
      </c>
      <c r="E388" s="3" t="s">
        <v>100</v>
      </c>
      <c r="F388" s="3" t="s">
        <v>139</v>
      </c>
      <c r="G388" s="3" t="s">
        <v>102</v>
      </c>
      <c r="H388" s="3">
        <v>2017</v>
      </c>
      <c r="I388" s="3" t="s">
        <v>103</v>
      </c>
      <c r="J388" s="3" t="s">
        <v>517</v>
      </c>
      <c r="K388" s="14">
        <v>43746</v>
      </c>
      <c r="L388" s="3" t="s">
        <v>1444</v>
      </c>
    </row>
    <row r="389" spans="1:12" x14ac:dyDescent="0.3">
      <c r="A389" s="11">
        <v>13165551</v>
      </c>
      <c r="B389" s="11">
        <v>4521960</v>
      </c>
      <c r="C389" s="22" t="str">
        <f t="shared" si="5"/>
        <v>https://support.microsoft.com/kb/4521960</v>
      </c>
      <c r="D389" s="3" t="s">
        <v>1798</v>
      </c>
      <c r="E389" s="3" t="s">
        <v>100</v>
      </c>
      <c r="F389" s="3" t="s">
        <v>139</v>
      </c>
      <c r="G389" s="3" t="s">
        <v>102</v>
      </c>
      <c r="H389" s="3">
        <v>2017</v>
      </c>
      <c r="I389" s="3" t="s">
        <v>103</v>
      </c>
      <c r="J389" s="3" t="s">
        <v>517</v>
      </c>
      <c r="K389" s="14">
        <v>43746</v>
      </c>
      <c r="L389" s="3" t="s">
        <v>1444</v>
      </c>
    </row>
    <row r="390" spans="1:12" x14ac:dyDescent="0.3">
      <c r="A390" s="11">
        <v>13122905</v>
      </c>
      <c r="B390" s="11">
        <v>4518364</v>
      </c>
      <c r="C390" s="22" t="str">
        <f t="shared" ref="C390:C453" si="6">HYPERLINK("https://support.microsoft.com/kb/"&amp;B390)</f>
        <v>https://support.microsoft.com/kb/4518364</v>
      </c>
      <c r="D390" s="3" t="s">
        <v>1799</v>
      </c>
      <c r="E390" s="3" t="s">
        <v>100</v>
      </c>
      <c r="F390" s="3" t="s">
        <v>110</v>
      </c>
      <c r="G390" s="3" t="s">
        <v>102</v>
      </c>
      <c r="H390" s="3">
        <v>2017</v>
      </c>
      <c r="I390" s="3" t="s">
        <v>103</v>
      </c>
      <c r="J390" s="3" t="s">
        <v>517</v>
      </c>
      <c r="K390" s="14">
        <v>43746</v>
      </c>
      <c r="L390" s="3" t="s">
        <v>1444</v>
      </c>
    </row>
    <row r="391" spans="1:12" x14ac:dyDescent="0.3">
      <c r="A391" s="11">
        <v>13130344</v>
      </c>
      <c r="B391" s="11">
        <v>4519366</v>
      </c>
      <c r="C391" s="22" t="str">
        <f t="shared" si="6"/>
        <v>https://support.microsoft.com/kb/4519366</v>
      </c>
      <c r="D391" s="3" t="s">
        <v>1800</v>
      </c>
      <c r="E391" s="3" t="s">
        <v>100</v>
      </c>
      <c r="F391" s="3" t="s">
        <v>113</v>
      </c>
      <c r="G391" s="3" t="s">
        <v>102</v>
      </c>
      <c r="H391" s="3">
        <v>2017</v>
      </c>
      <c r="I391" s="3" t="s">
        <v>103</v>
      </c>
      <c r="J391" s="3" t="s">
        <v>517</v>
      </c>
      <c r="K391" s="14">
        <v>43746</v>
      </c>
      <c r="L391" s="3" t="s">
        <v>1444</v>
      </c>
    </row>
    <row r="392" spans="1:12" x14ac:dyDescent="0.3">
      <c r="A392" s="11">
        <v>12921465</v>
      </c>
      <c r="B392" s="11">
        <v>4511884</v>
      </c>
      <c r="C392" s="22" t="str">
        <f t="shared" si="6"/>
        <v>https://support.microsoft.com/kb/4511884</v>
      </c>
      <c r="D392" s="3" t="s">
        <v>1801</v>
      </c>
      <c r="E392" s="3" t="s">
        <v>100</v>
      </c>
      <c r="F392" s="3" t="s">
        <v>120</v>
      </c>
      <c r="G392" s="3" t="s">
        <v>102</v>
      </c>
      <c r="H392" s="3">
        <v>2017</v>
      </c>
      <c r="I392" s="3" t="s">
        <v>103</v>
      </c>
      <c r="J392" s="3" t="s">
        <v>517</v>
      </c>
      <c r="K392" s="14">
        <v>43746</v>
      </c>
      <c r="L392" s="3" t="s">
        <v>1444</v>
      </c>
    </row>
    <row r="393" spans="1:12" x14ac:dyDescent="0.3">
      <c r="A393" s="11">
        <v>12519854</v>
      </c>
      <c r="B393" s="11">
        <v>4469600</v>
      </c>
      <c r="C393" s="22" t="str">
        <f t="shared" si="6"/>
        <v>https://support.microsoft.com/kb/4469600</v>
      </c>
      <c r="D393" s="3" t="s">
        <v>1802</v>
      </c>
      <c r="E393" s="3" t="s">
        <v>100</v>
      </c>
      <c r="F393" s="3" t="s">
        <v>120</v>
      </c>
      <c r="G393" s="3" t="s">
        <v>102</v>
      </c>
      <c r="H393" s="3">
        <v>2017</v>
      </c>
      <c r="I393" s="3" t="s">
        <v>103</v>
      </c>
      <c r="J393" s="3" t="s">
        <v>517</v>
      </c>
      <c r="K393" s="14">
        <v>43746</v>
      </c>
      <c r="L393" s="3" t="s">
        <v>1444</v>
      </c>
    </row>
    <row r="394" spans="1:12" x14ac:dyDescent="0.3">
      <c r="A394" s="11">
        <v>13063787</v>
      </c>
      <c r="B394" s="11">
        <v>4522002</v>
      </c>
      <c r="C394" s="22" t="str">
        <f t="shared" si="6"/>
        <v>https://support.microsoft.com/kb/4522002</v>
      </c>
      <c r="D394" s="3" t="s">
        <v>1803</v>
      </c>
      <c r="E394" s="3" t="s">
        <v>100</v>
      </c>
      <c r="F394" s="3" t="s">
        <v>145</v>
      </c>
      <c r="G394" s="3" t="s">
        <v>116</v>
      </c>
      <c r="H394" s="3">
        <v>2017</v>
      </c>
      <c r="I394" s="3" t="s">
        <v>103</v>
      </c>
      <c r="J394" s="3" t="s">
        <v>517</v>
      </c>
      <c r="K394" s="14">
        <v>43746</v>
      </c>
      <c r="L394" s="3" t="s">
        <v>1444</v>
      </c>
    </row>
    <row r="395" spans="1:12" x14ac:dyDescent="0.3">
      <c r="A395" s="11">
        <v>13065294</v>
      </c>
      <c r="B395" s="11">
        <v>4522404</v>
      </c>
      <c r="C395" s="22" t="str">
        <f t="shared" si="6"/>
        <v>https://support.microsoft.com/kb/4522404</v>
      </c>
      <c r="D395" s="3" t="s">
        <v>1804</v>
      </c>
      <c r="E395" s="3" t="s">
        <v>100</v>
      </c>
      <c r="F395" s="3" t="s">
        <v>153</v>
      </c>
      <c r="G395" s="3" t="s">
        <v>102</v>
      </c>
      <c r="H395" s="3">
        <v>2017</v>
      </c>
      <c r="I395" s="3" t="s">
        <v>103</v>
      </c>
      <c r="J395" s="3" t="s">
        <v>517</v>
      </c>
      <c r="K395" s="14">
        <v>43746</v>
      </c>
      <c r="L395" s="3" t="s">
        <v>1444</v>
      </c>
    </row>
    <row r="396" spans="1:12" x14ac:dyDescent="0.3">
      <c r="A396" s="11">
        <v>13061226</v>
      </c>
      <c r="B396" s="11">
        <v>4519668</v>
      </c>
      <c r="C396" s="22" t="str">
        <f t="shared" si="6"/>
        <v>https://support.microsoft.com/kb/4519668</v>
      </c>
      <c r="D396" s="3" t="s">
        <v>1805</v>
      </c>
      <c r="E396" s="3" t="s">
        <v>100</v>
      </c>
      <c r="F396" s="3" t="s">
        <v>165</v>
      </c>
      <c r="G396" s="3" t="s">
        <v>102</v>
      </c>
      <c r="H396" s="3">
        <v>2017</v>
      </c>
      <c r="I396" s="3" t="s">
        <v>103</v>
      </c>
      <c r="J396" s="3" t="s">
        <v>517</v>
      </c>
      <c r="K396" s="14">
        <v>43746</v>
      </c>
      <c r="L396" s="3" t="s">
        <v>1444</v>
      </c>
    </row>
    <row r="397" spans="1:12" x14ac:dyDescent="0.3">
      <c r="A397" s="11">
        <v>13086241</v>
      </c>
      <c r="B397" s="11">
        <v>4520124</v>
      </c>
      <c r="C397" s="22" t="str">
        <f t="shared" si="6"/>
        <v>https://support.microsoft.com/kb/4520124</v>
      </c>
      <c r="D397" s="3" t="s">
        <v>1806</v>
      </c>
      <c r="E397" s="3" t="s">
        <v>100</v>
      </c>
      <c r="F397" s="3" t="s">
        <v>332</v>
      </c>
      <c r="G397" s="3" t="s">
        <v>102</v>
      </c>
      <c r="H397" s="3">
        <v>2017</v>
      </c>
      <c r="I397" s="3" t="s">
        <v>103</v>
      </c>
      <c r="J397" s="3" t="s">
        <v>517</v>
      </c>
      <c r="K397" s="14">
        <v>43746</v>
      </c>
      <c r="L397" s="3" t="s">
        <v>1444</v>
      </c>
    </row>
    <row r="398" spans="1:12" x14ac:dyDescent="0.3">
      <c r="A398" s="11">
        <v>12905640</v>
      </c>
      <c r="B398" s="11">
        <v>4513235</v>
      </c>
      <c r="C398" s="22" t="str">
        <f t="shared" si="6"/>
        <v>https://support.microsoft.com/kb/4513235</v>
      </c>
      <c r="D398" s="3" t="s">
        <v>1807</v>
      </c>
      <c r="E398" s="3" t="s">
        <v>180</v>
      </c>
      <c r="F398" s="3" t="s">
        <v>180</v>
      </c>
      <c r="G398" s="3" t="s">
        <v>102</v>
      </c>
      <c r="H398" s="3">
        <v>2017</v>
      </c>
      <c r="I398" s="3" t="s">
        <v>103</v>
      </c>
      <c r="J398" s="3" t="s">
        <v>522</v>
      </c>
      <c r="K398" s="14">
        <v>43678</v>
      </c>
      <c r="L398" s="3" t="s">
        <v>1446</v>
      </c>
    </row>
    <row r="399" spans="1:12" x14ac:dyDescent="0.3">
      <c r="A399" s="11">
        <v>13017382</v>
      </c>
      <c r="B399" s="11">
        <v>4512603</v>
      </c>
      <c r="C399" s="22" t="str">
        <f t="shared" si="6"/>
        <v>https://support.microsoft.com/kb/4512603</v>
      </c>
      <c r="D399" s="3" t="s">
        <v>1808</v>
      </c>
      <c r="E399" s="3" t="s">
        <v>180</v>
      </c>
      <c r="F399" s="3" t="s">
        <v>180</v>
      </c>
      <c r="G399" s="3" t="s">
        <v>102</v>
      </c>
      <c r="H399" s="3">
        <v>2017</v>
      </c>
      <c r="I399" s="3" t="s">
        <v>103</v>
      </c>
      <c r="J399" s="3" t="s">
        <v>522</v>
      </c>
      <c r="K399" s="14">
        <v>43678</v>
      </c>
      <c r="L399" s="3" t="s">
        <v>1446</v>
      </c>
    </row>
    <row r="400" spans="1:12" x14ac:dyDescent="0.3">
      <c r="A400" s="11">
        <v>12887076</v>
      </c>
      <c r="B400" s="11">
        <v>4501542</v>
      </c>
      <c r="C400" s="22" t="str">
        <f t="shared" si="6"/>
        <v>https://support.microsoft.com/kb/4501542</v>
      </c>
      <c r="D400" s="3" t="s">
        <v>1809</v>
      </c>
      <c r="E400" s="3" t="s">
        <v>180</v>
      </c>
      <c r="F400" s="3" t="s">
        <v>180</v>
      </c>
      <c r="G400" s="3" t="s">
        <v>102</v>
      </c>
      <c r="H400" s="3">
        <v>2017</v>
      </c>
      <c r="I400" s="3" t="s">
        <v>103</v>
      </c>
      <c r="J400" s="3" t="s">
        <v>522</v>
      </c>
      <c r="K400" s="14">
        <v>43678</v>
      </c>
      <c r="L400" s="3" t="s">
        <v>1446</v>
      </c>
    </row>
    <row r="401" spans="1:12" x14ac:dyDescent="0.3">
      <c r="A401" s="11">
        <v>12991748</v>
      </c>
      <c r="B401" s="11">
        <v>4508621</v>
      </c>
      <c r="C401" s="22" t="str">
        <f t="shared" si="6"/>
        <v>https://support.microsoft.com/kb/4508621</v>
      </c>
      <c r="D401" s="3" t="s">
        <v>1810</v>
      </c>
      <c r="E401" s="3" t="s">
        <v>180</v>
      </c>
      <c r="F401" s="3" t="s">
        <v>180</v>
      </c>
      <c r="G401" s="3" t="s">
        <v>102</v>
      </c>
      <c r="H401" s="3">
        <v>2017</v>
      </c>
      <c r="I401" s="3" t="s">
        <v>103</v>
      </c>
      <c r="J401" s="3" t="s">
        <v>522</v>
      </c>
      <c r="K401" s="14">
        <v>43678</v>
      </c>
      <c r="L401" s="3" t="s">
        <v>1446</v>
      </c>
    </row>
    <row r="402" spans="1:12" x14ac:dyDescent="0.3">
      <c r="A402" s="11">
        <v>12947204</v>
      </c>
      <c r="B402" s="11">
        <v>4497222</v>
      </c>
      <c r="C402" s="22" t="str">
        <f t="shared" si="6"/>
        <v>https://support.microsoft.com/kb/4497222</v>
      </c>
      <c r="D402" s="3" t="s">
        <v>1811</v>
      </c>
      <c r="E402" s="3" t="s">
        <v>180</v>
      </c>
      <c r="F402" s="3" t="s">
        <v>180</v>
      </c>
      <c r="G402" s="3" t="s">
        <v>102</v>
      </c>
      <c r="H402" s="3">
        <v>2017</v>
      </c>
      <c r="I402" s="3" t="s">
        <v>103</v>
      </c>
      <c r="J402" s="3" t="s">
        <v>522</v>
      </c>
      <c r="K402" s="14">
        <v>43678</v>
      </c>
      <c r="L402" s="3" t="s">
        <v>1446</v>
      </c>
    </row>
    <row r="403" spans="1:12" x14ac:dyDescent="0.3">
      <c r="A403" s="11">
        <v>13049894</v>
      </c>
      <c r="B403" s="11">
        <v>4513096</v>
      </c>
      <c r="C403" s="22" t="str">
        <f t="shared" si="6"/>
        <v>https://support.microsoft.com/kb/4513096</v>
      </c>
      <c r="D403" s="3" t="s">
        <v>1812</v>
      </c>
      <c r="E403" s="3" t="s">
        <v>217</v>
      </c>
      <c r="F403" s="3" t="s">
        <v>218</v>
      </c>
      <c r="G403" s="3" t="s">
        <v>102</v>
      </c>
      <c r="H403" s="3">
        <v>2017</v>
      </c>
      <c r="I403" s="3" t="s">
        <v>103</v>
      </c>
      <c r="J403" s="3" t="s">
        <v>522</v>
      </c>
      <c r="K403" s="14">
        <v>43678</v>
      </c>
      <c r="L403" s="3" t="s">
        <v>1446</v>
      </c>
    </row>
    <row r="404" spans="1:12" x14ac:dyDescent="0.3">
      <c r="A404" s="11">
        <v>12119927</v>
      </c>
      <c r="B404" s="11">
        <v>4338773</v>
      </c>
      <c r="C404" s="22" t="str">
        <f t="shared" si="6"/>
        <v>https://support.microsoft.com/kb/4338773</v>
      </c>
      <c r="D404" s="3" t="s">
        <v>1813</v>
      </c>
      <c r="E404" s="3" t="s">
        <v>380</v>
      </c>
      <c r="F404" s="3" t="s">
        <v>380</v>
      </c>
      <c r="G404" s="3" t="s">
        <v>102</v>
      </c>
      <c r="H404" s="3">
        <v>2017</v>
      </c>
      <c r="I404" s="3" t="s">
        <v>103</v>
      </c>
      <c r="J404" s="3" t="s">
        <v>522</v>
      </c>
      <c r="K404" s="14">
        <v>43678</v>
      </c>
      <c r="L404" s="3" t="s">
        <v>1446</v>
      </c>
    </row>
    <row r="405" spans="1:12" x14ac:dyDescent="0.3">
      <c r="A405" s="11">
        <v>13002397</v>
      </c>
      <c r="B405" s="11">
        <v>4509084</v>
      </c>
      <c r="C405" s="22" t="str">
        <f t="shared" si="6"/>
        <v>https://support.microsoft.com/kb/4509084</v>
      </c>
      <c r="D405" s="3" t="s">
        <v>1814</v>
      </c>
      <c r="E405" s="3" t="s">
        <v>178</v>
      </c>
      <c r="F405" s="3" t="s">
        <v>689</v>
      </c>
      <c r="G405" s="3" t="s">
        <v>102</v>
      </c>
      <c r="H405" s="3">
        <v>2017</v>
      </c>
      <c r="I405" s="3" t="s">
        <v>103</v>
      </c>
      <c r="J405" s="3" t="s">
        <v>522</v>
      </c>
      <c r="K405" s="14">
        <v>43678</v>
      </c>
      <c r="L405" s="3" t="s">
        <v>1446</v>
      </c>
    </row>
    <row r="406" spans="1:12" x14ac:dyDescent="0.3">
      <c r="A406" s="11">
        <v>12978596</v>
      </c>
      <c r="B406" s="11">
        <v>4513097</v>
      </c>
      <c r="C406" s="22" t="str">
        <f t="shared" si="6"/>
        <v>https://support.microsoft.com/kb/4513097</v>
      </c>
      <c r="D406" s="3" t="s">
        <v>1781</v>
      </c>
      <c r="E406" s="3" t="s">
        <v>100</v>
      </c>
      <c r="F406" s="3" t="s">
        <v>123</v>
      </c>
      <c r="G406" s="3" t="s">
        <v>102</v>
      </c>
      <c r="H406" s="3">
        <v>2017</v>
      </c>
      <c r="I406" s="3" t="s">
        <v>103</v>
      </c>
      <c r="J406" s="3" t="s">
        <v>522</v>
      </c>
      <c r="K406" s="14">
        <v>43678</v>
      </c>
      <c r="L406" s="3" t="s">
        <v>1446</v>
      </c>
    </row>
    <row r="407" spans="1:12" x14ac:dyDescent="0.3">
      <c r="A407" s="11">
        <v>12757005</v>
      </c>
      <c r="B407" s="11">
        <v>4493364</v>
      </c>
      <c r="C407" s="22" t="str">
        <f t="shared" si="6"/>
        <v>https://support.microsoft.com/kb/4493364</v>
      </c>
      <c r="D407" s="3" t="s">
        <v>1815</v>
      </c>
      <c r="E407" s="3" t="s">
        <v>100</v>
      </c>
      <c r="F407" s="3" t="s">
        <v>123</v>
      </c>
      <c r="G407" s="3" t="s">
        <v>102</v>
      </c>
      <c r="H407" s="3">
        <v>2017</v>
      </c>
      <c r="I407" s="3" t="s">
        <v>103</v>
      </c>
      <c r="J407" s="3" t="s">
        <v>522</v>
      </c>
      <c r="K407" s="14">
        <v>43678</v>
      </c>
      <c r="L407" s="3" t="s">
        <v>1446</v>
      </c>
    </row>
    <row r="408" spans="1:12" x14ac:dyDescent="0.3">
      <c r="A408" s="11">
        <v>12680777</v>
      </c>
      <c r="B408" s="11">
        <v>4514829</v>
      </c>
      <c r="C408" s="22" t="str">
        <f t="shared" si="6"/>
        <v>https://support.microsoft.com/kb/4514829</v>
      </c>
      <c r="D408" s="3" t="s">
        <v>1816</v>
      </c>
      <c r="E408" s="3" t="s">
        <v>100</v>
      </c>
      <c r="F408" s="3" t="s">
        <v>123</v>
      </c>
      <c r="G408" s="3" t="s">
        <v>102</v>
      </c>
      <c r="H408" s="3">
        <v>2017</v>
      </c>
      <c r="I408" s="3" t="s">
        <v>103</v>
      </c>
      <c r="J408" s="3" t="s">
        <v>522</v>
      </c>
      <c r="K408" s="14">
        <v>43678</v>
      </c>
      <c r="L408" s="3" t="s">
        <v>1446</v>
      </c>
    </row>
    <row r="409" spans="1:12" x14ac:dyDescent="0.3">
      <c r="A409" s="11">
        <v>12965938</v>
      </c>
      <c r="B409" s="11">
        <v>4512026</v>
      </c>
      <c r="C409" s="22" t="str">
        <f t="shared" si="6"/>
        <v>https://support.microsoft.com/kb/4512026</v>
      </c>
      <c r="D409" s="3" t="s">
        <v>1817</v>
      </c>
      <c r="E409" s="3" t="s">
        <v>100</v>
      </c>
      <c r="F409" s="3" t="s">
        <v>214</v>
      </c>
      <c r="G409" s="3" t="s">
        <v>105</v>
      </c>
      <c r="H409" s="3">
        <v>2017</v>
      </c>
      <c r="I409" s="3" t="s">
        <v>103</v>
      </c>
      <c r="J409" s="3" t="s">
        <v>522</v>
      </c>
      <c r="K409" s="14">
        <v>43678</v>
      </c>
      <c r="L409" s="3" t="s">
        <v>1446</v>
      </c>
    </row>
    <row r="410" spans="1:12" x14ac:dyDescent="0.3">
      <c r="A410" s="11">
        <v>13051092</v>
      </c>
      <c r="B410" s="11">
        <v>4459709</v>
      </c>
      <c r="C410" s="22" t="str">
        <f t="shared" si="6"/>
        <v>https://support.microsoft.com/kb/4459709</v>
      </c>
      <c r="D410" s="3" t="s">
        <v>1818</v>
      </c>
      <c r="E410" s="3" t="s">
        <v>100</v>
      </c>
      <c r="F410" s="3" t="s">
        <v>214</v>
      </c>
      <c r="G410" s="3" t="s">
        <v>102</v>
      </c>
      <c r="H410" s="3">
        <v>2017</v>
      </c>
      <c r="I410" s="3" t="s">
        <v>103</v>
      </c>
      <c r="J410" s="3" t="s">
        <v>522</v>
      </c>
      <c r="K410" s="14">
        <v>43678</v>
      </c>
      <c r="L410" s="3" t="s">
        <v>1446</v>
      </c>
    </row>
    <row r="411" spans="1:12" x14ac:dyDescent="0.3">
      <c r="A411" s="11">
        <v>12965328</v>
      </c>
      <c r="B411" s="11">
        <v>4508065</v>
      </c>
      <c r="C411" s="22" t="str">
        <f t="shared" si="6"/>
        <v>https://support.microsoft.com/kb/4508065</v>
      </c>
      <c r="D411" s="3" t="s">
        <v>1819</v>
      </c>
      <c r="E411" s="3" t="s">
        <v>100</v>
      </c>
      <c r="F411" s="3" t="s">
        <v>137</v>
      </c>
      <c r="G411" s="3" t="s">
        <v>116</v>
      </c>
      <c r="H411" s="3">
        <v>2017</v>
      </c>
      <c r="I411" s="3" t="s">
        <v>103</v>
      </c>
      <c r="J411" s="3" t="s">
        <v>522</v>
      </c>
      <c r="K411" s="14">
        <v>43678</v>
      </c>
      <c r="L411" s="3" t="s">
        <v>1446</v>
      </c>
    </row>
    <row r="412" spans="1:12" x14ac:dyDescent="0.3">
      <c r="A412" s="11">
        <v>12963180</v>
      </c>
      <c r="B412" s="11">
        <v>4512130</v>
      </c>
      <c r="C412" s="22" t="str">
        <f t="shared" si="6"/>
        <v>https://support.microsoft.com/kb/4512130</v>
      </c>
      <c r="D412" s="3" t="s">
        <v>1820</v>
      </c>
      <c r="E412" s="3" t="s">
        <v>100</v>
      </c>
      <c r="F412" s="3" t="s">
        <v>137</v>
      </c>
      <c r="G412" s="3" t="s">
        <v>102</v>
      </c>
      <c r="H412" s="3">
        <v>2017</v>
      </c>
      <c r="I412" s="3" t="s">
        <v>103</v>
      </c>
      <c r="J412" s="3" t="s">
        <v>522</v>
      </c>
      <c r="K412" s="14">
        <v>43678</v>
      </c>
      <c r="L412" s="3" t="s">
        <v>1446</v>
      </c>
    </row>
    <row r="413" spans="1:12" x14ac:dyDescent="0.3">
      <c r="A413" s="11">
        <v>12942301</v>
      </c>
      <c r="B413" s="11">
        <v>4512151</v>
      </c>
      <c r="C413" s="22" t="str">
        <f t="shared" si="6"/>
        <v>https://support.microsoft.com/kb/4512151</v>
      </c>
      <c r="D413" s="3" t="s">
        <v>1821</v>
      </c>
      <c r="E413" s="3" t="s">
        <v>100</v>
      </c>
      <c r="F413" s="3" t="s">
        <v>1822</v>
      </c>
      <c r="G413" s="3" t="s">
        <v>105</v>
      </c>
      <c r="H413" s="3">
        <v>2017</v>
      </c>
      <c r="I413" s="3" t="s">
        <v>103</v>
      </c>
      <c r="J413" s="3" t="s">
        <v>522</v>
      </c>
      <c r="K413" s="14">
        <v>43678</v>
      </c>
      <c r="L413" s="3" t="s">
        <v>1446</v>
      </c>
    </row>
    <row r="414" spans="1:12" x14ac:dyDescent="0.3">
      <c r="A414" s="11">
        <v>12969979</v>
      </c>
      <c r="B414" s="11">
        <v>4511885</v>
      </c>
      <c r="C414" s="22" t="str">
        <f t="shared" si="6"/>
        <v>https://support.microsoft.com/kb/4511885</v>
      </c>
      <c r="D414" s="3" t="s">
        <v>1823</v>
      </c>
      <c r="E414" s="3" t="s">
        <v>100</v>
      </c>
      <c r="F414" s="3" t="s">
        <v>233</v>
      </c>
      <c r="G414" s="3" t="s">
        <v>102</v>
      </c>
      <c r="H414" s="3">
        <v>2017</v>
      </c>
      <c r="I414" s="3" t="s">
        <v>103</v>
      </c>
      <c r="J414" s="3" t="s">
        <v>522</v>
      </c>
      <c r="K414" s="14">
        <v>43678</v>
      </c>
      <c r="L414" s="3" t="s">
        <v>1446</v>
      </c>
    </row>
    <row r="415" spans="1:12" x14ac:dyDescent="0.3">
      <c r="A415" s="11">
        <v>12947196</v>
      </c>
      <c r="B415" s="11">
        <v>4502428</v>
      </c>
      <c r="C415" s="22" t="str">
        <f t="shared" si="6"/>
        <v>https://support.microsoft.com/kb/4502428</v>
      </c>
      <c r="D415" s="3" t="s">
        <v>1824</v>
      </c>
      <c r="E415" s="3" t="s">
        <v>100</v>
      </c>
      <c r="F415" s="3" t="s">
        <v>233</v>
      </c>
      <c r="G415" s="3" t="s">
        <v>102</v>
      </c>
      <c r="H415" s="3">
        <v>2017</v>
      </c>
      <c r="I415" s="3" t="s">
        <v>103</v>
      </c>
      <c r="J415" s="3" t="s">
        <v>522</v>
      </c>
      <c r="K415" s="14">
        <v>43678</v>
      </c>
      <c r="L415" s="3" t="s">
        <v>1446</v>
      </c>
    </row>
    <row r="416" spans="1:12" x14ac:dyDescent="0.3">
      <c r="A416" s="11">
        <v>12283135</v>
      </c>
      <c r="B416" s="11">
        <v>4513095</v>
      </c>
      <c r="C416" s="22" t="str">
        <f t="shared" si="6"/>
        <v>https://support.microsoft.com/kb/4513095</v>
      </c>
      <c r="D416" s="3" t="s">
        <v>1825</v>
      </c>
      <c r="E416" s="3" t="s">
        <v>100</v>
      </c>
      <c r="F416" s="3" t="s">
        <v>116</v>
      </c>
      <c r="G416" s="3" t="s">
        <v>116</v>
      </c>
      <c r="H416" s="3">
        <v>2017</v>
      </c>
      <c r="I416" s="3" t="s">
        <v>103</v>
      </c>
      <c r="J416" s="3" t="s">
        <v>522</v>
      </c>
      <c r="K416" s="14">
        <v>43678</v>
      </c>
      <c r="L416" s="3" t="s">
        <v>1446</v>
      </c>
    </row>
    <row r="417" spans="1:12" x14ac:dyDescent="0.3">
      <c r="A417" s="11">
        <v>12352573</v>
      </c>
      <c r="B417" s="11">
        <v>4512979</v>
      </c>
      <c r="C417" s="22" t="str">
        <f t="shared" si="6"/>
        <v>https://support.microsoft.com/kb/4512979</v>
      </c>
      <c r="D417" s="3" t="s">
        <v>1826</v>
      </c>
      <c r="E417" s="3" t="s">
        <v>100</v>
      </c>
      <c r="F417" s="3" t="s">
        <v>116</v>
      </c>
      <c r="G417" s="3" t="s">
        <v>116</v>
      </c>
      <c r="H417" s="3">
        <v>2017</v>
      </c>
      <c r="I417" s="3" t="s">
        <v>103</v>
      </c>
      <c r="J417" s="3" t="s">
        <v>522</v>
      </c>
      <c r="K417" s="14">
        <v>43678</v>
      </c>
      <c r="L417" s="3" t="s">
        <v>1446</v>
      </c>
    </row>
    <row r="418" spans="1:12" x14ac:dyDescent="0.3">
      <c r="A418" s="11">
        <v>13042973</v>
      </c>
      <c r="B418" s="11">
        <v>4512820</v>
      </c>
      <c r="C418" s="22" t="str">
        <f t="shared" si="6"/>
        <v>https://support.microsoft.com/kb/4512820</v>
      </c>
      <c r="D418" s="3" t="s">
        <v>1827</v>
      </c>
      <c r="E418" s="3" t="s">
        <v>100</v>
      </c>
      <c r="F418" s="3" t="s">
        <v>116</v>
      </c>
      <c r="G418" s="3" t="s">
        <v>116</v>
      </c>
      <c r="H418" s="3">
        <v>2017</v>
      </c>
      <c r="I418" s="3" t="s">
        <v>103</v>
      </c>
      <c r="J418" s="3" t="s">
        <v>522</v>
      </c>
      <c r="K418" s="14">
        <v>43678</v>
      </c>
      <c r="L418" s="3" t="s">
        <v>1446</v>
      </c>
    </row>
    <row r="419" spans="1:12" x14ac:dyDescent="0.3">
      <c r="A419" s="11">
        <v>12960368</v>
      </c>
      <c r="B419" s="11">
        <v>4508623</v>
      </c>
      <c r="C419" s="22" t="str">
        <f t="shared" si="6"/>
        <v>https://support.microsoft.com/kb/4508623</v>
      </c>
      <c r="D419" s="3" t="s">
        <v>1828</v>
      </c>
      <c r="E419" s="3" t="s">
        <v>100</v>
      </c>
      <c r="F419" s="3" t="s">
        <v>101</v>
      </c>
      <c r="G419" s="3" t="s">
        <v>102</v>
      </c>
      <c r="H419" s="3">
        <v>2017</v>
      </c>
      <c r="I419" s="3" t="s">
        <v>103</v>
      </c>
      <c r="J419" s="3" t="s">
        <v>522</v>
      </c>
      <c r="K419" s="14">
        <v>43678</v>
      </c>
      <c r="L419" s="3" t="s">
        <v>1829</v>
      </c>
    </row>
    <row r="420" spans="1:12" x14ac:dyDescent="0.3">
      <c r="A420" s="11">
        <v>12947201</v>
      </c>
      <c r="B420" s="11">
        <v>4494225</v>
      </c>
      <c r="C420" s="22" t="str">
        <f t="shared" si="6"/>
        <v>https://support.microsoft.com/kb/4494225</v>
      </c>
      <c r="D420" s="3" t="s">
        <v>1830</v>
      </c>
      <c r="E420" s="3" t="s">
        <v>100</v>
      </c>
      <c r="F420" s="3" t="s">
        <v>101</v>
      </c>
      <c r="G420" s="3" t="s">
        <v>102</v>
      </c>
      <c r="H420" s="3">
        <v>2017</v>
      </c>
      <c r="I420" s="3" t="s">
        <v>103</v>
      </c>
      <c r="J420" s="3" t="s">
        <v>522</v>
      </c>
      <c r="K420" s="14">
        <v>43678</v>
      </c>
      <c r="L420" s="3" t="s">
        <v>1446</v>
      </c>
    </row>
    <row r="421" spans="1:12" x14ac:dyDescent="0.3">
      <c r="A421" s="11">
        <v>12947197</v>
      </c>
      <c r="B421" s="11">
        <v>4491560</v>
      </c>
      <c r="C421" s="22" t="str">
        <f t="shared" si="6"/>
        <v>https://support.microsoft.com/kb/4491560</v>
      </c>
      <c r="D421" s="3" t="s">
        <v>1831</v>
      </c>
      <c r="E421" s="3" t="s">
        <v>100</v>
      </c>
      <c r="F421" s="3" t="s">
        <v>101</v>
      </c>
      <c r="G421" s="3" t="s">
        <v>102</v>
      </c>
      <c r="H421" s="3">
        <v>2017</v>
      </c>
      <c r="I421" s="3" t="s">
        <v>103</v>
      </c>
      <c r="J421" s="3" t="s">
        <v>522</v>
      </c>
      <c r="K421" s="14">
        <v>43678</v>
      </c>
      <c r="L421" s="3" t="s">
        <v>1446</v>
      </c>
    </row>
    <row r="422" spans="1:12" x14ac:dyDescent="0.3">
      <c r="A422" s="11">
        <v>12827636</v>
      </c>
      <c r="B422" s="11">
        <v>4513236</v>
      </c>
      <c r="C422" s="22" t="str">
        <f t="shared" si="6"/>
        <v>https://support.microsoft.com/kb/4513236</v>
      </c>
      <c r="D422" s="3" t="s">
        <v>1832</v>
      </c>
      <c r="E422" s="3" t="s">
        <v>100</v>
      </c>
      <c r="F422" s="3" t="s">
        <v>101</v>
      </c>
      <c r="G422" s="3" t="s">
        <v>102</v>
      </c>
      <c r="H422" s="3">
        <v>2017</v>
      </c>
      <c r="I422" s="3" t="s">
        <v>103</v>
      </c>
      <c r="J422" s="3" t="s">
        <v>522</v>
      </c>
      <c r="K422" s="14">
        <v>43678</v>
      </c>
      <c r="L422" s="3" t="s">
        <v>1446</v>
      </c>
    </row>
    <row r="423" spans="1:12" x14ac:dyDescent="0.3">
      <c r="A423" s="11">
        <v>12996125</v>
      </c>
      <c r="B423" s="11">
        <v>4513237</v>
      </c>
      <c r="C423" s="22" t="str">
        <f t="shared" si="6"/>
        <v>https://support.microsoft.com/kb/4513237</v>
      </c>
      <c r="D423" s="3" t="s">
        <v>1833</v>
      </c>
      <c r="E423" s="3" t="s">
        <v>100</v>
      </c>
      <c r="F423" s="3" t="s">
        <v>101</v>
      </c>
      <c r="G423" s="3" t="s">
        <v>105</v>
      </c>
      <c r="H423" s="3">
        <v>2017</v>
      </c>
      <c r="I423" s="3" t="s">
        <v>103</v>
      </c>
      <c r="J423" s="3" t="s">
        <v>522</v>
      </c>
      <c r="K423" s="14">
        <v>43678</v>
      </c>
      <c r="L423" s="3" t="s">
        <v>1446</v>
      </c>
    </row>
    <row r="424" spans="1:12" x14ac:dyDescent="0.3">
      <c r="A424" s="11">
        <v>13042881</v>
      </c>
      <c r="B424" s="11">
        <v>4512956</v>
      </c>
      <c r="C424" s="22" t="str">
        <f t="shared" si="6"/>
        <v>https://support.microsoft.com/kb/4512956</v>
      </c>
      <c r="D424" s="3" t="s">
        <v>1834</v>
      </c>
      <c r="E424" s="3" t="s">
        <v>100</v>
      </c>
      <c r="F424" s="3" t="s">
        <v>139</v>
      </c>
      <c r="G424" s="3" t="s">
        <v>102</v>
      </c>
      <c r="H424" s="3">
        <v>2017</v>
      </c>
      <c r="I424" s="3" t="s">
        <v>103</v>
      </c>
      <c r="J424" s="3" t="s">
        <v>522</v>
      </c>
      <c r="K424" s="14">
        <v>43678</v>
      </c>
      <c r="L424" s="3" t="s">
        <v>1446</v>
      </c>
    </row>
    <row r="425" spans="1:12" x14ac:dyDescent="0.3">
      <c r="A425" s="11">
        <v>13035016</v>
      </c>
      <c r="B425" s="11">
        <v>4578496</v>
      </c>
      <c r="C425" s="22" t="str">
        <f t="shared" si="6"/>
        <v>https://support.microsoft.com/kb/4578496</v>
      </c>
      <c r="D425" s="3" t="s">
        <v>1835</v>
      </c>
      <c r="E425" s="3" t="s">
        <v>100</v>
      </c>
      <c r="F425" s="3" t="s">
        <v>139</v>
      </c>
      <c r="G425" s="3" t="s">
        <v>102</v>
      </c>
      <c r="H425" s="3">
        <v>2017</v>
      </c>
      <c r="I425" s="3" t="s">
        <v>103</v>
      </c>
      <c r="J425" s="3" t="s">
        <v>522</v>
      </c>
      <c r="K425" s="14">
        <v>43678</v>
      </c>
      <c r="L425" s="3" t="s">
        <v>1446</v>
      </c>
    </row>
    <row r="426" spans="1:12" x14ac:dyDescent="0.3">
      <c r="A426" s="11">
        <v>13019220</v>
      </c>
      <c r="B426" s="11">
        <v>4512150</v>
      </c>
      <c r="C426" s="22" t="str">
        <f t="shared" si="6"/>
        <v>https://support.microsoft.com/kb/4512150</v>
      </c>
      <c r="D426" s="3" t="s">
        <v>1836</v>
      </c>
      <c r="E426" s="3" t="s">
        <v>100</v>
      </c>
      <c r="F426" s="3" t="s">
        <v>110</v>
      </c>
      <c r="G426" s="3" t="s">
        <v>102</v>
      </c>
      <c r="H426" s="3">
        <v>2017</v>
      </c>
      <c r="I426" s="3" t="s">
        <v>103</v>
      </c>
      <c r="J426" s="3" t="s">
        <v>522</v>
      </c>
      <c r="K426" s="14">
        <v>43678</v>
      </c>
      <c r="L426" s="3" t="s">
        <v>1446</v>
      </c>
    </row>
    <row r="427" spans="1:12" x14ac:dyDescent="0.3">
      <c r="A427" s="11">
        <v>12883479</v>
      </c>
      <c r="B427" s="11">
        <v>4511593</v>
      </c>
      <c r="C427" s="22" t="str">
        <f t="shared" si="6"/>
        <v>https://support.microsoft.com/kb/4511593</v>
      </c>
      <c r="D427" s="3" t="s">
        <v>1837</v>
      </c>
      <c r="E427" s="3" t="s">
        <v>100</v>
      </c>
      <c r="F427" s="3" t="s">
        <v>113</v>
      </c>
      <c r="G427" s="3" t="s">
        <v>102</v>
      </c>
      <c r="H427" s="3">
        <v>2017</v>
      </c>
      <c r="I427" s="3" t="s">
        <v>103</v>
      </c>
      <c r="J427" s="3" t="s">
        <v>522</v>
      </c>
      <c r="K427" s="14">
        <v>43678</v>
      </c>
      <c r="L427" s="3" t="s">
        <v>1446</v>
      </c>
    </row>
    <row r="428" spans="1:12" x14ac:dyDescent="0.3">
      <c r="A428" s="11">
        <v>12947206</v>
      </c>
      <c r="B428" s="11">
        <v>4502400</v>
      </c>
      <c r="C428" s="22" t="str">
        <f t="shared" si="6"/>
        <v>https://support.microsoft.com/kb/4502400</v>
      </c>
      <c r="D428" s="3" t="s">
        <v>1838</v>
      </c>
      <c r="E428" s="3" t="s">
        <v>100</v>
      </c>
      <c r="F428" s="3" t="s">
        <v>113</v>
      </c>
      <c r="G428" s="3" t="s">
        <v>105</v>
      </c>
      <c r="H428" s="3">
        <v>2017</v>
      </c>
      <c r="I428" s="3" t="s">
        <v>103</v>
      </c>
      <c r="J428" s="3" t="s">
        <v>522</v>
      </c>
      <c r="K428" s="14">
        <v>43678</v>
      </c>
      <c r="L428" s="3" t="s">
        <v>1446</v>
      </c>
    </row>
    <row r="429" spans="1:12" x14ac:dyDescent="0.3">
      <c r="A429" s="11">
        <v>12822164</v>
      </c>
      <c r="B429" s="11">
        <v>4489150</v>
      </c>
      <c r="C429" s="22" t="str">
        <f t="shared" si="6"/>
        <v>https://support.microsoft.com/kb/4489150</v>
      </c>
      <c r="D429" s="3" t="s">
        <v>1839</v>
      </c>
      <c r="E429" s="3" t="s">
        <v>100</v>
      </c>
      <c r="F429" s="3" t="s">
        <v>113</v>
      </c>
      <c r="G429" s="3" t="s">
        <v>105</v>
      </c>
      <c r="H429" s="3">
        <v>2017</v>
      </c>
      <c r="I429" s="3" t="s">
        <v>103</v>
      </c>
      <c r="J429" s="3" t="s">
        <v>522</v>
      </c>
      <c r="K429" s="14">
        <v>43678</v>
      </c>
      <c r="L429" s="3" t="s">
        <v>1446</v>
      </c>
    </row>
    <row r="430" spans="1:12" x14ac:dyDescent="0.3">
      <c r="A430" s="11">
        <v>12947202</v>
      </c>
      <c r="B430" s="11">
        <v>4494805</v>
      </c>
      <c r="C430" s="22" t="str">
        <f t="shared" si="6"/>
        <v>https://support.microsoft.com/kb/4494805</v>
      </c>
      <c r="D430" s="3" t="s">
        <v>1840</v>
      </c>
      <c r="E430" s="3" t="s">
        <v>100</v>
      </c>
      <c r="F430" s="3" t="s">
        <v>120</v>
      </c>
      <c r="G430" s="3" t="s">
        <v>102</v>
      </c>
      <c r="H430" s="3">
        <v>2017</v>
      </c>
      <c r="I430" s="3" t="s">
        <v>103</v>
      </c>
      <c r="J430" s="3" t="s">
        <v>522</v>
      </c>
      <c r="K430" s="14">
        <v>43678</v>
      </c>
      <c r="L430" s="3" t="s">
        <v>1446</v>
      </c>
    </row>
    <row r="431" spans="1:12" x14ac:dyDescent="0.3">
      <c r="A431" s="11">
        <v>13010512</v>
      </c>
      <c r="B431" s="11">
        <v>4508472</v>
      </c>
      <c r="C431" s="22" t="str">
        <f t="shared" si="6"/>
        <v>https://support.microsoft.com/kb/4508472</v>
      </c>
      <c r="D431" s="3" t="s">
        <v>1841</v>
      </c>
      <c r="E431" s="3" t="s">
        <v>100</v>
      </c>
      <c r="F431" s="3" t="s">
        <v>120</v>
      </c>
      <c r="G431" s="3" t="s">
        <v>102</v>
      </c>
      <c r="H431" s="3">
        <v>2017</v>
      </c>
      <c r="I431" s="3" t="s">
        <v>103</v>
      </c>
      <c r="J431" s="3" t="s">
        <v>522</v>
      </c>
      <c r="K431" s="14">
        <v>43678</v>
      </c>
      <c r="L431" s="3" t="s">
        <v>1446</v>
      </c>
    </row>
    <row r="432" spans="1:12" x14ac:dyDescent="0.3">
      <c r="A432" s="11">
        <v>13045214</v>
      </c>
      <c r="B432" s="11">
        <v>4512016</v>
      </c>
      <c r="C432" s="22" t="str">
        <f t="shared" si="6"/>
        <v>https://support.microsoft.com/kb/4512016</v>
      </c>
      <c r="D432" s="3" t="s">
        <v>1842</v>
      </c>
      <c r="E432" s="3" t="s">
        <v>100</v>
      </c>
      <c r="F432" s="3" t="s">
        <v>120</v>
      </c>
      <c r="G432" s="3" t="s">
        <v>102</v>
      </c>
      <c r="H432" s="3">
        <v>2017</v>
      </c>
      <c r="I432" s="3" t="s">
        <v>103</v>
      </c>
      <c r="J432" s="3" t="s">
        <v>522</v>
      </c>
      <c r="K432" s="14">
        <v>43678</v>
      </c>
      <c r="L432" s="3" t="s">
        <v>1446</v>
      </c>
    </row>
    <row r="433" spans="1:12" x14ac:dyDescent="0.3">
      <c r="A433" s="11">
        <v>12949744</v>
      </c>
      <c r="B433" s="11">
        <v>4506023</v>
      </c>
      <c r="C433" s="22" t="str">
        <f t="shared" si="6"/>
        <v>https://support.microsoft.com/kb/4506023</v>
      </c>
      <c r="D433" s="3" t="s">
        <v>1843</v>
      </c>
      <c r="E433" s="3" t="s">
        <v>100</v>
      </c>
      <c r="F433" s="3" t="s">
        <v>782</v>
      </c>
      <c r="G433" s="3" t="s">
        <v>105</v>
      </c>
      <c r="H433" s="3">
        <v>2017</v>
      </c>
      <c r="I433" s="3" t="s">
        <v>103</v>
      </c>
      <c r="J433" s="3" t="s">
        <v>522</v>
      </c>
      <c r="K433" s="14">
        <v>43678</v>
      </c>
      <c r="L433" s="3" t="s">
        <v>1446</v>
      </c>
    </row>
    <row r="434" spans="1:12" x14ac:dyDescent="0.3">
      <c r="A434" s="11">
        <v>12870479</v>
      </c>
      <c r="B434" s="11">
        <v>4512210</v>
      </c>
      <c r="C434" s="22" t="str">
        <f t="shared" si="6"/>
        <v>https://support.microsoft.com/kb/4512210</v>
      </c>
      <c r="D434" s="3" t="s">
        <v>1844</v>
      </c>
      <c r="E434" s="3" t="s">
        <v>100</v>
      </c>
      <c r="F434" s="3" t="s">
        <v>145</v>
      </c>
      <c r="G434" s="3" t="s">
        <v>116</v>
      </c>
      <c r="H434" s="3">
        <v>2017</v>
      </c>
      <c r="I434" s="3" t="s">
        <v>103</v>
      </c>
      <c r="J434" s="3" t="s">
        <v>522</v>
      </c>
      <c r="K434" s="14">
        <v>43678</v>
      </c>
      <c r="L434" s="3" t="s">
        <v>1446</v>
      </c>
    </row>
    <row r="435" spans="1:12" x14ac:dyDescent="0.3">
      <c r="A435" s="11">
        <v>12947198</v>
      </c>
      <c r="B435" s="11">
        <v>4497928</v>
      </c>
      <c r="C435" s="22" t="str">
        <f t="shared" si="6"/>
        <v>https://support.microsoft.com/kb/4497928</v>
      </c>
      <c r="D435" s="3" t="s">
        <v>1845</v>
      </c>
      <c r="E435" s="3" t="s">
        <v>100</v>
      </c>
      <c r="F435" s="3" t="s">
        <v>165</v>
      </c>
      <c r="G435" s="3" t="s">
        <v>105</v>
      </c>
      <c r="H435" s="3">
        <v>2017</v>
      </c>
      <c r="I435" s="3" t="s">
        <v>103</v>
      </c>
      <c r="J435" s="3" t="s">
        <v>522</v>
      </c>
      <c r="K435" s="14">
        <v>43678</v>
      </c>
      <c r="L435" s="3" t="s">
        <v>1446</v>
      </c>
    </row>
    <row r="436" spans="1:12" x14ac:dyDescent="0.3">
      <c r="A436" s="11">
        <v>13017918</v>
      </c>
      <c r="B436" s="11">
        <v>4510934</v>
      </c>
      <c r="C436" s="22" t="str">
        <f t="shared" si="6"/>
        <v>https://support.microsoft.com/kb/4510934</v>
      </c>
      <c r="D436" s="3" t="s">
        <v>1846</v>
      </c>
      <c r="E436" s="3" t="s">
        <v>100</v>
      </c>
      <c r="F436" s="3" t="s">
        <v>332</v>
      </c>
      <c r="G436" s="3" t="s">
        <v>102</v>
      </c>
      <c r="H436" s="3">
        <v>2017</v>
      </c>
      <c r="I436" s="3" t="s">
        <v>103</v>
      </c>
      <c r="J436" s="3" t="s">
        <v>522</v>
      </c>
      <c r="K436" s="14">
        <v>43678</v>
      </c>
      <c r="L436" s="3" t="s">
        <v>1446</v>
      </c>
    </row>
    <row r="437" spans="1:12" x14ac:dyDescent="0.3">
      <c r="A437" s="11">
        <v>12912593</v>
      </c>
      <c r="B437" s="11">
        <v>4511715</v>
      </c>
      <c r="C437" s="22" t="str">
        <f t="shared" si="6"/>
        <v>https://support.microsoft.com/kb/4511715</v>
      </c>
      <c r="D437" s="3" t="s">
        <v>1847</v>
      </c>
      <c r="E437" s="3" t="s">
        <v>100</v>
      </c>
      <c r="F437" s="3" t="s">
        <v>269</v>
      </c>
      <c r="G437" s="3" t="s">
        <v>102</v>
      </c>
      <c r="H437" s="3">
        <v>2017</v>
      </c>
      <c r="I437" s="3" t="s">
        <v>103</v>
      </c>
      <c r="J437" s="3" t="s">
        <v>522</v>
      </c>
      <c r="K437" s="14">
        <v>43678</v>
      </c>
      <c r="L437" s="3" t="s">
        <v>1446</v>
      </c>
    </row>
    <row r="438" spans="1:12" x14ac:dyDescent="0.3">
      <c r="A438" s="11">
        <v>12823369</v>
      </c>
      <c r="B438" s="11">
        <v>4503385</v>
      </c>
      <c r="C438" s="22" t="str">
        <f t="shared" si="6"/>
        <v>https://support.microsoft.com/kb/4503385</v>
      </c>
      <c r="D438" s="3" t="s">
        <v>1848</v>
      </c>
      <c r="E438" s="3" t="s">
        <v>180</v>
      </c>
      <c r="F438" s="3" t="s">
        <v>180</v>
      </c>
      <c r="G438" s="3" t="s">
        <v>102</v>
      </c>
      <c r="H438" s="3">
        <v>2017</v>
      </c>
      <c r="I438" s="3" t="s">
        <v>103</v>
      </c>
      <c r="J438" s="3" t="s">
        <v>524</v>
      </c>
      <c r="K438" s="14">
        <v>43608</v>
      </c>
      <c r="L438" s="3" t="s">
        <v>1453</v>
      </c>
    </row>
    <row r="439" spans="1:12" x14ac:dyDescent="0.3">
      <c r="A439" s="11">
        <v>12745584</v>
      </c>
      <c r="B439" s="11">
        <v>4503386</v>
      </c>
      <c r="C439" s="22" t="str">
        <f t="shared" si="6"/>
        <v>https://support.microsoft.com/kb/4503386</v>
      </c>
      <c r="D439" s="3" t="s">
        <v>1849</v>
      </c>
      <c r="E439" s="3" t="s">
        <v>180</v>
      </c>
      <c r="F439" s="3" t="s">
        <v>180</v>
      </c>
      <c r="G439" s="3" t="s">
        <v>102</v>
      </c>
      <c r="H439" s="3">
        <v>2017</v>
      </c>
      <c r="I439" s="3" t="s">
        <v>103</v>
      </c>
      <c r="J439" s="3" t="s">
        <v>524</v>
      </c>
      <c r="K439" s="14">
        <v>43608</v>
      </c>
      <c r="L439" s="3" t="s">
        <v>1453</v>
      </c>
    </row>
    <row r="440" spans="1:12" x14ac:dyDescent="0.3">
      <c r="A440" s="11">
        <v>12710985</v>
      </c>
      <c r="B440" s="11">
        <v>4500595</v>
      </c>
      <c r="C440" s="22" t="str">
        <f t="shared" si="6"/>
        <v>https://support.microsoft.com/kb/4500595</v>
      </c>
      <c r="D440" s="3" t="s">
        <v>1850</v>
      </c>
      <c r="E440" s="3" t="s">
        <v>380</v>
      </c>
      <c r="F440" s="3" t="s">
        <v>1851</v>
      </c>
      <c r="G440" s="3" t="s">
        <v>102</v>
      </c>
      <c r="H440" s="3">
        <v>2017</v>
      </c>
      <c r="I440" s="3" t="s">
        <v>103</v>
      </c>
      <c r="J440" s="3" t="s">
        <v>524</v>
      </c>
      <c r="K440" s="14">
        <v>43608</v>
      </c>
      <c r="L440" s="3" t="s">
        <v>1453</v>
      </c>
    </row>
    <row r="441" spans="1:12" x14ac:dyDescent="0.3">
      <c r="A441" s="11">
        <v>12804071</v>
      </c>
      <c r="B441" s="11">
        <v>4495683</v>
      </c>
      <c r="C441" s="22" t="str">
        <f t="shared" si="6"/>
        <v>https://support.microsoft.com/kb/4495683</v>
      </c>
      <c r="D441" s="3" t="s">
        <v>1852</v>
      </c>
      <c r="E441" s="3" t="s">
        <v>178</v>
      </c>
      <c r="F441" s="3" t="s">
        <v>775</v>
      </c>
      <c r="G441" s="3" t="s">
        <v>102</v>
      </c>
      <c r="H441" s="3">
        <v>2017</v>
      </c>
      <c r="I441" s="3" t="s">
        <v>103</v>
      </c>
      <c r="J441" s="3" t="s">
        <v>524</v>
      </c>
      <c r="K441" s="14">
        <v>43608</v>
      </c>
      <c r="L441" s="3" t="s">
        <v>1453</v>
      </c>
    </row>
    <row r="442" spans="1:12" x14ac:dyDescent="0.3">
      <c r="A442" s="11">
        <v>12844344</v>
      </c>
      <c r="B442" s="11">
        <v>4498924</v>
      </c>
      <c r="C442" s="22" t="str">
        <f t="shared" si="6"/>
        <v>https://support.microsoft.com/kb/4498924</v>
      </c>
      <c r="D442" s="3" t="s">
        <v>1853</v>
      </c>
      <c r="E442" s="3" t="s">
        <v>178</v>
      </c>
      <c r="F442" s="3" t="s">
        <v>775</v>
      </c>
      <c r="G442" s="3" t="s">
        <v>102</v>
      </c>
      <c r="H442" s="3">
        <v>2017</v>
      </c>
      <c r="I442" s="3" t="s">
        <v>103</v>
      </c>
      <c r="J442" s="3" t="s">
        <v>524</v>
      </c>
      <c r="K442" s="14">
        <v>43608</v>
      </c>
      <c r="L442" s="3" t="s">
        <v>1453</v>
      </c>
    </row>
    <row r="443" spans="1:12" x14ac:dyDescent="0.3">
      <c r="A443" s="11">
        <v>12931699</v>
      </c>
      <c r="B443" s="11">
        <v>4493364</v>
      </c>
      <c r="C443" s="22" t="str">
        <f t="shared" si="6"/>
        <v>https://support.microsoft.com/kb/4493364</v>
      </c>
      <c r="D443" s="3" t="s">
        <v>1815</v>
      </c>
      <c r="E443" s="3" t="s">
        <v>100</v>
      </c>
      <c r="F443" s="3" t="s">
        <v>123</v>
      </c>
      <c r="G443" s="3" t="s">
        <v>102</v>
      </c>
      <c r="H443" s="3">
        <v>2017</v>
      </c>
      <c r="I443" s="3" t="s">
        <v>103</v>
      </c>
      <c r="J443" s="3" t="s">
        <v>524</v>
      </c>
      <c r="K443" s="14">
        <v>43608</v>
      </c>
      <c r="L443" s="3" t="s">
        <v>1453</v>
      </c>
    </row>
    <row r="444" spans="1:12" x14ac:dyDescent="0.3">
      <c r="A444" s="11">
        <v>12750851</v>
      </c>
      <c r="B444" s="11">
        <v>4480652</v>
      </c>
      <c r="C444" s="22" t="str">
        <f t="shared" si="6"/>
        <v>https://support.microsoft.com/kb/4480652</v>
      </c>
      <c r="D444" s="3" t="s">
        <v>1854</v>
      </c>
      <c r="E444" s="3" t="s">
        <v>100</v>
      </c>
      <c r="F444" s="3" t="s">
        <v>123</v>
      </c>
      <c r="G444" s="3" t="s">
        <v>102</v>
      </c>
      <c r="H444" s="3">
        <v>2017</v>
      </c>
      <c r="I444" s="3" t="s">
        <v>103</v>
      </c>
      <c r="J444" s="3" t="s">
        <v>524</v>
      </c>
      <c r="K444" s="14">
        <v>43608</v>
      </c>
      <c r="L444" s="3" t="s">
        <v>1453</v>
      </c>
    </row>
    <row r="445" spans="1:12" x14ac:dyDescent="0.3">
      <c r="A445" s="11">
        <v>12723965</v>
      </c>
      <c r="B445" s="11">
        <v>4490237</v>
      </c>
      <c r="C445" s="22" t="str">
        <f t="shared" si="6"/>
        <v>https://support.microsoft.com/kb/4490237</v>
      </c>
      <c r="D445" s="3" t="s">
        <v>1855</v>
      </c>
      <c r="E445" s="3" t="s">
        <v>100</v>
      </c>
      <c r="F445" s="3" t="s">
        <v>214</v>
      </c>
      <c r="G445" s="3" t="s">
        <v>102</v>
      </c>
      <c r="H445" s="3">
        <v>2017</v>
      </c>
      <c r="I445" s="3" t="s">
        <v>103</v>
      </c>
      <c r="J445" s="3" t="s">
        <v>524</v>
      </c>
      <c r="K445" s="14">
        <v>43608</v>
      </c>
      <c r="L445" s="3" t="s">
        <v>1453</v>
      </c>
    </row>
    <row r="446" spans="1:12" x14ac:dyDescent="0.3">
      <c r="A446" s="11">
        <v>12840763</v>
      </c>
      <c r="B446" s="11">
        <v>4497225</v>
      </c>
      <c r="C446" s="22" t="str">
        <f t="shared" si="6"/>
        <v>https://support.microsoft.com/kb/4497225</v>
      </c>
      <c r="D446" s="3" t="s">
        <v>1784</v>
      </c>
      <c r="E446" s="3" t="s">
        <v>100</v>
      </c>
      <c r="F446" s="3" t="s">
        <v>214</v>
      </c>
      <c r="G446" s="3" t="s">
        <v>105</v>
      </c>
      <c r="H446" s="3">
        <v>2017</v>
      </c>
      <c r="I446" s="3" t="s">
        <v>103</v>
      </c>
      <c r="J446" s="3" t="s">
        <v>524</v>
      </c>
      <c r="K446" s="14">
        <v>43608</v>
      </c>
      <c r="L446" s="3" t="s">
        <v>1453</v>
      </c>
    </row>
    <row r="447" spans="1:12" x14ac:dyDescent="0.3">
      <c r="A447" s="11">
        <v>12840765</v>
      </c>
      <c r="B447" s="11">
        <v>4497701</v>
      </c>
      <c r="C447" s="22" t="str">
        <f t="shared" si="6"/>
        <v>https://support.microsoft.com/kb/4497701</v>
      </c>
      <c r="D447" s="3" t="s">
        <v>1785</v>
      </c>
      <c r="E447" s="3" t="s">
        <v>100</v>
      </c>
      <c r="F447" s="3" t="s">
        <v>214</v>
      </c>
      <c r="G447" s="3" t="s">
        <v>105</v>
      </c>
      <c r="H447" s="3">
        <v>2017</v>
      </c>
      <c r="I447" s="3" t="s">
        <v>103</v>
      </c>
      <c r="J447" s="3" t="s">
        <v>524</v>
      </c>
      <c r="K447" s="14">
        <v>43608</v>
      </c>
      <c r="L447" s="3" t="s">
        <v>1453</v>
      </c>
    </row>
    <row r="448" spans="1:12" x14ac:dyDescent="0.3">
      <c r="A448" s="11">
        <v>12819474</v>
      </c>
      <c r="B448" s="11">
        <v>4500327</v>
      </c>
      <c r="C448" s="22" t="str">
        <f t="shared" si="6"/>
        <v>https://support.microsoft.com/kb/4500327</v>
      </c>
      <c r="D448" s="3" t="s">
        <v>1856</v>
      </c>
      <c r="E448" s="3" t="s">
        <v>100</v>
      </c>
      <c r="F448" s="3" t="s">
        <v>214</v>
      </c>
      <c r="G448" s="3" t="s">
        <v>102</v>
      </c>
      <c r="H448" s="3">
        <v>2017</v>
      </c>
      <c r="I448" s="3" t="s">
        <v>103</v>
      </c>
      <c r="J448" s="3" t="s">
        <v>524</v>
      </c>
      <c r="K448" s="14">
        <v>43608</v>
      </c>
      <c r="L448" s="3" t="s">
        <v>1453</v>
      </c>
    </row>
    <row r="449" spans="1:12" x14ac:dyDescent="0.3">
      <c r="A449" s="11">
        <v>12816127</v>
      </c>
      <c r="B449" s="11">
        <v>4502427</v>
      </c>
      <c r="C449" s="22" t="str">
        <f t="shared" si="6"/>
        <v>https://support.microsoft.com/kb/4502427</v>
      </c>
      <c r="D449" s="3" t="s">
        <v>1857</v>
      </c>
      <c r="E449" s="3" t="s">
        <v>100</v>
      </c>
      <c r="F449" s="3" t="s">
        <v>214</v>
      </c>
      <c r="G449" s="3" t="s">
        <v>102</v>
      </c>
      <c r="H449" s="3">
        <v>2017</v>
      </c>
      <c r="I449" s="3" t="s">
        <v>103</v>
      </c>
      <c r="J449" s="3" t="s">
        <v>524</v>
      </c>
      <c r="K449" s="14">
        <v>43608</v>
      </c>
      <c r="L449" s="3" t="s">
        <v>1453</v>
      </c>
    </row>
    <row r="450" spans="1:12" x14ac:dyDescent="0.3">
      <c r="A450" s="11">
        <v>12870721</v>
      </c>
      <c r="B450" s="11">
        <v>4500574</v>
      </c>
      <c r="C450" s="22" t="str">
        <f t="shared" si="6"/>
        <v>https://support.microsoft.com/kb/4500574</v>
      </c>
      <c r="D450" s="3" t="s">
        <v>1858</v>
      </c>
      <c r="E450" s="3" t="s">
        <v>100</v>
      </c>
      <c r="F450" s="3" t="s">
        <v>137</v>
      </c>
      <c r="G450" s="3" t="s">
        <v>105</v>
      </c>
      <c r="H450" s="3">
        <v>2017</v>
      </c>
      <c r="I450" s="3" t="s">
        <v>103</v>
      </c>
      <c r="J450" s="3" t="s">
        <v>524</v>
      </c>
      <c r="K450" s="14">
        <v>43608</v>
      </c>
      <c r="L450" s="3" t="s">
        <v>1453</v>
      </c>
    </row>
    <row r="451" spans="1:12" x14ac:dyDescent="0.3">
      <c r="A451" s="11">
        <v>12812315</v>
      </c>
      <c r="B451" s="11">
        <v>4505726</v>
      </c>
      <c r="C451" s="22" t="str">
        <f t="shared" si="6"/>
        <v>https://support.microsoft.com/kb/4505726</v>
      </c>
      <c r="D451" s="3" t="s">
        <v>1859</v>
      </c>
      <c r="E451" s="3" t="s">
        <v>100</v>
      </c>
      <c r="F451" s="3" t="s">
        <v>137</v>
      </c>
      <c r="G451" s="3" t="s">
        <v>102</v>
      </c>
      <c r="H451" s="3">
        <v>2017</v>
      </c>
      <c r="I451" s="3" t="s">
        <v>103</v>
      </c>
      <c r="J451" s="3" t="s">
        <v>524</v>
      </c>
      <c r="K451" s="14">
        <v>43608</v>
      </c>
      <c r="L451" s="3" t="s">
        <v>1453</v>
      </c>
    </row>
    <row r="452" spans="1:12" x14ac:dyDescent="0.3">
      <c r="A452" s="11">
        <v>12819478</v>
      </c>
      <c r="B452" s="11">
        <v>4493363</v>
      </c>
      <c r="C452" s="22" t="str">
        <f t="shared" si="6"/>
        <v>https://support.microsoft.com/kb/4493363</v>
      </c>
      <c r="D452" s="3" t="s">
        <v>1860</v>
      </c>
      <c r="E452" s="3" t="s">
        <v>100</v>
      </c>
      <c r="F452" s="3" t="s">
        <v>137</v>
      </c>
      <c r="G452" s="3" t="s">
        <v>102</v>
      </c>
      <c r="H452" s="3">
        <v>2017</v>
      </c>
      <c r="I452" s="3" t="s">
        <v>103</v>
      </c>
      <c r="J452" s="3" t="s">
        <v>524</v>
      </c>
      <c r="K452" s="14">
        <v>43608</v>
      </c>
      <c r="L452" s="3" t="s">
        <v>1453</v>
      </c>
    </row>
    <row r="453" spans="1:12" x14ac:dyDescent="0.3">
      <c r="A453" s="11">
        <v>12921007</v>
      </c>
      <c r="B453" s="11">
        <v>4503417</v>
      </c>
      <c r="C453" s="22" t="str">
        <f t="shared" si="6"/>
        <v>https://support.microsoft.com/kb/4503417</v>
      </c>
      <c r="D453" s="3" t="s">
        <v>1861</v>
      </c>
      <c r="E453" s="3" t="s">
        <v>100</v>
      </c>
      <c r="F453" s="3" t="s">
        <v>1822</v>
      </c>
      <c r="G453" s="3" t="s">
        <v>102</v>
      </c>
      <c r="H453" s="3">
        <v>2017</v>
      </c>
      <c r="I453" s="3" t="s">
        <v>103</v>
      </c>
      <c r="J453" s="3" t="s">
        <v>524</v>
      </c>
      <c r="K453" s="14">
        <v>43608</v>
      </c>
      <c r="L453" s="3" t="s">
        <v>1453</v>
      </c>
    </row>
    <row r="454" spans="1:12" x14ac:dyDescent="0.3">
      <c r="A454" s="11">
        <v>12789617</v>
      </c>
      <c r="B454" s="11">
        <v>4500783</v>
      </c>
      <c r="C454" s="22" t="str">
        <f t="shared" ref="C454:C517" si="7">HYPERLINK("https://support.microsoft.com/kb/"&amp;B454)</f>
        <v>https://support.microsoft.com/kb/4500783</v>
      </c>
      <c r="D454" s="3" t="s">
        <v>1862</v>
      </c>
      <c r="E454" s="3" t="s">
        <v>100</v>
      </c>
      <c r="F454" s="3" t="s">
        <v>233</v>
      </c>
      <c r="G454" s="3" t="s">
        <v>105</v>
      </c>
      <c r="H454" s="3">
        <v>2017</v>
      </c>
      <c r="I454" s="3" t="s">
        <v>103</v>
      </c>
      <c r="J454" s="3" t="s">
        <v>524</v>
      </c>
      <c r="K454" s="14">
        <v>43608</v>
      </c>
      <c r="L454" s="3" t="s">
        <v>1453</v>
      </c>
    </row>
    <row r="455" spans="1:12" x14ac:dyDescent="0.3">
      <c r="A455" s="11">
        <v>12700741</v>
      </c>
      <c r="B455" s="11">
        <v>4490478</v>
      </c>
      <c r="C455" s="22" t="str">
        <f t="shared" si="7"/>
        <v>https://support.microsoft.com/kb/4490478</v>
      </c>
      <c r="D455" s="3" t="s">
        <v>1863</v>
      </c>
      <c r="E455" s="3" t="s">
        <v>100</v>
      </c>
      <c r="F455" s="3" t="s">
        <v>116</v>
      </c>
      <c r="G455" s="3" t="s">
        <v>116</v>
      </c>
      <c r="H455" s="3">
        <v>2017</v>
      </c>
      <c r="I455" s="3" t="s">
        <v>103</v>
      </c>
      <c r="J455" s="3" t="s">
        <v>524</v>
      </c>
      <c r="K455" s="14">
        <v>43608</v>
      </c>
      <c r="L455" s="3" t="s">
        <v>1453</v>
      </c>
    </row>
    <row r="456" spans="1:12" x14ac:dyDescent="0.3">
      <c r="A456" s="11">
        <v>12819475</v>
      </c>
      <c r="B456" s="11">
        <v>4492880</v>
      </c>
      <c r="C456" s="22" t="str">
        <f t="shared" si="7"/>
        <v>https://support.microsoft.com/kb/4492880</v>
      </c>
      <c r="D456" s="3" t="s">
        <v>1864</v>
      </c>
      <c r="E456" s="3" t="s">
        <v>100</v>
      </c>
      <c r="F456" s="3" t="s">
        <v>101</v>
      </c>
      <c r="G456" s="3" t="s">
        <v>102</v>
      </c>
      <c r="H456" s="3">
        <v>2017</v>
      </c>
      <c r="I456" s="3" t="s">
        <v>103</v>
      </c>
      <c r="J456" s="3" t="s">
        <v>524</v>
      </c>
      <c r="K456" s="14">
        <v>43608</v>
      </c>
      <c r="L456" s="3" t="s">
        <v>1453</v>
      </c>
    </row>
    <row r="457" spans="1:12" x14ac:dyDescent="0.3">
      <c r="A457" s="11">
        <v>12799964</v>
      </c>
      <c r="B457" s="11">
        <v>4502376</v>
      </c>
      <c r="C457" s="22" t="str">
        <f t="shared" si="7"/>
        <v>https://support.microsoft.com/kb/4502376</v>
      </c>
      <c r="D457" s="3" t="s">
        <v>1865</v>
      </c>
      <c r="E457" s="3" t="s">
        <v>100</v>
      </c>
      <c r="F457" s="3" t="s">
        <v>101</v>
      </c>
      <c r="G457" s="3" t="s">
        <v>116</v>
      </c>
      <c r="H457" s="3">
        <v>2017</v>
      </c>
      <c r="I457" s="3" t="s">
        <v>103</v>
      </c>
      <c r="J457" s="3" t="s">
        <v>524</v>
      </c>
      <c r="K457" s="14">
        <v>43608</v>
      </c>
      <c r="L457" s="3" t="s">
        <v>1453</v>
      </c>
    </row>
    <row r="458" spans="1:12" x14ac:dyDescent="0.3">
      <c r="A458" s="11">
        <v>12819460</v>
      </c>
      <c r="B458" s="11">
        <v>4490141</v>
      </c>
      <c r="C458" s="22" t="str">
        <f t="shared" si="7"/>
        <v>https://support.microsoft.com/kb/4490141</v>
      </c>
      <c r="D458" s="3" t="s">
        <v>1866</v>
      </c>
      <c r="E458" s="3" t="s">
        <v>100</v>
      </c>
      <c r="F458" s="3" t="s">
        <v>101</v>
      </c>
      <c r="G458" s="3" t="s">
        <v>102</v>
      </c>
      <c r="H458" s="3">
        <v>2017</v>
      </c>
      <c r="I458" s="3" t="s">
        <v>103</v>
      </c>
      <c r="J458" s="3" t="s">
        <v>524</v>
      </c>
      <c r="K458" s="14">
        <v>43608</v>
      </c>
      <c r="L458" s="3" t="s">
        <v>1453</v>
      </c>
    </row>
    <row r="459" spans="1:12" x14ac:dyDescent="0.3">
      <c r="A459" s="11">
        <v>12865861</v>
      </c>
      <c r="B459" s="11">
        <v>4497230</v>
      </c>
      <c r="C459" s="22" t="str">
        <f t="shared" si="7"/>
        <v>https://support.microsoft.com/kb/4497230</v>
      </c>
      <c r="D459" s="3" t="s">
        <v>1867</v>
      </c>
      <c r="E459" s="3" t="s">
        <v>100</v>
      </c>
      <c r="F459" s="3" t="s">
        <v>101</v>
      </c>
      <c r="G459" s="3" t="s">
        <v>102</v>
      </c>
      <c r="H459" s="3">
        <v>2017</v>
      </c>
      <c r="I459" s="3" t="s">
        <v>103</v>
      </c>
      <c r="J459" s="3" t="s">
        <v>524</v>
      </c>
      <c r="K459" s="14">
        <v>43608</v>
      </c>
      <c r="L459" s="3" t="s">
        <v>1453</v>
      </c>
    </row>
    <row r="460" spans="1:12" x14ac:dyDescent="0.3">
      <c r="A460" s="11">
        <v>12877988</v>
      </c>
      <c r="B460" s="11">
        <v>4501797</v>
      </c>
      <c r="C460" s="22" t="str">
        <f t="shared" si="7"/>
        <v>https://support.microsoft.com/kb/4501797</v>
      </c>
      <c r="D460" s="3" t="s">
        <v>1868</v>
      </c>
      <c r="E460" s="3" t="s">
        <v>100</v>
      </c>
      <c r="F460" s="3" t="s">
        <v>101</v>
      </c>
      <c r="G460" s="3" t="s">
        <v>102</v>
      </c>
      <c r="H460" s="3">
        <v>2017</v>
      </c>
      <c r="I460" s="3" t="s">
        <v>103</v>
      </c>
      <c r="J460" s="3" t="s">
        <v>524</v>
      </c>
      <c r="K460" s="14">
        <v>43608</v>
      </c>
      <c r="L460" s="3" t="s">
        <v>1453</v>
      </c>
    </row>
    <row r="461" spans="1:12" x14ac:dyDescent="0.3">
      <c r="A461" s="11">
        <v>12640919</v>
      </c>
      <c r="B461" s="11">
        <v>4492604</v>
      </c>
      <c r="C461" s="22" t="str">
        <f t="shared" si="7"/>
        <v>https://support.microsoft.com/kb/4492604</v>
      </c>
      <c r="D461" s="3" t="s">
        <v>1869</v>
      </c>
      <c r="E461" s="3" t="s">
        <v>100</v>
      </c>
      <c r="F461" s="3" t="s">
        <v>101</v>
      </c>
      <c r="G461" s="3" t="s">
        <v>102</v>
      </c>
      <c r="H461" s="3">
        <v>2017</v>
      </c>
      <c r="I461" s="3" t="s">
        <v>103</v>
      </c>
      <c r="J461" s="3" t="s">
        <v>524</v>
      </c>
      <c r="K461" s="14">
        <v>43608</v>
      </c>
      <c r="L461" s="3" t="s">
        <v>1453</v>
      </c>
    </row>
    <row r="462" spans="1:12" x14ac:dyDescent="0.3">
      <c r="A462" s="11">
        <v>12756913</v>
      </c>
      <c r="B462" s="11">
        <v>4502658</v>
      </c>
      <c r="C462" s="22" t="str">
        <f t="shared" si="7"/>
        <v>https://support.microsoft.com/kb/4502658</v>
      </c>
      <c r="D462" s="3" t="s">
        <v>1870</v>
      </c>
      <c r="E462" s="3" t="s">
        <v>100</v>
      </c>
      <c r="F462" s="3" t="s">
        <v>579</v>
      </c>
      <c r="G462" s="3" t="s">
        <v>102</v>
      </c>
      <c r="H462" s="3">
        <v>2017</v>
      </c>
      <c r="I462" s="3" t="s">
        <v>103</v>
      </c>
      <c r="J462" s="3" t="s">
        <v>524</v>
      </c>
      <c r="K462" s="14">
        <v>43608</v>
      </c>
      <c r="L462" s="3" t="s">
        <v>1453</v>
      </c>
    </row>
    <row r="463" spans="1:12" x14ac:dyDescent="0.3">
      <c r="A463" s="11">
        <v>12820675</v>
      </c>
      <c r="B463" s="11">
        <v>4502659</v>
      </c>
      <c r="C463" s="22" t="str">
        <f t="shared" si="7"/>
        <v>https://support.microsoft.com/kb/4502659</v>
      </c>
      <c r="D463" s="3" t="s">
        <v>1871</v>
      </c>
      <c r="E463" s="3" t="s">
        <v>100</v>
      </c>
      <c r="F463" s="3" t="s">
        <v>579</v>
      </c>
      <c r="G463" s="3" t="s">
        <v>102</v>
      </c>
      <c r="H463" s="3">
        <v>2017</v>
      </c>
      <c r="I463" s="3" t="s">
        <v>103</v>
      </c>
      <c r="J463" s="3" t="s">
        <v>524</v>
      </c>
      <c r="K463" s="14">
        <v>43608</v>
      </c>
      <c r="L463" s="3" t="s">
        <v>1453</v>
      </c>
    </row>
    <row r="464" spans="1:12" x14ac:dyDescent="0.3">
      <c r="A464" s="11">
        <v>12794414</v>
      </c>
      <c r="B464" s="11">
        <v>4494650</v>
      </c>
      <c r="C464" s="22" t="str">
        <f t="shared" si="7"/>
        <v>https://support.microsoft.com/kb/4494650</v>
      </c>
      <c r="D464" s="3" t="s">
        <v>1872</v>
      </c>
      <c r="E464" s="3" t="s">
        <v>100</v>
      </c>
      <c r="F464" s="3" t="s">
        <v>127</v>
      </c>
      <c r="G464" s="3" t="s">
        <v>102</v>
      </c>
      <c r="H464" s="3">
        <v>2017</v>
      </c>
      <c r="I464" s="3" t="s">
        <v>103</v>
      </c>
      <c r="J464" s="3" t="s">
        <v>524</v>
      </c>
      <c r="K464" s="14">
        <v>43608</v>
      </c>
      <c r="L464" s="3" t="s">
        <v>1453</v>
      </c>
    </row>
    <row r="465" spans="1:12" x14ac:dyDescent="0.3">
      <c r="A465" s="11">
        <v>12821584</v>
      </c>
      <c r="B465" s="11">
        <v>4499614</v>
      </c>
      <c r="C465" s="22" t="str">
        <f t="shared" si="7"/>
        <v>https://support.microsoft.com/kb/4499614</v>
      </c>
      <c r="D465" s="3" t="s">
        <v>1873</v>
      </c>
      <c r="E465" s="3" t="s">
        <v>100</v>
      </c>
      <c r="F465" s="3" t="s">
        <v>127</v>
      </c>
      <c r="G465" s="3" t="s">
        <v>102</v>
      </c>
      <c r="H465" s="3">
        <v>2017</v>
      </c>
      <c r="I465" s="3" t="s">
        <v>103</v>
      </c>
      <c r="J465" s="3" t="s">
        <v>524</v>
      </c>
      <c r="K465" s="14">
        <v>43608</v>
      </c>
      <c r="L465" s="3" t="s">
        <v>1453</v>
      </c>
    </row>
    <row r="466" spans="1:12" x14ac:dyDescent="0.3">
      <c r="A466" s="11">
        <v>12886436</v>
      </c>
      <c r="B466" s="11">
        <v>4501670</v>
      </c>
      <c r="C466" s="22" t="str">
        <f t="shared" si="7"/>
        <v>https://support.microsoft.com/kb/4501670</v>
      </c>
      <c r="D466" s="3" t="s">
        <v>1874</v>
      </c>
      <c r="E466" s="3" t="s">
        <v>100</v>
      </c>
      <c r="F466" s="3" t="s">
        <v>127</v>
      </c>
      <c r="G466" s="3" t="s">
        <v>105</v>
      </c>
      <c r="H466" s="3">
        <v>2017</v>
      </c>
      <c r="I466" s="3" t="s">
        <v>103</v>
      </c>
      <c r="J466" s="3" t="s">
        <v>524</v>
      </c>
      <c r="K466" s="14">
        <v>43608</v>
      </c>
      <c r="L466" s="3" t="s">
        <v>1453</v>
      </c>
    </row>
    <row r="467" spans="1:12" x14ac:dyDescent="0.3">
      <c r="A467" s="11">
        <v>12674647</v>
      </c>
      <c r="B467" s="11">
        <v>4490136</v>
      </c>
      <c r="C467" s="22" t="str">
        <f t="shared" si="7"/>
        <v>https://support.microsoft.com/kb/4490136</v>
      </c>
      <c r="D467" s="3" t="s">
        <v>1875</v>
      </c>
      <c r="E467" s="3" t="s">
        <v>100</v>
      </c>
      <c r="F467" s="3" t="s">
        <v>127</v>
      </c>
      <c r="G467" s="3" t="s">
        <v>102</v>
      </c>
      <c r="H467" s="3">
        <v>2017</v>
      </c>
      <c r="I467" s="3" t="s">
        <v>103</v>
      </c>
      <c r="J467" s="3" t="s">
        <v>524</v>
      </c>
      <c r="K467" s="14">
        <v>43608</v>
      </c>
      <c r="L467" s="3" t="s">
        <v>1453</v>
      </c>
    </row>
    <row r="468" spans="1:12" x14ac:dyDescent="0.3">
      <c r="A468" s="11">
        <v>12819466</v>
      </c>
      <c r="B468" s="11">
        <v>4503379</v>
      </c>
      <c r="C468" s="22" t="str">
        <f t="shared" si="7"/>
        <v>https://support.microsoft.com/kb/4503379</v>
      </c>
      <c r="D468" s="3" t="s">
        <v>1876</v>
      </c>
      <c r="E468" s="3" t="s">
        <v>100</v>
      </c>
      <c r="F468" s="3" t="s">
        <v>127</v>
      </c>
      <c r="G468" s="3" t="s">
        <v>102</v>
      </c>
      <c r="H468" s="3">
        <v>2017</v>
      </c>
      <c r="I468" s="3" t="s">
        <v>103</v>
      </c>
      <c r="J468" s="3" t="s">
        <v>524</v>
      </c>
      <c r="K468" s="14">
        <v>43608</v>
      </c>
      <c r="L468" s="3" t="s">
        <v>1453</v>
      </c>
    </row>
    <row r="469" spans="1:12" x14ac:dyDescent="0.3">
      <c r="A469" s="11">
        <v>12892302</v>
      </c>
      <c r="B469" s="11">
        <v>4505820</v>
      </c>
      <c r="C469" s="22" t="str">
        <f t="shared" si="7"/>
        <v>https://support.microsoft.com/kb/4505820</v>
      </c>
      <c r="D469" s="3" t="s">
        <v>1877</v>
      </c>
      <c r="E469" s="3" t="s">
        <v>100</v>
      </c>
      <c r="F469" s="3" t="s">
        <v>127</v>
      </c>
      <c r="G469" s="3" t="s">
        <v>102</v>
      </c>
      <c r="H469" s="3">
        <v>2017</v>
      </c>
      <c r="I469" s="3" t="s">
        <v>103</v>
      </c>
      <c r="J469" s="3" t="s">
        <v>524</v>
      </c>
      <c r="K469" s="14">
        <v>43608</v>
      </c>
      <c r="L469" s="3" t="s">
        <v>1453</v>
      </c>
    </row>
    <row r="470" spans="1:12" x14ac:dyDescent="0.3">
      <c r="A470" s="11">
        <v>12805642</v>
      </c>
      <c r="B470" s="11">
        <v>4502400</v>
      </c>
      <c r="C470" s="22" t="str">
        <f t="shared" si="7"/>
        <v>https://support.microsoft.com/kb/4502400</v>
      </c>
      <c r="D470" s="3" t="s">
        <v>1878</v>
      </c>
      <c r="E470" s="3" t="s">
        <v>100</v>
      </c>
      <c r="F470" s="3" t="s">
        <v>113</v>
      </c>
      <c r="G470" s="3" t="s">
        <v>105</v>
      </c>
      <c r="H470" s="3">
        <v>2017</v>
      </c>
      <c r="I470" s="3" t="s">
        <v>103</v>
      </c>
      <c r="J470" s="3" t="s">
        <v>524</v>
      </c>
      <c r="K470" s="14">
        <v>43608</v>
      </c>
      <c r="L470" s="3" t="s">
        <v>1453</v>
      </c>
    </row>
    <row r="471" spans="1:12" x14ac:dyDescent="0.3">
      <c r="A471" s="11">
        <v>12768690</v>
      </c>
      <c r="B471" s="11">
        <v>4502532</v>
      </c>
      <c r="C471" s="22" t="str">
        <f t="shared" si="7"/>
        <v>https://support.microsoft.com/kb/4502532</v>
      </c>
      <c r="D471" s="3" t="s">
        <v>1879</v>
      </c>
      <c r="E471" s="3" t="s">
        <v>100</v>
      </c>
      <c r="F471" s="3" t="s">
        <v>113</v>
      </c>
      <c r="G471" s="3" t="s">
        <v>102</v>
      </c>
      <c r="H471" s="3">
        <v>2017</v>
      </c>
      <c r="I471" s="3" t="s">
        <v>103</v>
      </c>
      <c r="J471" s="3" t="s">
        <v>524</v>
      </c>
      <c r="K471" s="14">
        <v>43608</v>
      </c>
      <c r="L471" s="3" t="s">
        <v>1453</v>
      </c>
    </row>
    <row r="472" spans="1:12" x14ac:dyDescent="0.3">
      <c r="A472" s="11">
        <v>12644521</v>
      </c>
      <c r="B472" s="11">
        <v>4493329</v>
      </c>
      <c r="C472" s="22" t="str">
        <f t="shared" si="7"/>
        <v>https://support.microsoft.com/kb/4493329</v>
      </c>
      <c r="D472" s="3" t="s">
        <v>1880</v>
      </c>
      <c r="E472" s="3" t="s">
        <v>100</v>
      </c>
      <c r="F472" s="3" t="s">
        <v>120</v>
      </c>
      <c r="G472" s="3" t="s">
        <v>102</v>
      </c>
      <c r="H472" s="3">
        <v>2017</v>
      </c>
      <c r="I472" s="3" t="s">
        <v>103</v>
      </c>
      <c r="J472" s="3" t="s">
        <v>524</v>
      </c>
      <c r="K472" s="14">
        <v>43608</v>
      </c>
      <c r="L472" s="3" t="s">
        <v>1453</v>
      </c>
    </row>
    <row r="473" spans="1:12" x14ac:dyDescent="0.3">
      <c r="A473" s="11">
        <v>12819465</v>
      </c>
      <c r="B473" s="11">
        <v>4488853</v>
      </c>
      <c r="C473" s="22" t="str">
        <f t="shared" si="7"/>
        <v>https://support.microsoft.com/kb/4488853</v>
      </c>
      <c r="D473" s="3" t="s">
        <v>1881</v>
      </c>
      <c r="E473" s="3" t="s">
        <v>100</v>
      </c>
      <c r="F473" s="3" t="s">
        <v>120</v>
      </c>
      <c r="G473" s="3" t="s">
        <v>102</v>
      </c>
      <c r="H473" s="3">
        <v>2017</v>
      </c>
      <c r="I473" s="3" t="s">
        <v>103</v>
      </c>
      <c r="J473" s="3" t="s">
        <v>524</v>
      </c>
      <c r="K473" s="14">
        <v>43608</v>
      </c>
      <c r="L473" s="3" t="s">
        <v>1453</v>
      </c>
    </row>
    <row r="474" spans="1:12" x14ac:dyDescent="0.3">
      <c r="A474" s="11">
        <v>12865874</v>
      </c>
      <c r="B474" s="11">
        <v>4499231</v>
      </c>
      <c r="C474" s="22" t="str">
        <f t="shared" si="7"/>
        <v>https://support.microsoft.com/kb/4499231</v>
      </c>
      <c r="D474" s="3" t="s">
        <v>1882</v>
      </c>
      <c r="E474" s="3" t="s">
        <v>100</v>
      </c>
      <c r="F474" s="3" t="s">
        <v>120</v>
      </c>
      <c r="G474" s="3" t="s">
        <v>102</v>
      </c>
      <c r="H474" s="3">
        <v>2017</v>
      </c>
      <c r="I474" s="3" t="s">
        <v>103</v>
      </c>
      <c r="J474" s="3" t="s">
        <v>524</v>
      </c>
      <c r="K474" s="14">
        <v>43608</v>
      </c>
      <c r="L474" s="3" t="s">
        <v>1453</v>
      </c>
    </row>
    <row r="475" spans="1:12" x14ac:dyDescent="0.3">
      <c r="A475" s="11">
        <v>12686636</v>
      </c>
      <c r="B475" s="11">
        <v>4500511</v>
      </c>
      <c r="C475" s="22" t="str">
        <f t="shared" si="7"/>
        <v>https://support.microsoft.com/kb/4500511</v>
      </c>
      <c r="D475" s="3" t="s">
        <v>1883</v>
      </c>
      <c r="E475" s="3" t="s">
        <v>100</v>
      </c>
      <c r="F475" s="3" t="s">
        <v>120</v>
      </c>
      <c r="G475" s="3" t="s">
        <v>105</v>
      </c>
      <c r="H475" s="3">
        <v>2017</v>
      </c>
      <c r="I475" s="3" t="s">
        <v>103</v>
      </c>
      <c r="J475" s="3" t="s">
        <v>524</v>
      </c>
      <c r="K475" s="14">
        <v>43608</v>
      </c>
      <c r="L475" s="3" t="s">
        <v>1453</v>
      </c>
    </row>
    <row r="476" spans="1:12" x14ac:dyDescent="0.3">
      <c r="A476" s="11">
        <v>12819467</v>
      </c>
      <c r="B476" s="11">
        <v>4489202</v>
      </c>
      <c r="C476" s="22" t="str">
        <f t="shared" si="7"/>
        <v>https://support.microsoft.com/kb/4489202</v>
      </c>
      <c r="D476" s="3" t="s">
        <v>1884</v>
      </c>
      <c r="E476" s="3" t="s">
        <v>100</v>
      </c>
      <c r="F476" s="3" t="s">
        <v>145</v>
      </c>
      <c r="G476" s="3" t="s">
        <v>102</v>
      </c>
      <c r="H476" s="3">
        <v>2017</v>
      </c>
      <c r="I476" s="3" t="s">
        <v>103</v>
      </c>
      <c r="J476" s="3" t="s">
        <v>524</v>
      </c>
      <c r="K476" s="14">
        <v>43608</v>
      </c>
      <c r="L476" s="3" t="s">
        <v>1453</v>
      </c>
    </row>
    <row r="477" spans="1:12" x14ac:dyDescent="0.3">
      <c r="A477" s="11">
        <v>12670267</v>
      </c>
      <c r="B477" s="11">
        <v>4499423</v>
      </c>
      <c r="C477" s="22" t="str">
        <f t="shared" si="7"/>
        <v>https://support.microsoft.com/kb/4499423</v>
      </c>
      <c r="D477" s="3" t="s">
        <v>1885</v>
      </c>
      <c r="E477" s="3" t="s">
        <v>100</v>
      </c>
      <c r="F477" s="3" t="s">
        <v>145</v>
      </c>
      <c r="G477" s="3" t="s">
        <v>116</v>
      </c>
      <c r="H477" s="3">
        <v>2017</v>
      </c>
      <c r="I477" s="3" t="s">
        <v>103</v>
      </c>
      <c r="J477" s="3" t="s">
        <v>524</v>
      </c>
      <c r="K477" s="14">
        <v>43608</v>
      </c>
      <c r="L477" s="3" t="s">
        <v>1453</v>
      </c>
    </row>
    <row r="478" spans="1:12" x14ac:dyDescent="0.3">
      <c r="A478" s="11">
        <v>12831695</v>
      </c>
      <c r="B478" s="11">
        <v>4498720</v>
      </c>
      <c r="C478" s="22" t="str">
        <f t="shared" si="7"/>
        <v>https://support.microsoft.com/kb/4498720</v>
      </c>
      <c r="D478" s="3" t="s">
        <v>1886</v>
      </c>
      <c r="E478" s="3" t="s">
        <v>100</v>
      </c>
      <c r="F478" s="3" t="s">
        <v>145</v>
      </c>
      <c r="G478" s="3" t="s">
        <v>116</v>
      </c>
      <c r="H478" s="3">
        <v>2017</v>
      </c>
      <c r="I478" s="3" t="s">
        <v>103</v>
      </c>
      <c r="J478" s="3" t="s">
        <v>524</v>
      </c>
      <c r="K478" s="14">
        <v>43608</v>
      </c>
      <c r="L478" s="3" t="s">
        <v>1453</v>
      </c>
    </row>
    <row r="479" spans="1:12" x14ac:dyDescent="0.3">
      <c r="A479" s="11">
        <v>12798181</v>
      </c>
      <c r="B479" s="11">
        <v>4502706</v>
      </c>
      <c r="C479" s="22" t="str">
        <f t="shared" si="7"/>
        <v>https://support.microsoft.com/kb/4502706</v>
      </c>
      <c r="D479" s="3" t="s">
        <v>1887</v>
      </c>
      <c r="E479" s="3" t="s">
        <v>100</v>
      </c>
      <c r="F479" s="3" t="s">
        <v>145</v>
      </c>
      <c r="G479" s="3" t="s">
        <v>105</v>
      </c>
      <c r="H479" s="3">
        <v>2017</v>
      </c>
      <c r="I479" s="3" t="s">
        <v>103</v>
      </c>
      <c r="J479" s="3" t="s">
        <v>524</v>
      </c>
      <c r="K479" s="14">
        <v>43608</v>
      </c>
      <c r="L479" s="3" t="s">
        <v>1453</v>
      </c>
    </row>
    <row r="480" spans="1:12" x14ac:dyDescent="0.3">
      <c r="A480" s="11">
        <v>12745415</v>
      </c>
      <c r="B480" s="11">
        <v>4502380</v>
      </c>
      <c r="C480" s="22" t="str">
        <f t="shared" si="7"/>
        <v>https://support.microsoft.com/kb/4502380</v>
      </c>
      <c r="D480" s="3" t="s">
        <v>1888</v>
      </c>
      <c r="E480" s="3" t="s">
        <v>100</v>
      </c>
      <c r="F480" s="3" t="s">
        <v>153</v>
      </c>
      <c r="G480" s="3" t="s">
        <v>102</v>
      </c>
      <c r="H480" s="3">
        <v>2017</v>
      </c>
      <c r="I480" s="3" t="s">
        <v>103</v>
      </c>
      <c r="J480" s="3" t="s">
        <v>524</v>
      </c>
      <c r="K480" s="14">
        <v>43608</v>
      </c>
      <c r="L480" s="3" t="s">
        <v>1453</v>
      </c>
    </row>
    <row r="481" spans="1:12" x14ac:dyDescent="0.3">
      <c r="A481" s="11">
        <v>12819479</v>
      </c>
      <c r="B481" s="11">
        <v>4492899</v>
      </c>
      <c r="C481" s="22" t="str">
        <f t="shared" si="7"/>
        <v>https://support.microsoft.com/kb/4492899</v>
      </c>
      <c r="D481" s="3" t="s">
        <v>1889</v>
      </c>
      <c r="E481" s="3" t="s">
        <v>100</v>
      </c>
      <c r="F481" s="3" t="s">
        <v>332</v>
      </c>
      <c r="G481" s="3" t="s">
        <v>102</v>
      </c>
      <c r="H481" s="3">
        <v>2017</v>
      </c>
      <c r="I481" s="3" t="s">
        <v>103</v>
      </c>
      <c r="J481" s="3" t="s">
        <v>524</v>
      </c>
      <c r="K481" s="14">
        <v>43608</v>
      </c>
      <c r="L481" s="3" t="s">
        <v>1453</v>
      </c>
    </row>
    <row r="482" spans="1:12" x14ac:dyDescent="0.3">
      <c r="A482" s="11">
        <v>12651915</v>
      </c>
      <c r="B482" s="11">
        <v>4490799</v>
      </c>
      <c r="C482" s="22" t="str">
        <f t="shared" si="7"/>
        <v>https://support.microsoft.com/kb/4490799</v>
      </c>
      <c r="D482" s="3" t="s">
        <v>1890</v>
      </c>
      <c r="E482" s="3" t="s">
        <v>100</v>
      </c>
      <c r="F482" s="3" t="s">
        <v>1891</v>
      </c>
      <c r="G482" s="3" t="s">
        <v>116</v>
      </c>
      <c r="H482" s="3">
        <v>2017</v>
      </c>
      <c r="I482" s="3" t="s">
        <v>103</v>
      </c>
      <c r="J482" s="3" t="s">
        <v>31</v>
      </c>
      <c r="K482" s="14">
        <v>43549</v>
      </c>
      <c r="L482" s="3" t="s">
        <v>1460</v>
      </c>
    </row>
    <row r="483" spans="1:12" x14ac:dyDescent="0.3">
      <c r="A483" s="11">
        <v>12635600</v>
      </c>
      <c r="B483" s="11">
        <v>4487975</v>
      </c>
      <c r="C483" s="22" t="str">
        <f t="shared" si="7"/>
        <v>https://support.microsoft.com/kb/4487975</v>
      </c>
      <c r="D483" s="3" t="s">
        <v>1892</v>
      </c>
      <c r="E483" s="3" t="s">
        <v>180</v>
      </c>
      <c r="F483" s="3" t="s">
        <v>180</v>
      </c>
      <c r="G483" s="3" t="s">
        <v>102</v>
      </c>
      <c r="H483" s="3">
        <v>2017</v>
      </c>
      <c r="I483" s="3" t="s">
        <v>103</v>
      </c>
      <c r="J483" s="3" t="s">
        <v>31</v>
      </c>
      <c r="K483" s="14">
        <v>43545</v>
      </c>
      <c r="L483" s="3" t="s">
        <v>1460</v>
      </c>
    </row>
    <row r="484" spans="1:12" x14ac:dyDescent="0.3">
      <c r="A484" s="11">
        <v>12631714</v>
      </c>
      <c r="B484" s="11">
        <v>4487751</v>
      </c>
      <c r="C484" s="22" t="str">
        <f t="shared" si="7"/>
        <v>https://support.microsoft.com/kb/4487751</v>
      </c>
      <c r="D484" s="3" t="s">
        <v>1893</v>
      </c>
      <c r="E484" s="3" t="s">
        <v>180</v>
      </c>
      <c r="F484" s="3" t="s">
        <v>180</v>
      </c>
      <c r="G484" s="3" t="s">
        <v>102</v>
      </c>
      <c r="H484" s="3">
        <v>2017</v>
      </c>
      <c r="I484" s="3" t="s">
        <v>103</v>
      </c>
      <c r="J484" s="3" t="s">
        <v>31</v>
      </c>
      <c r="K484" s="14">
        <v>43545</v>
      </c>
      <c r="L484" s="3" t="s">
        <v>1460</v>
      </c>
    </row>
    <row r="485" spans="1:12" x14ac:dyDescent="0.3">
      <c r="A485" s="11">
        <v>12671899</v>
      </c>
      <c r="B485" s="11">
        <v>4486935</v>
      </c>
      <c r="C485" s="22" t="str">
        <f t="shared" si="7"/>
        <v>https://support.microsoft.com/kb/4486935</v>
      </c>
      <c r="D485" s="3" t="s">
        <v>1894</v>
      </c>
      <c r="E485" s="3" t="s">
        <v>180</v>
      </c>
      <c r="F485" s="3" t="s">
        <v>180</v>
      </c>
      <c r="G485" s="3" t="s">
        <v>102</v>
      </c>
      <c r="H485" s="3">
        <v>2017</v>
      </c>
      <c r="I485" s="3" t="s">
        <v>103</v>
      </c>
      <c r="J485" s="3" t="s">
        <v>31</v>
      </c>
      <c r="K485" s="14">
        <v>43545</v>
      </c>
      <c r="L485" s="3" t="s">
        <v>1460</v>
      </c>
    </row>
    <row r="486" spans="1:12" x14ac:dyDescent="0.3">
      <c r="A486" s="11">
        <v>12564137</v>
      </c>
      <c r="B486" s="11">
        <v>4480647</v>
      </c>
      <c r="C486" s="22" t="str">
        <f t="shared" si="7"/>
        <v>https://support.microsoft.com/kb/4480647</v>
      </c>
      <c r="D486" s="3" t="s">
        <v>1895</v>
      </c>
      <c r="E486" s="3" t="s">
        <v>380</v>
      </c>
      <c r="F486" s="3" t="s">
        <v>1851</v>
      </c>
      <c r="G486" s="3" t="s">
        <v>102</v>
      </c>
      <c r="H486" s="3">
        <v>2017</v>
      </c>
      <c r="I486" s="3" t="s">
        <v>103</v>
      </c>
      <c r="J486" s="3" t="s">
        <v>31</v>
      </c>
      <c r="K486" s="14">
        <v>43545</v>
      </c>
      <c r="L486" s="3" t="s">
        <v>1460</v>
      </c>
    </row>
    <row r="487" spans="1:12" x14ac:dyDescent="0.3">
      <c r="A487" s="11">
        <v>12571730</v>
      </c>
      <c r="B487" s="11">
        <v>4486937</v>
      </c>
      <c r="C487" s="22" t="str">
        <f t="shared" si="7"/>
        <v>https://support.microsoft.com/kb/4486937</v>
      </c>
      <c r="D487" s="3" t="s">
        <v>1896</v>
      </c>
      <c r="E487" s="3" t="s">
        <v>178</v>
      </c>
      <c r="F487" s="3" t="s">
        <v>775</v>
      </c>
      <c r="G487" s="3" t="s">
        <v>102</v>
      </c>
      <c r="H487" s="3">
        <v>2017</v>
      </c>
      <c r="I487" s="3" t="s">
        <v>103</v>
      </c>
      <c r="J487" s="3" t="s">
        <v>31</v>
      </c>
      <c r="K487" s="14">
        <v>43545</v>
      </c>
      <c r="L487" s="3" t="s">
        <v>1460</v>
      </c>
    </row>
    <row r="488" spans="1:12" x14ac:dyDescent="0.3">
      <c r="A488" s="11">
        <v>12654305</v>
      </c>
      <c r="B488" s="11">
        <v>4488971</v>
      </c>
      <c r="C488" s="22" t="str">
        <f t="shared" si="7"/>
        <v>https://support.microsoft.com/kb/4488971</v>
      </c>
      <c r="D488" s="3" t="s">
        <v>1897</v>
      </c>
      <c r="E488" s="3" t="s">
        <v>178</v>
      </c>
      <c r="F488" s="3" t="s">
        <v>689</v>
      </c>
      <c r="G488" s="3" t="s">
        <v>102</v>
      </c>
      <c r="H488" s="3">
        <v>2017</v>
      </c>
      <c r="I488" s="3" t="s">
        <v>103</v>
      </c>
      <c r="J488" s="3" t="s">
        <v>31</v>
      </c>
      <c r="K488" s="14">
        <v>43545</v>
      </c>
      <c r="L488" s="3" t="s">
        <v>1460</v>
      </c>
    </row>
    <row r="489" spans="1:12" x14ac:dyDescent="0.3">
      <c r="A489" s="11">
        <v>12588637</v>
      </c>
      <c r="B489" s="11">
        <v>4486940</v>
      </c>
      <c r="C489" s="22" t="str">
        <f t="shared" si="7"/>
        <v>https://support.microsoft.com/kb/4486940</v>
      </c>
      <c r="D489" s="3" t="s">
        <v>1898</v>
      </c>
      <c r="E489" s="3" t="s">
        <v>100</v>
      </c>
      <c r="F489" s="3" t="s">
        <v>123</v>
      </c>
      <c r="G489" s="3" t="s">
        <v>102</v>
      </c>
      <c r="H489" s="3">
        <v>2017</v>
      </c>
      <c r="I489" s="3" t="s">
        <v>103</v>
      </c>
      <c r="J489" s="3" t="s">
        <v>31</v>
      </c>
      <c r="K489" s="14">
        <v>43545</v>
      </c>
      <c r="L489" s="3" t="s">
        <v>1460</v>
      </c>
    </row>
    <row r="490" spans="1:12" x14ac:dyDescent="0.3">
      <c r="A490" s="11">
        <v>12695517</v>
      </c>
      <c r="B490" s="11">
        <v>4490379</v>
      </c>
      <c r="C490" s="22" t="str">
        <f t="shared" si="7"/>
        <v>https://support.microsoft.com/kb/4490379</v>
      </c>
      <c r="D490" s="3" t="s">
        <v>1899</v>
      </c>
      <c r="E490" s="3" t="s">
        <v>100</v>
      </c>
      <c r="F490" s="3" t="s">
        <v>137</v>
      </c>
      <c r="G490" s="3" t="s">
        <v>116</v>
      </c>
      <c r="H490" s="3">
        <v>2017</v>
      </c>
      <c r="I490" s="3" t="s">
        <v>103</v>
      </c>
      <c r="J490" s="3" t="s">
        <v>31</v>
      </c>
      <c r="K490" s="14">
        <v>43545</v>
      </c>
      <c r="L490" s="3" t="s">
        <v>1460</v>
      </c>
    </row>
    <row r="491" spans="1:12" x14ac:dyDescent="0.3">
      <c r="A491" s="11">
        <v>12700549</v>
      </c>
      <c r="B491" s="11">
        <v>4490144</v>
      </c>
      <c r="C491" s="22" t="str">
        <f t="shared" si="7"/>
        <v>https://support.microsoft.com/kb/4490144</v>
      </c>
      <c r="D491" s="3" t="s">
        <v>1900</v>
      </c>
      <c r="E491" s="3" t="s">
        <v>100</v>
      </c>
      <c r="F491" s="3" t="s">
        <v>137</v>
      </c>
      <c r="G491" s="3" t="s">
        <v>116</v>
      </c>
      <c r="H491" s="3">
        <v>2017</v>
      </c>
      <c r="I491" s="3" t="s">
        <v>103</v>
      </c>
      <c r="J491" s="3" t="s">
        <v>31</v>
      </c>
      <c r="K491" s="14">
        <v>43545</v>
      </c>
      <c r="L491" s="3" t="s">
        <v>1460</v>
      </c>
    </row>
    <row r="492" spans="1:12" x14ac:dyDescent="0.3">
      <c r="A492" s="11">
        <v>12700550</v>
      </c>
      <c r="B492" s="11">
        <v>4490145</v>
      </c>
      <c r="C492" s="22" t="str">
        <f t="shared" si="7"/>
        <v>https://support.microsoft.com/kb/4490145</v>
      </c>
      <c r="D492" s="3" t="s">
        <v>1901</v>
      </c>
      <c r="E492" s="3" t="s">
        <v>100</v>
      </c>
      <c r="F492" s="3" t="s">
        <v>137</v>
      </c>
      <c r="G492" s="3" t="s">
        <v>116</v>
      </c>
      <c r="H492" s="3">
        <v>2017</v>
      </c>
      <c r="I492" s="3" t="s">
        <v>103</v>
      </c>
      <c r="J492" s="3" t="s">
        <v>31</v>
      </c>
      <c r="K492" s="14">
        <v>43545</v>
      </c>
      <c r="L492" s="3" t="s">
        <v>1460</v>
      </c>
    </row>
    <row r="493" spans="1:12" x14ac:dyDescent="0.3">
      <c r="A493" s="11">
        <v>12671876</v>
      </c>
      <c r="B493" s="11">
        <v>4480650</v>
      </c>
      <c r="C493" s="22" t="str">
        <f t="shared" si="7"/>
        <v>https://support.microsoft.com/kb/4480650</v>
      </c>
      <c r="D493" s="3" t="s">
        <v>1902</v>
      </c>
      <c r="E493" s="3" t="s">
        <v>100</v>
      </c>
      <c r="F493" s="3" t="s">
        <v>101</v>
      </c>
      <c r="G493" s="3" t="s">
        <v>102</v>
      </c>
      <c r="H493" s="3">
        <v>2017</v>
      </c>
      <c r="I493" s="3" t="s">
        <v>103</v>
      </c>
      <c r="J493" s="3" t="s">
        <v>31</v>
      </c>
      <c r="K493" s="14">
        <v>43545</v>
      </c>
      <c r="L493" s="3" t="s">
        <v>1460</v>
      </c>
    </row>
    <row r="494" spans="1:12" x14ac:dyDescent="0.3">
      <c r="A494" s="11">
        <v>12562317</v>
      </c>
      <c r="B494" s="11">
        <v>4488400</v>
      </c>
      <c r="C494" s="22" t="str">
        <f t="shared" si="7"/>
        <v>https://support.microsoft.com/kb/4488400</v>
      </c>
      <c r="D494" s="3" t="s">
        <v>1903</v>
      </c>
      <c r="E494" s="3" t="s">
        <v>100</v>
      </c>
      <c r="F494" s="3" t="s">
        <v>101</v>
      </c>
      <c r="G494" s="3" t="s">
        <v>102</v>
      </c>
      <c r="H494" s="3">
        <v>2017</v>
      </c>
      <c r="I494" s="3" t="s">
        <v>103</v>
      </c>
      <c r="J494" s="3" t="s">
        <v>31</v>
      </c>
      <c r="K494" s="14">
        <v>43545</v>
      </c>
      <c r="L494" s="3" t="s">
        <v>1460</v>
      </c>
    </row>
    <row r="495" spans="1:12" x14ac:dyDescent="0.3">
      <c r="A495" s="11">
        <v>12672571</v>
      </c>
      <c r="B495" s="11">
        <v>4490142</v>
      </c>
      <c r="C495" s="22" t="str">
        <f t="shared" si="7"/>
        <v>https://support.microsoft.com/kb/4490142</v>
      </c>
      <c r="D495" s="3" t="s">
        <v>1904</v>
      </c>
      <c r="E495" s="3" t="s">
        <v>100</v>
      </c>
      <c r="F495" s="3" t="s">
        <v>110</v>
      </c>
      <c r="G495" s="3" t="s">
        <v>105</v>
      </c>
      <c r="H495" s="3">
        <v>2017</v>
      </c>
      <c r="I495" s="3" t="s">
        <v>103</v>
      </c>
      <c r="J495" s="3" t="s">
        <v>31</v>
      </c>
      <c r="K495" s="14">
        <v>43545</v>
      </c>
      <c r="L495" s="3" t="s">
        <v>1460</v>
      </c>
    </row>
    <row r="496" spans="1:12" x14ac:dyDescent="0.3">
      <c r="A496" s="11">
        <v>12578034</v>
      </c>
      <c r="B496" s="11">
        <v>4475322</v>
      </c>
      <c r="C496" s="22" t="str">
        <f t="shared" si="7"/>
        <v>https://support.microsoft.com/kb/4475322</v>
      </c>
      <c r="D496" s="3" t="s">
        <v>1905</v>
      </c>
      <c r="E496" s="3" t="s">
        <v>100</v>
      </c>
      <c r="F496" s="3" t="s">
        <v>110</v>
      </c>
      <c r="G496" s="3" t="s">
        <v>102</v>
      </c>
      <c r="H496" s="3">
        <v>2017</v>
      </c>
      <c r="I496" s="3" t="s">
        <v>103</v>
      </c>
      <c r="J496" s="3" t="s">
        <v>31</v>
      </c>
      <c r="K496" s="14">
        <v>43545</v>
      </c>
      <c r="L496" s="3" t="s">
        <v>1460</v>
      </c>
    </row>
    <row r="497" spans="1:12" x14ac:dyDescent="0.3">
      <c r="A497" s="11">
        <v>12629554</v>
      </c>
      <c r="B497" s="11">
        <v>4490134</v>
      </c>
      <c r="C497" s="22" t="str">
        <f t="shared" si="7"/>
        <v>https://support.microsoft.com/kb/4490134</v>
      </c>
      <c r="D497" s="3" t="s">
        <v>1906</v>
      </c>
      <c r="E497" s="3" t="s">
        <v>100</v>
      </c>
      <c r="F497" s="3" t="s">
        <v>127</v>
      </c>
      <c r="G497" s="3" t="s">
        <v>105</v>
      </c>
      <c r="H497" s="3">
        <v>2017</v>
      </c>
      <c r="I497" s="3" t="s">
        <v>103</v>
      </c>
      <c r="J497" s="3" t="s">
        <v>31</v>
      </c>
      <c r="K497" s="14">
        <v>43545</v>
      </c>
      <c r="L497" s="3" t="s">
        <v>1460</v>
      </c>
    </row>
    <row r="498" spans="1:12" x14ac:dyDescent="0.3">
      <c r="A498" s="11">
        <v>12671869</v>
      </c>
      <c r="B498" s="11">
        <v>4480641</v>
      </c>
      <c r="C498" s="22" t="str">
        <f t="shared" si="7"/>
        <v>https://support.microsoft.com/kb/4480641</v>
      </c>
      <c r="D498" s="3" t="s">
        <v>1907</v>
      </c>
      <c r="E498" s="3" t="s">
        <v>100</v>
      </c>
      <c r="F498" s="3" t="s">
        <v>127</v>
      </c>
      <c r="G498" s="3" t="s">
        <v>105</v>
      </c>
      <c r="H498" s="3">
        <v>2017</v>
      </c>
      <c r="I498" s="3" t="s">
        <v>103</v>
      </c>
      <c r="J498" s="3" t="s">
        <v>31</v>
      </c>
      <c r="K498" s="14">
        <v>43545</v>
      </c>
      <c r="L498" s="3" t="s">
        <v>1460</v>
      </c>
    </row>
    <row r="499" spans="1:12" x14ac:dyDescent="0.3">
      <c r="A499" s="11">
        <v>12580378</v>
      </c>
      <c r="B499" s="11">
        <v>4488026</v>
      </c>
      <c r="C499" s="22" t="str">
        <f t="shared" si="7"/>
        <v>https://support.microsoft.com/kb/4488026</v>
      </c>
      <c r="D499" s="3" t="s">
        <v>1908</v>
      </c>
      <c r="E499" s="3" t="s">
        <v>100</v>
      </c>
      <c r="F499" s="3" t="s">
        <v>113</v>
      </c>
      <c r="G499" s="3" t="s">
        <v>102</v>
      </c>
      <c r="H499" s="3">
        <v>2017</v>
      </c>
      <c r="I499" s="3" t="s">
        <v>103</v>
      </c>
      <c r="J499" s="3" t="s">
        <v>31</v>
      </c>
      <c r="K499" s="14">
        <v>43545</v>
      </c>
      <c r="L499" s="3" t="s">
        <v>1460</v>
      </c>
    </row>
    <row r="500" spans="1:12" x14ac:dyDescent="0.3">
      <c r="A500" s="11">
        <v>12677802</v>
      </c>
      <c r="B500" s="11">
        <v>4490138</v>
      </c>
      <c r="C500" s="22" t="str">
        <f t="shared" si="7"/>
        <v>https://support.microsoft.com/kb/4490138</v>
      </c>
      <c r="D500" s="3" t="s">
        <v>1909</v>
      </c>
      <c r="E500" s="3" t="s">
        <v>100</v>
      </c>
      <c r="F500" s="3" t="s">
        <v>113</v>
      </c>
      <c r="G500" s="3" t="s">
        <v>105</v>
      </c>
      <c r="H500" s="3">
        <v>2017</v>
      </c>
      <c r="I500" s="3" t="s">
        <v>103</v>
      </c>
      <c r="J500" s="3" t="s">
        <v>31</v>
      </c>
      <c r="K500" s="14">
        <v>43545</v>
      </c>
      <c r="L500" s="3" t="s">
        <v>1460</v>
      </c>
    </row>
    <row r="501" spans="1:12" x14ac:dyDescent="0.3">
      <c r="A501" s="11">
        <v>12671863</v>
      </c>
      <c r="B501" s="11">
        <v>4486932</v>
      </c>
      <c r="C501" s="22" t="str">
        <f t="shared" si="7"/>
        <v>https://support.microsoft.com/kb/4486932</v>
      </c>
      <c r="D501" s="3" t="s">
        <v>1910</v>
      </c>
      <c r="E501" s="3" t="s">
        <v>100</v>
      </c>
      <c r="F501" s="3" t="s">
        <v>113</v>
      </c>
      <c r="G501" s="3" t="s">
        <v>102</v>
      </c>
      <c r="H501" s="3">
        <v>2017</v>
      </c>
      <c r="I501" s="3" t="s">
        <v>103</v>
      </c>
      <c r="J501" s="3" t="s">
        <v>31</v>
      </c>
      <c r="K501" s="14">
        <v>43545</v>
      </c>
      <c r="L501" s="3" t="s">
        <v>1460</v>
      </c>
    </row>
    <row r="502" spans="1:12" x14ac:dyDescent="0.3">
      <c r="A502" s="11">
        <v>12594078</v>
      </c>
      <c r="B502" s="11">
        <v>4486931</v>
      </c>
      <c r="C502" s="22" t="str">
        <f t="shared" si="7"/>
        <v>https://support.microsoft.com/kb/4486931</v>
      </c>
      <c r="D502" s="3" t="s">
        <v>1911</v>
      </c>
      <c r="E502" s="3" t="s">
        <v>100</v>
      </c>
      <c r="F502" s="3" t="s">
        <v>120</v>
      </c>
      <c r="G502" s="3" t="s">
        <v>102</v>
      </c>
      <c r="H502" s="3">
        <v>2017</v>
      </c>
      <c r="I502" s="3" t="s">
        <v>103</v>
      </c>
      <c r="J502" s="3" t="s">
        <v>31</v>
      </c>
      <c r="K502" s="14">
        <v>43545</v>
      </c>
      <c r="L502" s="3" t="s">
        <v>1460</v>
      </c>
    </row>
    <row r="503" spans="1:12" x14ac:dyDescent="0.3">
      <c r="A503" s="11">
        <v>12639890</v>
      </c>
      <c r="B503" s="11">
        <v>4488856</v>
      </c>
      <c r="C503" s="22" t="str">
        <f t="shared" si="7"/>
        <v>https://support.microsoft.com/kb/4488856</v>
      </c>
      <c r="D503" s="3" t="s">
        <v>1912</v>
      </c>
      <c r="E503" s="3" t="s">
        <v>100</v>
      </c>
      <c r="F503" s="3" t="s">
        <v>120</v>
      </c>
      <c r="G503" s="3" t="s">
        <v>102</v>
      </c>
      <c r="H503" s="3">
        <v>2017</v>
      </c>
      <c r="I503" s="3" t="s">
        <v>103</v>
      </c>
      <c r="J503" s="3" t="s">
        <v>31</v>
      </c>
      <c r="K503" s="14">
        <v>43545</v>
      </c>
      <c r="L503" s="3" t="s">
        <v>1460</v>
      </c>
    </row>
    <row r="504" spans="1:12" x14ac:dyDescent="0.3">
      <c r="A504" s="11">
        <v>12656687</v>
      </c>
      <c r="B504" s="11">
        <v>4488036</v>
      </c>
      <c r="C504" s="22" t="str">
        <f t="shared" si="7"/>
        <v>https://support.microsoft.com/kb/4488036</v>
      </c>
      <c r="D504" s="3" t="s">
        <v>1913</v>
      </c>
      <c r="E504" s="3" t="s">
        <v>100</v>
      </c>
      <c r="F504" s="3" t="s">
        <v>120</v>
      </c>
      <c r="G504" s="3" t="s">
        <v>105</v>
      </c>
      <c r="H504" s="3">
        <v>2017</v>
      </c>
      <c r="I504" s="3" t="s">
        <v>103</v>
      </c>
      <c r="J504" s="3" t="s">
        <v>31</v>
      </c>
      <c r="K504" s="14">
        <v>43545</v>
      </c>
      <c r="L504" s="3" t="s">
        <v>1460</v>
      </c>
    </row>
    <row r="505" spans="1:12" x14ac:dyDescent="0.3">
      <c r="A505" s="11">
        <v>12673173</v>
      </c>
      <c r="B505" s="11">
        <v>4490140</v>
      </c>
      <c r="C505" s="22" t="str">
        <f t="shared" si="7"/>
        <v>https://support.microsoft.com/kb/4490140</v>
      </c>
      <c r="D505" s="3" t="s">
        <v>1914</v>
      </c>
      <c r="E505" s="3" t="s">
        <v>100</v>
      </c>
      <c r="F505" s="3" t="s">
        <v>120</v>
      </c>
      <c r="G505" s="3" t="s">
        <v>102</v>
      </c>
      <c r="H505" s="3">
        <v>2017</v>
      </c>
      <c r="I505" s="3" t="s">
        <v>103</v>
      </c>
      <c r="J505" s="3" t="s">
        <v>31</v>
      </c>
      <c r="K505" s="14">
        <v>43545</v>
      </c>
      <c r="L505" s="3" t="s">
        <v>1460</v>
      </c>
    </row>
    <row r="506" spans="1:12" x14ac:dyDescent="0.3">
      <c r="A506" s="11">
        <v>12671897</v>
      </c>
      <c r="B506" s="11">
        <v>4483427</v>
      </c>
      <c r="C506" s="22" t="str">
        <f t="shared" si="7"/>
        <v>https://support.microsoft.com/kb/4483427</v>
      </c>
      <c r="D506" s="3" t="s">
        <v>1915</v>
      </c>
      <c r="E506" s="3" t="s">
        <v>100</v>
      </c>
      <c r="F506" s="3" t="s">
        <v>145</v>
      </c>
      <c r="G506" s="3" t="s">
        <v>102</v>
      </c>
      <c r="H506" s="3">
        <v>2017</v>
      </c>
      <c r="I506" s="3" t="s">
        <v>103</v>
      </c>
      <c r="J506" s="3" t="s">
        <v>31</v>
      </c>
      <c r="K506" s="14">
        <v>43545</v>
      </c>
      <c r="L506" s="3" t="s">
        <v>1460</v>
      </c>
    </row>
    <row r="507" spans="1:12" x14ac:dyDescent="0.3">
      <c r="A507" s="11">
        <v>12576806</v>
      </c>
      <c r="B507" s="11">
        <v>4490135</v>
      </c>
      <c r="C507" s="22" t="str">
        <f t="shared" si="7"/>
        <v>https://support.microsoft.com/kb/4490135</v>
      </c>
      <c r="D507" s="3" t="s">
        <v>1916</v>
      </c>
      <c r="E507" s="3" t="s">
        <v>100</v>
      </c>
      <c r="F507" s="3" t="s">
        <v>145</v>
      </c>
      <c r="G507" s="3" t="s">
        <v>116</v>
      </c>
      <c r="H507" s="3">
        <v>2017</v>
      </c>
      <c r="I507" s="3" t="s">
        <v>103</v>
      </c>
      <c r="J507" s="3" t="s">
        <v>31</v>
      </c>
      <c r="K507" s="14">
        <v>43545</v>
      </c>
      <c r="L507" s="3" t="s">
        <v>1460</v>
      </c>
    </row>
    <row r="508" spans="1:12" x14ac:dyDescent="0.3">
      <c r="A508" s="11">
        <v>12674843</v>
      </c>
      <c r="B508" s="11">
        <v>4490137</v>
      </c>
      <c r="C508" s="22" t="str">
        <f t="shared" si="7"/>
        <v>https://support.microsoft.com/kb/4490137</v>
      </c>
      <c r="D508" s="3" t="s">
        <v>1917</v>
      </c>
      <c r="E508" s="3" t="s">
        <v>100</v>
      </c>
      <c r="F508" s="3" t="s">
        <v>145</v>
      </c>
      <c r="G508" s="3" t="s">
        <v>105</v>
      </c>
      <c r="H508" s="3">
        <v>2017</v>
      </c>
      <c r="I508" s="3" t="s">
        <v>103</v>
      </c>
      <c r="J508" s="3" t="s">
        <v>31</v>
      </c>
      <c r="K508" s="14">
        <v>43545</v>
      </c>
      <c r="L508" s="3" t="s">
        <v>1460</v>
      </c>
    </row>
    <row r="509" spans="1:12" x14ac:dyDescent="0.3">
      <c r="A509" s="11">
        <v>12546124</v>
      </c>
      <c r="B509" s="11">
        <v>4469268</v>
      </c>
      <c r="C509" s="22" t="str">
        <f t="shared" si="7"/>
        <v>https://support.microsoft.com/kb/4469268</v>
      </c>
      <c r="D509" s="3" t="s">
        <v>1918</v>
      </c>
      <c r="E509" s="3" t="s">
        <v>100</v>
      </c>
      <c r="F509" s="3" t="s">
        <v>145</v>
      </c>
      <c r="G509" s="3" t="s">
        <v>1919</v>
      </c>
      <c r="H509" s="3">
        <v>2017</v>
      </c>
      <c r="I509" s="3" t="s">
        <v>103</v>
      </c>
      <c r="J509" s="3" t="s">
        <v>31</v>
      </c>
      <c r="K509" s="14">
        <v>43545</v>
      </c>
      <c r="L509" s="3" t="s">
        <v>1460</v>
      </c>
    </row>
    <row r="510" spans="1:12" x14ac:dyDescent="0.3">
      <c r="A510" s="11">
        <v>12245672</v>
      </c>
      <c r="B510" s="11">
        <v>4338761</v>
      </c>
      <c r="C510" s="22" t="str">
        <f t="shared" si="7"/>
        <v>https://support.microsoft.com/kb/4338761</v>
      </c>
      <c r="D510" s="3" t="s">
        <v>1920</v>
      </c>
      <c r="E510" s="3" t="s">
        <v>100</v>
      </c>
      <c r="F510" s="3" t="s">
        <v>1009</v>
      </c>
      <c r="G510" s="3" t="s">
        <v>102</v>
      </c>
      <c r="H510" s="3">
        <v>2017</v>
      </c>
      <c r="I510" s="3" t="s">
        <v>103</v>
      </c>
      <c r="J510" s="3" t="s">
        <v>31</v>
      </c>
      <c r="K510" s="14">
        <v>43545</v>
      </c>
      <c r="L510" s="3" t="s">
        <v>1460</v>
      </c>
    </row>
    <row r="511" spans="1:12" x14ac:dyDescent="0.3">
      <c r="A511" s="11">
        <v>12450172</v>
      </c>
      <c r="B511" s="11">
        <v>4483571</v>
      </c>
      <c r="C511" s="22" t="str">
        <f t="shared" si="7"/>
        <v>https://support.microsoft.com/kb/4483571</v>
      </c>
      <c r="D511" s="3" t="s">
        <v>1921</v>
      </c>
      <c r="E511" s="3" t="s">
        <v>100</v>
      </c>
      <c r="F511" s="3" t="s">
        <v>165</v>
      </c>
      <c r="G511" s="3" t="s">
        <v>102</v>
      </c>
      <c r="H511" s="3">
        <v>2017</v>
      </c>
      <c r="I511" s="3" t="s">
        <v>103</v>
      </c>
      <c r="J511" s="3" t="s">
        <v>31</v>
      </c>
      <c r="K511" s="14">
        <v>43545</v>
      </c>
      <c r="L511" s="3" t="s">
        <v>1460</v>
      </c>
    </row>
    <row r="512" spans="1:12" x14ac:dyDescent="0.3">
      <c r="A512" s="11">
        <v>12552012</v>
      </c>
      <c r="B512" s="11">
        <v>4483593</v>
      </c>
      <c r="C512" s="22" t="str">
        <f t="shared" si="7"/>
        <v>https://support.microsoft.com/kb/4483593</v>
      </c>
      <c r="D512" s="3" t="s">
        <v>1922</v>
      </c>
      <c r="E512" s="3" t="s">
        <v>100</v>
      </c>
      <c r="F512" s="3" t="s">
        <v>165</v>
      </c>
      <c r="G512" s="3" t="s">
        <v>102</v>
      </c>
      <c r="H512" s="3">
        <v>2017</v>
      </c>
      <c r="I512" s="3" t="s">
        <v>103</v>
      </c>
      <c r="J512" s="3" t="s">
        <v>31</v>
      </c>
      <c r="K512" s="14">
        <v>43545</v>
      </c>
      <c r="L512" s="3" t="s">
        <v>1460</v>
      </c>
    </row>
    <row r="513" spans="1:12" x14ac:dyDescent="0.3">
      <c r="A513" s="11">
        <v>12654421</v>
      </c>
      <c r="B513" s="11">
        <v>4488949</v>
      </c>
      <c r="C513" s="22" t="str">
        <f t="shared" si="7"/>
        <v>https://support.microsoft.com/kb/4488949</v>
      </c>
      <c r="D513" s="3" t="s">
        <v>1923</v>
      </c>
      <c r="E513" s="3" t="s">
        <v>100</v>
      </c>
      <c r="F513" s="3" t="s">
        <v>165</v>
      </c>
      <c r="G513" s="3" t="s">
        <v>102</v>
      </c>
      <c r="H513" s="3">
        <v>2017</v>
      </c>
      <c r="I513" s="3" t="s">
        <v>103</v>
      </c>
      <c r="J513" s="3" t="s">
        <v>31</v>
      </c>
      <c r="K513" s="14">
        <v>43545</v>
      </c>
      <c r="L513" s="3" t="s">
        <v>1460</v>
      </c>
    </row>
    <row r="514" spans="1:12" x14ac:dyDescent="0.3">
      <c r="A514" s="11">
        <v>12657080</v>
      </c>
      <c r="B514" s="11">
        <v>4488817</v>
      </c>
      <c r="C514" s="22" t="str">
        <f t="shared" si="7"/>
        <v>https://support.microsoft.com/kb/4488817</v>
      </c>
      <c r="D514" s="3" t="s">
        <v>1924</v>
      </c>
      <c r="E514" s="3" t="s">
        <v>100</v>
      </c>
      <c r="F514" s="3" t="s">
        <v>332</v>
      </c>
      <c r="G514" s="3" t="s">
        <v>102</v>
      </c>
      <c r="H514" s="3">
        <v>2017</v>
      </c>
      <c r="I514" s="3" t="s">
        <v>103</v>
      </c>
      <c r="J514" s="3" t="s">
        <v>31</v>
      </c>
      <c r="K514" s="14">
        <v>43545</v>
      </c>
      <c r="L514" s="3" t="s">
        <v>1460</v>
      </c>
    </row>
    <row r="515" spans="1:12" x14ac:dyDescent="0.3">
      <c r="A515" s="11">
        <v>12656908</v>
      </c>
      <c r="B515" s="11">
        <v>4488809</v>
      </c>
      <c r="C515" s="22" t="str">
        <f t="shared" si="7"/>
        <v>https://support.microsoft.com/kb/4488809</v>
      </c>
      <c r="D515" s="3" t="s">
        <v>1925</v>
      </c>
      <c r="E515" s="3" t="s">
        <v>100</v>
      </c>
      <c r="F515" s="3" t="s">
        <v>332</v>
      </c>
      <c r="G515" s="3" t="s">
        <v>102</v>
      </c>
      <c r="H515" s="3">
        <v>2017</v>
      </c>
      <c r="I515" s="3" t="s">
        <v>103</v>
      </c>
      <c r="J515" s="3" t="s">
        <v>31</v>
      </c>
      <c r="K515" s="14">
        <v>43545</v>
      </c>
      <c r="L515" s="3" t="s">
        <v>1460</v>
      </c>
    </row>
    <row r="516" spans="1:12" x14ac:dyDescent="0.3">
      <c r="A516" s="11">
        <v>12535167</v>
      </c>
      <c r="B516" s="11">
        <v>4480634</v>
      </c>
      <c r="C516" s="22" t="str">
        <f t="shared" si="7"/>
        <v>https://support.microsoft.com/kb/4480634</v>
      </c>
      <c r="D516" s="3" t="s">
        <v>1926</v>
      </c>
      <c r="E516" s="3" t="s">
        <v>180</v>
      </c>
      <c r="F516" s="3" t="s">
        <v>180</v>
      </c>
      <c r="G516" s="3" t="s">
        <v>102</v>
      </c>
      <c r="H516" s="3">
        <v>2017</v>
      </c>
      <c r="I516" s="3" t="s">
        <v>103</v>
      </c>
      <c r="J516" s="3" t="s">
        <v>41</v>
      </c>
      <c r="K516" s="14">
        <v>43452</v>
      </c>
      <c r="L516" s="3" t="s">
        <v>1462</v>
      </c>
    </row>
    <row r="517" spans="1:12" x14ac:dyDescent="0.3">
      <c r="A517" s="11">
        <v>12488525</v>
      </c>
      <c r="B517" s="11">
        <v>4463328</v>
      </c>
      <c r="C517" s="22" t="str">
        <f t="shared" si="7"/>
        <v>https://support.microsoft.com/kb/4463328</v>
      </c>
      <c r="D517" s="3" t="s">
        <v>1927</v>
      </c>
      <c r="E517" s="3" t="s">
        <v>180</v>
      </c>
      <c r="F517" s="3" t="s">
        <v>180</v>
      </c>
      <c r="G517" s="3" t="s">
        <v>102</v>
      </c>
      <c r="H517" s="3">
        <v>2017</v>
      </c>
      <c r="I517" s="3" t="s">
        <v>103</v>
      </c>
      <c r="J517" s="3" t="s">
        <v>41</v>
      </c>
      <c r="K517" s="14">
        <v>43452</v>
      </c>
      <c r="L517" s="3" t="s">
        <v>1462</v>
      </c>
    </row>
    <row r="518" spans="1:12" x14ac:dyDescent="0.3">
      <c r="A518" s="11">
        <v>12488542</v>
      </c>
      <c r="B518" s="11">
        <v>4456775</v>
      </c>
      <c r="C518" s="22" t="str">
        <f t="shared" ref="C518:C581" si="8">HYPERLINK("https://support.microsoft.com/kb/"&amp;B518)</f>
        <v>https://support.microsoft.com/kb/4456775</v>
      </c>
      <c r="D518" s="3" t="s">
        <v>1928</v>
      </c>
      <c r="E518" s="3" t="s">
        <v>180</v>
      </c>
      <c r="F518" s="3" t="s">
        <v>180</v>
      </c>
      <c r="G518" s="3" t="s">
        <v>102</v>
      </c>
      <c r="H518" s="3">
        <v>2017</v>
      </c>
      <c r="I518" s="3" t="s">
        <v>103</v>
      </c>
      <c r="J518" s="3" t="s">
        <v>41</v>
      </c>
      <c r="K518" s="14">
        <v>43452</v>
      </c>
      <c r="L518" s="3" t="s">
        <v>1462</v>
      </c>
    </row>
    <row r="519" spans="1:12" x14ac:dyDescent="0.3">
      <c r="A519" s="11">
        <v>12416026</v>
      </c>
      <c r="B519" s="11">
        <v>4470411</v>
      </c>
      <c r="C519" s="22" t="str">
        <f t="shared" si="8"/>
        <v>https://support.microsoft.com/kb/4470411</v>
      </c>
      <c r="D519" s="3" t="s">
        <v>1929</v>
      </c>
      <c r="E519" s="3" t="s">
        <v>180</v>
      </c>
      <c r="F519" s="3" t="s">
        <v>180</v>
      </c>
      <c r="G519" s="3" t="s">
        <v>102</v>
      </c>
      <c r="H519" s="3">
        <v>2017</v>
      </c>
      <c r="I519" s="3" t="s">
        <v>103</v>
      </c>
      <c r="J519" s="3" t="s">
        <v>41</v>
      </c>
      <c r="K519" s="14">
        <v>43452</v>
      </c>
      <c r="L519" s="3" t="s">
        <v>1462</v>
      </c>
    </row>
    <row r="520" spans="1:12" x14ac:dyDescent="0.3">
      <c r="A520" s="11">
        <v>12488513</v>
      </c>
      <c r="B520" s="11">
        <v>4090032</v>
      </c>
      <c r="C520" s="22" t="str">
        <f t="shared" si="8"/>
        <v>https://support.microsoft.com/kb/4090032</v>
      </c>
      <c r="D520" s="3" t="s">
        <v>1930</v>
      </c>
      <c r="E520" s="3" t="s">
        <v>180</v>
      </c>
      <c r="F520" s="3" t="s">
        <v>180</v>
      </c>
      <c r="G520" s="3" t="s">
        <v>102</v>
      </c>
      <c r="H520" s="3">
        <v>2017</v>
      </c>
      <c r="I520" s="3" t="s">
        <v>103</v>
      </c>
      <c r="J520" s="3" t="s">
        <v>41</v>
      </c>
      <c r="K520" s="14">
        <v>43452</v>
      </c>
      <c r="L520" s="3" t="s">
        <v>1462</v>
      </c>
    </row>
    <row r="521" spans="1:12" x14ac:dyDescent="0.3">
      <c r="A521" s="11">
        <v>12491221</v>
      </c>
      <c r="B521" s="11">
        <v>4055674</v>
      </c>
      <c r="C521" s="22" t="str">
        <f t="shared" si="8"/>
        <v>https://support.microsoft.com/kb/4055674</v>
      </c>
      <c r="D521" s="3" t="s">
        <v>1931</v>
      </c>
      <c r="E521" s="3" t="s">
        <v>180</v>
      </c>
      <c r="F521" s="3" t="s">
        <v>180</v>
      </c>
      <c r="G521" s="3" t="s">
        <v>1932</v>
      </c>
      <c r="H521" s="3">
        <v>2017</v>
      </c>
      <c r="I521" s="3" t="s">
        <v>103</v>
      </c>
      <c r="J521" s="3" t="s">
        <v>41</v>
      </c>
      <c r="K521" s="14">
        <v>43452</v>
      </c>
      <c r="L521" s="3" t="s">
        <v>1462</v>
      </c>
    </row>
    <row r="522" spans="1:12" x14ac:dyDescent="0.3">
      <c r="A522" s="11">
        <v>12510015</v>
      </c>
      <c r="B522" s="11">
        <v>4466831</v>
      </c>
      <c r="C522" s="22" t="str">
        <f t="shared" si="8"/>
        <v>https://support.microsoft.com/kb/4466831</v>
      </c>
      <c r="D522" s="3" t="s">
        <v>1933</v>
      </c>
      <c r="E522" s="3" t="s">
        <v>180</v>
      </c>
      <c r="F522" s="3" t="s">
        <v>180</v>
      </c>
      <c r="G522" s="3" t="s">
        <v>102</v>
      </c>
      <c r="H522" s="3">
        <v>2017</v>
      </c>
      <c r="I522" s="3" t="s">
        <v>103</v>
      </c>
      <c r="J522" s="3" t="s">
        <v>41</v>
      </c>
      <c r="K522" s="14">
        <v>43452</v>
      </c>
      <c r="L522" s="3" t="s">
        <v>1462</v>
      </c>
    </row>
    <row r="523" spans="1:12" x14ac:dyDescent="0.3">
      <c r="A523" s="11">
        <v>12489781</v>
      </c>
      <c r="B523" s="11">
        <v>4092997</v>
      </c>
      <c r="C523" s="22" t="str">
        <f t="shared" si="8"/>
        <v>https://support.microsoft.com/kb/4092997</v>
      </c>
      <c r="D523" s="3" t="s">
        <v>1934</v>
      </c>
      <c r="E523" s="3" t="s">
        <v>217</v>
      </c>
      <c r="F523" s="3" t="s">
        <v>218</v>
      </c>
      <c r="G523" s="3" t="s">
        <v>102</v>
      </c>
      <c r="H523" s="3">
        <v>2017</v>
      </c>
      <c r="I523" s="3" t="s">
        <v>103</v>
      </c>
      <c r="J523" s="3" t="s">
        <v>41</v>
      </c>
      <c r="K523" s="14">
        <v>43452</v>
      </c>
      <c r="L523" s="3" t="s">
        <v>1462</v>
      </c>
    </row>
    <row r="524" spans="1:12" x14ac:dyDescent="0.3">
      <c r="A524" s="11">
        <v>12422580</v>
      </c>
      <c r="B524" s="11">
        <v>4466491</v>
      </c>
      <c r="C524" s="22" t="str">
        <f t="shared" si="8"/>
        <v>https://support.microsoft.com/kb/4466491</v>
      </c>
      <c r="D524" s="3" t="s">
        <v>1935</v>
      </c>
      <c r="E524" s="3" t="s">
        <v>380</v>
      </c>
      <c r="F524" s="3" t="s">
        <v>1016</v>
      </c>
      <c r="G524" s="3" t="s">
        <v>102</v>
      </c>
      <c r="H524" s="3">
        <v>2017</v>
      </c>
      <c r="I524" s="3" t="s">
        <v>103</v>
      </c>
      <c r="J524" s="3" t="s">
        <v>41</v>
      </c>
      <c r="K524" s="14">
        <v>43452</v>
      </c>
      <c r="L524" s="3" t="s">
        <v>1462</v>
      </c>
    </row>
    <row r="525" spans="1:12" x14ac:dyDescent="0.3">
      <c r="A525" s="11">
        <v>12456181</v>
      </c>
      <c r="B525" s="11">
        <v>4469292</v>
      </c>
      <c r="C525" s="22" t="str">
        <f t="shared" si="8"/>
        <v>https://support.microsoft.com/kb/4469292</v>
      </c>
      <c r="D525" s="3" t="s">
        <v>1936</v>
      </c>
      <c r="E525" s="3" t="s">
        <v>178</v>
      </c>
      <c r="F525" s="3" t="s">
        <v>775</v>
      </c>
      <c r="G525" s="3" t="s">
        <v>102</v>
      </c>
      <c r="H525" s="3">
        <v>2017</v>
      </c>
      <c r="I525" s="3" t="s">
        <v>103</v>
      </c>
      <c r="J525" s="3" t="s">
        <v>41</v>
      </c>
      <c r="K525" s="14">
        <v>43452</v>
      </c>
      <c r="L525" s="3" t="s">
        <v>1462</v>
      </c>
    </row>
    <row r="526" spans="1:12" x14ac:dyDescent="0.3">
      <c r="A526" s="11">
        <v>12536280</v>
      </c>
      <c r="B526" s="11">
        <v>4480643</v>
      </c>
      <c r="C526" s="22" t="str">
        <f t="shared" si="8"/>
        <v>https://support.microsoft.com/kb/4480643</v>
      </c>
      <c r="D526" s="3" t="s">
        <v>1937</v>
      </c>
      <c r="E526" s="3" t="s">
        <v>178</v>
      </c>
      <c r="F526" s="3" t="s">
        <v>689</v>
      </c>
      <c r="G526" s="3" t="s">
        <v>102</v>
      </c>
      <c r="H526" s="3">
        <v>2017</v>
      </c>
      <c r="I526" s="3" t="s">
        <v>103</v>
      </c>
      <c r="J526" s="3" t="s">
        <v>41</v>
      </c>
      <c r="K526" s="14">
        <v>43452</v>
      </c>
      <c r="L526" s="3" t="s">
        <v>1462</v>
      </c>
    </row>
    <row r="527" spans="1:12" x14ac:dyDescent="0.3">
      <c r="A527" s="11">
        <v>12481579</v>
      </c>
      <c r="B527" s="11">
        <v>4465443</v>
      </c>
      <c r="C527" s="22" t="str">
        <f t="shared" si="8"/>
        <v>https://support.microsoft.com/kb/4465443</v>
      </c>
      <c r="D527" s="3" t="s">
        <v>1938</v>
      </c>
      <c r="E527" s="3" t="s">
        <v>100</v>
      </c>
      <c r="F527" s="3" t="s">
        <v>161</v>
      </c>
      <c r="G527" s="3" t="s">
        <v>102</v>
      </c>
      <c r="H527" s="3">
        <v>2017</v>
      </c>
      <c r="I527" s="3" t="s">
        <v>103</v>
      </c>
      <c r="J527" s="3" t="s">
        <v>41</v>
      </c>
      <c r="K527" s="14">
        <v>43452</v>
      </c>
      <c r="L527" s="3" t="s">
        <v>1462</v>
      </c>
    </row>
    <row r="528" spans="1:12" x14ac:dyDescent="0.3">
      <c r="A528" s="11">
        <v>12549350</v>
      </c>
      <c r="B528" s="11">
        <v>4480648</v>
      </c>
      <c r="C528" s="22" t="str">
        <f t="shared" si="8"/>
        <v>https://support.microsoft.com/kb/4480648</v>
      </c>
      <c r="D528" s="3" t="s">
        <v>1939</v>
      </c>
      <c r="E528" s="3" t="s">
        <v>100</v>
      </c>
      <c r="F528" s="3" t="s">
        <v>161</v>
      </c>
      <c r="G528" s="3" t="s">
        <v>102</v>
      </c>
      <c r="H528" s="3">
        <v>2017</v>
      </c>
      <c r="I528" s="3" t="s">
        <v>103</v>
      </c>
      <c r="J528" s="3" t="s">
        <v>41</v>
      </c>
      <c r="K528" s="14">
        <v>43452</v>
      </c>
      <c r="L528" s="3" t="s">
        <v>1462</v>
      </c>
    </row>
    <row r="529" spans="1:12" x14ac:dyDescent="0.3">
      <c r="A529" s="11">
        <v>12487676</v>
      </c>
      <c r="B529" s="11">
        <v>4481148</v>
      </c>
      <c r="C529" s="22" t="str">
        <f t="shared" si="8"/>
        <v>https://support.microsoft.com/kb/4481148</v>
      </c>
      <c r="D529" s="3" t="s">
        <v>1940</v>
      </c>
      <c r="E529" s="3" t="s">
        <v>100</v>
      </c>
      <c r="F529" s="3" t="s">
        <v>123</v>
      </c>
      <c r="G529" s="3" t="s">
        <v>102</v>
      </c>
      <c r="H529" s="3">
        <v>2017</v>
      </c>
      <c r="I529" s="3" t="s">
        <v>103</v>
      </c>
      <c r="J529" s="3" t="s">
        <v>41</v>
      </c>
      <c r="K529" s="14">
        <v>43452</v>
      </c>
      <c r="L529" s="3" t="s">
        <v>1462</v>
      </c>
    </row>
    <row r="530" spans="1:12" x14ac:dyDescent="0.3">
      <c r="A530" s="11">
        <v>12431333</v>
      </c>
      <c r="B530" s="11">
        <v>4469554</v>
      </c>
      <c r="C530" s="22" t="str">
        <f t="shared" si="8"/>
        <v>https://support.microsoft.com/kb/4469554</v>
      </c>
      <c r="D530" s="3" t="s">
        <v>1941</v>
      </c>
      <c r="E530" s="3" t="s">
        <v>100</v>
      </c>
      <c r="F530" s="3" t="s">
        <v>123</v>
      </c>
      <c r="G530" s="3" t="s">
        <v>102</v>
      </c>
      <c r="H530" s="3">
        <v>2017</v>
      </c>
      <c r="I530" s="3" t="s">
        <v>103</v>
      </c>
      <c r="J530" s="3" t="s">
        <v>41</v>
      </c>
      <c r="K530" s="14">
        <v>43452</v>
      </c>
      <c r="L530" s="3" t="s">
        <v>1462</v>
      </c>
    </row>
    <row r="531" spans="1:12" x14ac:dyDescent="0.3">
      <c r="A531" s="11">
        <v>12466221</v>
      </c>
      <c r="B531" s="11">
        <v>4458880</v>
      </c>
      <c r="C531" s="22" t="str">
        <f t="shared" si="8"/>
        <v>https://support.microsoft.com/kb/4458880</v>
      </c>
      <c r="D531" s="3" t="s">
        <v>558</v>
      </c>
      <c r="E531" s="3" t="s">
        <v>100</v>
      </c>
      <c r="F531" s="3" t="s">
        <v>123</v>
      </c>
      <c r="G531" s="3" t="s">
        <v>105</v>
      </c>
      <c r="H531" s="3">
        <v>2017</v>
      </c>
      <c r="I531" s="3" t="s">
        <v>103</v>
      </c>
      <c r="J531" s="3" t="s">
        <v>41</v>
      </c>
      <c r="K531" s="14">
        <v>43452</v>
      </c>
      <c r="L531" s="3" t="s">
        <v>1462</v>
      </c>
    </row>
    <row r="532" spans="1:12" x14ac:dyDescent="0.3">
      <c r="A532" s="11">
        <v>12491210</v>
      </c>
      <c r="B532" s="11">
        <v>4463319</v>
      </c>
      <c r="C532" s="22" t="str">
        <f t="shared" si="8"/>
        <v>https://support.microsoft.com/kb/4463319</v>
      </c>
      <c r="D532" s="3" t="s">
        <v>1942</v>
      </c>
      <c r="E532" s="3" t="s">
        <v>100</v>
      </c>
      <c r="F532" s="3" t="s">
        <v>123</v>
      </c>
      <c r="G532" s="3" t="s">
        <v>102</v>
      </c>
      <c r="H532" s="3">
        <v>2017</v>
      </c>
      <c r="I532" s="3" t="s">
        <v>103</v>
      </c>
      <c r="J532" s="3" t="s">
        <v>41</v>
      </c>
      <c r="K532" s="14">
        <v>43452</v>
      </c>
      <c r="L532" s="3" t="s">
        <v>1462</v>
      </c>
    </row>
    <row r="533" spans="1:12" x14ac:dyDescent="0.3">
      <c r="A533" s="11">
        <v>12542123</v>
      </c>
      <c r="B533" s="11">
        <v>4480651</v>
      </c>
      <c r="C533" s="22" t="str">
        <f t="shared" si="8"/>
        <v>https://support.microsoft.com/kb/4480651</v>
      </c>
      <c r="D533" s="3" t="s">
        <v>1943</v>
      </c>
      <c r="E533" s="3" t="s">
        <v>100</v>
      </c>
      <c r="F533" s="3" t="s">
        <v>214</v>
      </c>
      <c r="G533" s="3" t="s">
        <v>105</v>
      </c>
      <c r="H533" s="3">
        <v>2017</v>
      </c>
      <c r="I533" s="3" t="s">
        <v>103</v>
      </c>
      <c r="J533" s="3" t="s">
        <v>41</v>
      </c>
      <c r="K533" s="14">
        <v>43452</v>
      </c>
      <c r="L533" s="3" t="s">
        <v>1462</v>
      </c>
    </row>
    <row r="534" spans="1:12" x14ac:dyDescent="0.3">
      <c r="A534" s="11">
        <v>12429556</v>
      </c>
      <c r="B534" s="11">
        <v>4467119</v>
      </c>
      <c r="C534" s="22" t="str">
        <f t="shared" si="8"/>
        <v>https://support.microsoft.com/kb/4467119</v>
      </c>
      <c r="D534" s="3" t="s">
        <v>1944</v>
      </c>
      <c r="E534" s="3" t="s">
        <v>100</v>
      </c>
      <c r="F534" s="3" t="s">
        <v>214</v>
      </c>
      <c r="G534" s="3" t="s">
        <v>102</v>
      </c>
      <c r="H534" s="3">
        <v>2017</v>
      </c>
      <c r="I534" s="3" t="s">
        <v>103</v>
      </c>
      <c r="J534" s="3" t="s">
        <v>41</v>
      </c>
      <c r="K534" s="14">
        <v>43452</v>
      </c>
      <c r="L534" s="3" t="s">
        <v>1462</v>
      </c>
    </row>
    <row r="535" spans="1:12" x14ac:dyDescent="0.3">
      <c r="A535" s="11">
        <v>12488539</v>
      </c>
      <c r="B535" s="11">
        <v>4459327</v>
      </c>
      <c r="C535" s="22" t="str">
        <f t="shared" si="8"/>
        <v>https://support.microsoft.com/kb/4459327</v>
      </c>
      <c r="D535" s="3" t="s">
        <v>1945</v>
      </c>
      <c r="E535" s="3" t="s">
        <v>100</v>
      </c>
      <c r="F535" s="3" t="s">
        <v>137</v>
      </c>
      <c r="G535" s="3" t="s">
        <v>102</v>
      </c>
      <c r="H535" s="3">
        <v>2017</v>
      </c>
      <c r="I535" s="3" t="s">
        <v>103</v>
      </c>
      <c r="J535" s="3" t="s">
        <v>41</v>
      </c>
      <c r="K535" s="14">
        <v>43452</v>
      </c>
      <c r="L535" s="3" t="s">
        <v>1462</v>
      </c>
    </row>
    <row r="536" spans="1:12" x14ac:dyDescent="0.3">
      <c r="A536" s="11">
        <v>12488529</v>
      </c>
      <c r="B536" s="11">
        <v>4463125</v>
      </c>
      <c r="C536" s="22" t="str">
        <f t="shared" si="8"/>
        <v>https://support.microsoft.com/kb/4463125</v>
      </c>
      <c r="D536" s="3" t="s">
        <v>1946</v>
      </c>
      <c r="E536" s="3" t="s">
        <v>100</v>
      </c>
      <c r="F536" s="3" t="s">
        <v>137</v>
      </c>
      <c r="G536" s="3" t="s">
        <v>102</v>
      </c>
      <c r="H536" s="3">
        <v>2017</v>
      </c>
      <c r="I536" s="3" t="s">
        <v>103</v>
      </c>
      <c r="J536" s="3" t="s">
        <v>41</v>
      </c>
      <c r="K536" s="14">
        <v>43452</v>
      </c>
      <c r="L536" s="3" t="s">
        <v>1462</v>
      </c>
    </row>
    <row r="537" spans="1:12" x14ac:dyDescent="0.3">
      <c r="A537" s="11">
        <v>12488533</v>
      </c>
      <c r="B537" s="11">
        <v>4459535</v>
      </c>
      <c r="C537" s="22" t="str">
        <f t="shared" si="8"/>
        <v>https://support.microsoft.com/kb/4459535</v>
      </c>
      <c r="D537" s="3" t="s">
        <v>1947</v>
      </c>
      <c r="E537" s="3" t="s">
        <v>100</v>
      </c>
      <c r="F537" s="3" t="s">
        <v>137</v>
      </c>
      <c r="G537" s="3" t="s">
        <v>102</v>
      </c>
      <c r="H537" s="3">
        <v>2017</v>
      </c>
      <c r="I537" s="3" t="s">
        <v>103</v>
      </c>
      <c r="J537" s="3" t="s">
        <v>41</v>
      </c>
      <c r="K537" s="14">
        <v>43452</v>
      </c>
      <c r="L537" s="3" t="s">
        <v>1462</v>
      </c>
    </row>
    <row r="538" spans="1:12" x14ac:dyDescent="0.3">
      <c r="A538" s="11">
        <v>12339101</v>
      </c>
      <c r="B538" s="11">
        <v>4467058</v>
      </c>
      <c r="C538" s="22" t="str">
        <f t="shared" si="8"/>
        <v>https://support.microsoft.com/kb/4467058</v>
      </c>
      <c r="D538" s="3" t="s">
        <v>1948</v>
      </c>
      <c r="E538" s="3" t="s">
        <v>100</v>
      </c>
      <c r="F538" s="3" t="s">
        <v>163</v>
      </c>
      <c r="G538" s="3" t="s">
        <v>102</v>
      </c>
      <c r="H538" s="3">
        <v>2017</v>
      </c>
      <c r="I538" s="3" t="s">
        <v>103</v>
      </c>
      <c r="J538" s="3" t="s">
        <v>41</v>
      </c>
      <c r="K538" s="14">
        <v>43452</v>
      </c>
      <c r="L538" s="3" t="s">
        <v>1462</v>
      </c>
    </row>
    <row r="539" spans="1:12" x14ac:dyDescent="0.3">
      <c r="A539" s="11">
        <v>12491228</v>
      </c>
      <c r="B539" s="11">
        <v>4466994</v>
      </c>
      <c r="C539" s="22" t="str">
        <f t="shared" si="8"/>
        <v>https://support.microsoft.com/kb/4466994</v>
      </c>
      <c r="D539" s="3" t="s">
        <v>1949</v>
      </c>
      <c r="E539" s="3" t="s">
        <v>100</v>
      </c>
      <c r="F539" s="3" t="s">
        <v>233</v>
      </c>
      <c r="G539" s="3" t="s">
        <v>102</v>
      </c>
      <c r="H539" s="3">
        <v>2017</v>
      </c>
      <c r="I539" s="3" t="s">
        <v>103</v>
      </c>
      <c r="J539" s="3" t="s">
        <v>41</v>
      </c>
      <c r="K539" s="14">
        <v>43452</v>
      </c>
      <c r="L539" s="3" t="s">
        <v>1462</v>
      </c>
    </row>
    <row r="540" spans="1:12" x14ac:dyDescent="0.3">
      <c r="A540" s="11">
        <v>12245664</v>
      </c>
      <c r="B540" s="11">
        <v>4340986</v>
      </c>
      <c r="C540" s="22" t="str">
        <f t="shared" si="8"/>
        <v>https://support.microsoft.com/kb/4340986</v>
      </c>
      <c r="D540" s="3" t="s">
        <v>1950</v>
      </c>
      <c r="E540" s="3" t="s">
        <v>100</v>
      </c>
      <c r="F540" s="3" t="s">
        <v>101</v>
      </c>
      <c r="G540" s="3" t="s">
        <v>1919</v>
      </c>
      <c r="H540" s="3">
        <v>2017</v>
      </c>
      <c r="I540" s="3" t="s">
        <v>103</v>
      </c>
      <c r="J540" s="3" t="s">
        <v>41</v>
      </c>
      <c r="K540" s="14">
        <v>43452</v>
      </c>
      <c r="L540" s="3" t="s">
        <v>1462</v>
      </c>
    </row>
    <row r="541" spans="1:12" x14ac:dyDescent="0.3">
      <c r="A541" s="11">
        <v>12409393</v>
      </c>
      <c r="B541" s="11">
        <v>4467449</v>
      </c>
      <c r="C541" s="22" t="str">
        <f t="shared" si="8"/>
        <v>https://support.microsoft.com/kb/4467449</v>
      </c>
      <c r="D541" s="3" t="s">
        <v>1951</v>
      </c>
      <c r="E541" s="3" t="s">
        <v>100</v>
      </c>
      <c r="F541" s="3" t="s">
        <v>101</v>
      </c>
      <c r="G541" s="3" t="s">
        <v>116</v>
      </c>
      <c r="H541" s="3">
        <v>2017</v>
      </c>
      <c r="I541" s="3" t="s">
        <v>103</v>
      </c>
      <c r="J541" s="3" t="s">
        <v>41</v>
      </c>
      <c r="K541" s="14">
        <v>43452</v>
      </c>
      <c r="L541" s="3" t="s">
        <v>1462</v>
      </c>
    </row>
    <row r="542" spans="1:12" x14ac:dyDescent="0.3">
      <c r="A542" s="11">
        <v>12478828</v>
      </c>
      <c r="B542" s="11">
        <v>4457953</v>
      </c>
      <c r="C542" s="22" t="str">
        <f t="shared" si="8"/>
        <v>https://support.microsoft.com/kb/4457953</v>
      </c>
      <c r="D542" s="3" t="s">
        <v>1952</v>
      </c>
      <c r="E542" s="3" t="s">
        <v>100</v>
      </c>
      <c r="F542" s="3" t="s">
        <v>101</v>
      </c>
      <c r="G542" s="3" t="s">
        <v>102</v>
      </c>
      <c r="H542" s="3">
        <v>2017</v>
      </c>
      <c r="I542" s="3" t="s">
        <v>103</v>
      </c>
      <c r="J542" s="3" t="s">
        <v>41</v>
      </c>
      <c r="K542" s="14">
        <v>43452</v>
      </c>
      <c r="L542" s="3" t="s">
        <v>1462</v>
      </c>
    </row>
    <row r="543" spans="1:12" x14ac:dyDescent="0.3">
      <c r="A543" s="11">
        <v>12458033</v>
      </c>
      <c r="B543" s="11">
        <v>4459981</v>
      </c>
      <c r="C543" s="22" t="str">
        <f t="shared" si="8"/>
        <v>https://support.microsoft.com/kb/4459981</v>
      </c>
      <c r="D543" s="3" t="s">
        <v>1953</v>
      </c>
      <c r="E543" s="3" t="s">
        <v>1954</v>
      </c>
      <c r="F543" s="3" t="s">
        <v>1954</v>
      </c>
      <c r="G543" s="3" t="s">
        <v>102</v>
      </c>
      <c r="H543" s="3">
        <v>2017</v>
      </c>
      <c r="I543" s="3" t="s">
        <v>103</v>
      </c>
      <c r="J543" s="3" t="s">
        <v>41</v>
      </c>
      <c r="K543" s="14">
        <v>43452</v>
      </c>
      <c r="L543" s="3" t="s">
        <v>1462</v>
      </c>
    </row>
    <row r="544" spans="1:12" x14ac:dyDescent="0.3">
      <c r="A544" s="11">
        <v>12482229</v>
      </c>
      <c r="B544" s="11">
        <v>4460112</v>
      </c>
      <c r="C544" s="22" t="str">
        <f t="shared" si="8"/>
        <v>https://support.microsoft.com/kb/4460112</v>
      </c>
      <c r="D544" s="3" t="s">
        <v>1955</v>
      </c>
      <c r="E544" s="3" t="s">
        <v>100</v>
      </c>
      <c r="F544" s="3" t="s">
        <v>725</v>
      </c>
      <c r="G544" s="3" t="s">
        <v>102</v>
      </c>
      <c r="H544" s="3">
        <v>2017</v>
      </c>
      <c r="I544" s="3" t="s">
        <v>103</v>
      </c>
      <c r="J544" s="3" t="s">
        <v>41</v>
      </c>
      <c r="K544" s="14">
        <v>43452</v>
      </c>
      <c r="L544" s="3" t="s">
        <v>1462</v>
      </c>
    </row>
    <row r="545" spans="1:12" x14ac:dyDescent="0.3">
      <c r="A545" s="11">
        <v>12527112</v>
      </c>
      <c r="B545" s="11">
        <v>4470991</v>
      </c>
      <c r="C545" s="22" t="str">
        <f t="shared" si="8"/>
        <v>https://support.microsoft.com/kb/4470991</v>
      </c>
      <c r="D545" s="3" t="s">
        <v>1956</v>
      </c>
      <c r="E545" s="3" t="s">
        <v>100</v>
      </c>
      <c r="F545" s="3" t="s">
        <v>137</v>
      </c>
      <c r="G545" s="3" t="s">
        <v>102</v>
      </c>
      <c r="H545" s="3">
        <v>2017</v>
      </c>
      <c r="I545" s="3" t="s">
        <v>103</v>
      </c>
      <c r="J545" s="3" t="s">
        <v>41</v>
      </c>
      <c r="K545" s="14">
        <v>43452</v>
      </c>
      <c r="L545" s="3" t="s">
        <v>1462</v>
      </c>
    </row>
    <row r="546" spans="1:12" x14ac:dyDescent="0.3">
      <c r="A546" s="11">
        <v>12517645</v>
      </c>
      <c r="B546" s="11">
        <v>4479283</v>
      </c>
      <c r="C546" s="22" t="str">
        <f t="shared" si="8"/>
        <v>https://support.microsoft.com/kb/4479283</v>
      </c>
      <c r="D546" s="3" t="s">
        <v>1957</v>
      </c>
      <c r="E546" s="3" t="s">
        <v>217</v>
      </c>
      <c r="F546" s="3" t="s">
        <v>218</v>
      </c>
      <c r="G546" s="3" t="s">
        <v>102</v>
      </c>
      <c r="H546" s="3">
        <v>2017</v>
      </c>
      <c r="I546" s="3" t="s">
        <v>103</v>
      </c>
      <c r="J546" s="3" t="s">
        <v>41</v>
      </c>
      <c r="K546" s="14">
        <v>43452</v>
      </c>
      <c r="L546" s="3" t="s">
        <v>1462</v>
      </c>
    </row>
    <row r="547" spans="1:12" x14ac:dyDescent="0.3">
      <c r="A547" s="11">
        <v>12376480</v>
      </c>
      <c r="B547" s="11">
        <v>4471213</v>
      </c>
      <c r="C547" s="22" t="str">
        <f t="shared" si="8"/>
        <v>https://support.microsoft.com/kb/4471213</v>
      </c>
      <c r="D547" s="3" t="s">
        <v>1958</v>
      </c>
      <c r="E547" s="3" t="s">
        <v>100</v>
      </c>
      <c r="F547" s="3" t="s">
        <v>101</v>
      </c>
      <c r="G547" s="3" t="s">
        <v>102</v>
      </c>
      <c r="H547" s="3">
        <v>2017</v>
      </c>
      <c r="I547" s="3" t="s">
        <v>103</v>
      </c>
      <c r="J547" s="3" t="s">
        <v>41</v>
      </c>
      <c r="K547" s="14">
        <v>43452</v>
      </c>
      <c r="L547" s="3" t="s">
        <v>1462</v>
      </c>
    </row>
    <row r="548" spans="1:12" x14ac:dyDescent="0.3">
      <c r="A548" s="11">
        <v>12488520</v>
      </c>
      <c r="B548" s="11">
        <v>4346803</v>
      </c>
      <c r="C548" s="22" t="str">
        <f t="shared" si="8"/>
        <v>https://support.microsoft.com/kb/4346803</v>
      </c>
      <c r="D548" s="3" t="s">
        <v>1959</v>
      </c>
      <c r="E548" s="3" t="s">
        <v>100</v>
      </c>
      <c r="F548" s="3" t="s">
        <v>108</v>
      </c>
      <c r="G548" s="3" t="s">
        <v>102</v>
      </c>
      <c r="H548" s="3">
        <v>2017</v>
      </c>
      <c r="I548" s="3" t="s">
        <v>103</v>
      </c>
      <c r="J548" s="3" t="s">
        <v>41</v>
      </c>
      <c r="K548" s="14">
        <v>43452</v>
      </c>
      <c r="L548" s="3" t="s">
        <v>1462</v>
      </c>
    </row>
    <row r="549" spans="1:12" x14ac:dyDescent="0.3">
      <c r="A549" s="11">
        <v>12385495</v>
      </c>
      <c r="B549" s="11">
        <v>4480709</v>
      </c>
      <c r="C549" s="22" t="str">
        <f t="shared" si="8"/>
        <v>https://support.microsoft.com/kb/4480709</v>
      </c>
      <c r="D549" s="3" t="s">
        <v>1960</v>
      </c>
      <c r="E549" s="3" t="s">
        <v>100</v>
      </c>
      <c r="F549" s="3" t="s">
        <v>108</v>
      </c>
      <c r="G549" s="3" t="s">
        <v>102</v>
      </c>
      <c r="H549" s="3">
        <v>2017</v>
      </c>
      <c r="I549" s="3" t="s">
        <v>103</v>
      </c>
      <c r="J549" s="3" t="s">
        <v>41</v>
      </c>
      <c r="K549" s="14">
        <v>43452</v>
      </c>
      <c r="L549" s="3" t="s">
        <v>1462</v>
      </c>
    </row>
    <row r="550" spans="1:12" x14ac:dyDescent="0.3">
      <c r="A550" s="11">
        <v>12475370</v>
      </c>
      <c r="B550" s="11">
        <v>4470821</v>
      </c>
      <c r="C550" s="22" t="str">
        <f t="shared" si="8"/>
        <v>https://support.microsoft.com/kb/4470821</v>
      </c>
      <c r="D550" s="3" t="s">
        <v>1961</v>
      </c>
      <c r="E550" s="3" t="s">
        <v>100</v>
      </c>
      <c r="F550" s="3" t="s">
        <v>139</v>
      </c>
      <c r="G550" s="3" t="s">
        <v>102</v>
      </c>
      <c r="H550" s="3">
        <v>2017</v>
      </c>
      <c r="I550" s="3" t="s">
        <v>103</v>
      </c>
      <c r="J550" s="3" t="s">
        <v>41</v>
      </c>
      <c r="K550" s="14">
        <v>43452</v>
      </c>
      <c r="L550" s="3" t="s">
        <v>1462</v>
      </c>
    </row>
    <row r="551" spans="1:12" x14ac:dyDescent="0.3">
      <c r="A551" s="11">
        <v>12373379</v>
      </c>
      <c r="B551" s="11">
        <v>4480653</v>
      </c>
      <c r="C551" s="22" t="str">
        <f t="shared" si="8"/>
        <v>https://support.microsoft.com/kb/4480653</v>
      </c>
      <c r="D551" s="3" t="s">
        <v>1962</v>
      </c>
      <c r="E551" s="3" t="s">
        <v>100</v>
      </c>
      <c r="F551" s="3" t="s">
        <v>579</v>
      </c>
      <c r="G551" s="3" t="s">
        <v>102</v>
      </c>
      <c r="H551" s="3">
        <v>2017</v>
      </c>
      <c r="I551" s="3" t="s">
        <v>103</v>
      </c>
      <c r="J551" s="3" t="s">
        <v>41</v>
      </c>
      <c r="K551" s="14">
        <v>43452</v>
      </c>
      <c r="L551" s="3" t="s">
        <v>1462</v>
      </c>
    </row>
    <row r="552" spans="1:12" x14ac:dyDescent="0.3">
      <c r="A552" s="11">
        <v>12495967</v>
      </c>
      <c r="B552" s="11">
        <v>4458157</v>
      </c>
      <c r="C552" s="22" t="str">
        <f t="shared" si="8"/>
        <v>https://support.microsoft.com/kb/4458157</v>
      </c>
      <c r="D552" s="3" t="s">
        <v>1875</v>
      </c>
      <c r="E552" s="3" t="s">
        <v>100</v>
      </c>
      <c r="F552" s="3" t="s">
        <v>127</v>
      </c>
      <c r="G552" s="3" t="s">
        <v>102</v>
      </c>
      <c r="H552" s="3">
        <v>2017</v>
      </c>
      <c r="I552" s="3" t="s">
        <v>103</v>
      </c>
      <c r="J552" s="3" t="s">
        <v>41</v>
      </c>
      <c r="K552" s="14">
        <v>43452</v>
      </c>
      <c r="L552" s="3" t="s">
        <v>1462</v>
      </c>
    </row>
    <row r="553" spans="1:12" x14ac:dyDescent="0.3">
      <c r="A553" s="11">
        <v>12521739</v>
      </c>
      <c r="B553" s="11">
        <v>4089239</v>
      </c>
      <c r="C553" s="22" t="str">
        <f t="shared" si="8"/>
        <v>https://support.microsoft.com/kb/4089239</v>
      </c>
      <c r="D553" s="3" t="s">
        <v>1963</v>
      </c>
      <c r="E553" s="3" t="s">
        <v>100</v>
      </c>
      <c r="F553" s="3" t="s">
        <v>127</v>
      </c>
      <c r="G553" s="3" t="s">
        <v>105</v>
      </c>
      <c r="H553" s="3">
        <v>2017</v>
      </c>
      <c r="I553" s="3" t="s">
        <v>103</v>
      </c>
      <c r="J553" s="3" t="s">
        <v>41</v>
      </c>
      <c r="K553" s="14">
        <v>43452</v>
      </c>
      <c r="L553" s="3" t="s">
        <v>1462</v>
      </c>
    </row>
    <row r="554" spans="1:12" x14ac:dyDescent="0.3">
      <c r="A554" s="11">
        <v>12347608</v>
      </c>
      <c r="B554" s="11">
        <v>4480630</v>
      </c>
      <c r="C554" s="22" t="str">
        <f t="shared" si="8"/>
        <v>https://support.microsoft.com/kb/4480630</v>
      </c>
      <c r="D554" s="3" t="s">
        <v>1964</v>
      </c>
      <c r="E554" s="3" t="s">
        <v>100</v>
      </c>
      <c r="F554" s="3" t="s">
        <v>113</v>
      </c>
      <c r="G554" s="3" t="s">
        <v>102</v>
      </c>
      <c r="H554" s="3">
        <v>2017</v>
      </c>
      <c r="I554" s="3" t="s">
        <v>103</v>
      </c>
      <c r="J554" s="3" t="s">
        <v>41</v>
      </c>
      <c r="K554" s="14">
        <v>43452</v>
      </c>
      <c r="L554" s="3" t="s">
        <v>1462</v>
      </c>
    </row>
    <row r="555" spans="1:12" x14ac:dyDescent="0.3">
      <c r="A555" s="11">
        <v>12458029</v>
      </c>
      <c r="B555" s="11">
        <v>4460116</v>
      </c>
      <c r="C555" s="22" t="str">
        <f t="shared" si="8"/>
        <v>https://support.microsoft.com/kb/4460116</v>
      </c>
      <c r="D555" s="3" t="s">
        <v>1965</v>
      </c>
      <c r="E555" s="3" t="s">
        <v>100</v>
      </c>
      <c r="F555" s="3" t="s">
        <v>113</v>
      </c>
      <c r="G555" s="3" t="s">
        <v>102</v>
      </c>
      <c r="H555" s="3">
        <v>2017</v>
      </c>
      <c r="I555" s="3" t="s">
        <v>103</v>
      </c>
      <c r="J555" s="3" t="s">
        <v>41</v>
      </c>
      <c r="K555" s="14">
        <v>43452</v>
      </c>
      <c r="L555" s="3" t="s">
        <v>1462</v>
      </c>
    </row>
    <row r="556" spans="1:12" x14ac:dyDescent="0.3">
      <c r="A556" s="11">
        <v>12488561</v>
      </c>
      <c r="B556" s="11">
        <v>4459522</v>
      </c>
      <c r="C556" s="22" t="str">
        <f t="shared" si="8"/>
        <v>https://support.microsoft.com/kb/4459522</v>
      </c>
      <c r="D556" s="3" t="s">
        <v>1966</v>
      </c>
      <c r="E556" s="3" t="s">
        <v>100</v>
      </c>
      <c r="F556" s="3" t="s">
        <v>113</v>
      </c>
      <c r="G556" s="3" t="s">
        <v>102</v>
      </c>
      <c r="H556" s="3">
        <v>2017</v>
      </c>
      <c r="I556" s="3" t="s">
        <v>103</v>
      </c>
      <c r="J556" s="3" t="s">
        <v>41</v>
      </c>
      <c r="K556" s="14">
        <v>43452</v>
      </c>
      <c r="L556" s="3" t="s">
        <v>1462</v>
      </c>
    </row>
    <row r="557" spans="1:12" x14ac:dyDescent="0.3">
      <c r="A557" s="11">
        <v>12458045</v>
      </c>
      <c r="B557" s="11">
        <v>4465867</v>
      </c>
      <c r="C557" s="22" t="str">
        <f t="shared" si="8"/>
        <v>https://support.microsoft.com/kb/4465867</v>
      </c>
      <c r="D557" s="3" t="s">
        <v>1967</v>
      </c>
      <c r="E557" s="3" t="s">
        <v>100</v>
      </c>
      <c r="F557" s="3" t="s">
        <v>148</v>
      </c>
      <c r="G557" s="3" t="s">
        <v>102</v>
      </c>
      <c r="H557" s="3">
        <v>2017</v>
      </c>
      <c r="I557" s="3" t="s">
        <v>103</v>
      </c>
      <c r="J557" s="3" t="s">
        <v>41</v>
      </c>
      <c r="K557" s="14">
        <v>43452</v>
      </c>
      <c r="L557" s="3" t="s">
        <v>1462</v>
      </c>
    </row>
    <row r="558" spans="1:12" x14ac:dyDescent="0.3">
      <c r="A558" s="11">
        <v>12478582</v>
      </c>
      <c r="B558" s="11">
        <v>4470811</v>
      </c>
      <c r="C558" s="22" t="str">
        <f t="shared" si="8"/>
        <v>https://support.microsoft.com/kb/4470811</v>
      </c>
      <c r="D558" s="3" t="s">
        <v>1968</v>
      </c>
      <c r="E558" s="3" t="s">
        <v>100</v>
      </c>
      <c r="F558" s="3" t="s">
        <v>145</v>
      </c>
      <c r="G558" s="3" t="s">
        <v>105</v>
      </c>
      <c r="H558" s="3">
        <v>2017</v>
      </c>
      <c r="I558" s="3" t="s">
        <v>103</v>
      </c>
      <c r="J558" s="3" t="s">
        <v>41</v>
      </c>
      <c r="K558" s="14">
        <v>43452</v>
      </c>
      <c r="L558" s="3" t="s">
        <v>1462</v>
      </c>
    </row>
    <row r="559" spans="1:12" x14ac:dyDescent="0.3">
      <c r="A559" s="11">
        <v>12486146</v>
      </c>
      <c r="B559" s="11">
        <v>4479280</v>
      </c>
      <c r="C559" s="22" t="str">
        <f t="shared" si="8"/>
        <v>https://support.microsoft.com/kb/4479280</v>
      </c>
      <c r="D559" s="3" t="s">
        <v>1969</v>
      </c>
      <c r="E559" s="3" t="s">
        <v>100</v>
      </c>
      <c r="F559" s="3" t="s">
        <v>153</v>
      </c>
      <c r="G559" s="3" t="s">
        <v>102</v>
      </c>
      <c r="H559" s="3">
        <v>2017</v>
      </c>
      <c r="I559" s="3" t="s">
        <v>103</v>
      </c>
      <c r="J559" s="3" t="s">
        <v>41</v>
      </c>
      <c r="K559" s="14">
        <v>43452</v>
      </c>
      <c r="L559" s="3" t="s">
        <v>1462</v>
      </c>
    </row>
    <row r="560" spans="1:12" x14ac:dyDescent="0.3">
      <c r="A560" s="11">
        <v>12521845</v>
      </c>
      <c r="B560" s="11">
        <v>4480639</v>
      </c>
      <c r="C560" s="22" t="str">
        <f t="shared" si="8"/>
        <v>https://support.microsoft.com/kb/4480639</v>
      </c>
      <c r="D560" s="3" t="s">
        <v>1970</v>
      </c>
      <c r="E560" s="3" t="s">
        <v>100</v>
      </c>
      <c r="F560" s="3" t="s">
        <v>153</v>
      </c>
      <c r="G560" s="3" t="s">
        <v>102</v>
      </c>
      <c r="H560" s="3">
        <v>2017</v>
      </c>
      <c r="I560" s="3" t="s">
        <v>103</v>
      </c>
      <c r="J560" s="3" t="s">
        <v>41</v>
      </c>
      <c r="K560" s="14">
        <v>43452</v>
      </c>
      <c r="L560" s="3" t="s">
        <v>1462</v>
      </c>
    </row>
    <row r="561" spans="1:12" x14ac:dyDescent="0.3">
      <c r="A561" s="11">
        <v>12428473</v>
      </c>
      <c r="B561" s="11">
        <v>4469722</v>
      </c>
      <c r="C561" s="22" t="str">
        <f t="shared" si="8"/>
        <v>https://support.microsoft.com/kb/4469722</v>
      </c>
      <c r="D561" s="3" t="s">
        <v>1971</v>
      </c>
      <c r="E561" s="3" t="s">
        <v>100</v>
      </c>
      <c r="F561" s="3" t="s">
        <v>332</v>
      </c>
      <c r="G561" s="3" t="s">
        <v>1919</v>
      </c>
      <c r="H561" s="3">
        <v>2017</v>
      </c>
      <c r="I561" s="3" t="s">
        <v>103</v>
      </c>
      <c r="J561" s="3" t="s">
        <v>41</v>
      </c>
      <c r="K561" s="14">
        <v>43452</v>
      </c>
      <c r="L561" s="3" t="s">
        <v>1462</v>
      </c>
    </row>
    <row r="562" spans="1:12" x14ac:dyDescent="0.3">
      <c r="A562" s="11">
        <v>12545511</v>
      </c>
      <c r="B562" s="11">
        <v>4480644</v>
      </c>
      <c r="C562" s="22" t="str">
        <f t="shared" si="8"/>
        <v>https://support.microsoft.com/kb/4480644</v>
      </c>
      <c r="D562" s="3" t="s">
        <v>1972</v>
      </c>
      <c r="E562" s="3" t="s">
        <v>100</v>
      </c>
      <c r="F562" s="3" t="s">
        <v>269</v>
      </c>
      <c r="G562" s="3" t="s">
        <v>105</v>
      </c>
      <c r="H562" s="3">
        <v>2017</v>
      </c>
      <c r="I562" s="3" t="s">
        <v>103</v>
      </c>
      <c r="J562" s="3" t="s">
        <v>41</v>
      </c>
      <c r="K562" s="14">
        <v>43452</v>
      </c>
      <c r="L562" s="3" t="s">
        <v>1462</v>
      </c>
    </row>
    <row r="563" spans="1:12" x14ac:dyDescent="0.3">
      <c r="A563" s="11">
        <v>12546696</v>
      </c>
      <c r="B563" s="11">
        <v>4480645</v>
      </c>
      <c r="C563" s="22" t="str">
        <f t="shared" si="8"/>
        <v>https://support.microsoft.com/kb/4480645</v>
      </c>
      <c r="D563" s="3" t="s">
        <v>1973</v>
      </c>
      <c r="E563" s="3" t="s">
        <v>100</v>
      </c>
      <c r="F563" s="3" t="s">
        <v>269</v>
      </c>
      <c r="G563" s="3" t="s">
        <v>105</v>
      </c>
      <c r="H563" s="3">
        <v>2017</v>
      </c>
      <c r="I563" s="3" t="s">
        <v>103</v>
      </c>
      <c r="J563" s="3" t="s">
        <v>41</v>
      </c>
      <c r="K563" s="14">
        <v>43452</v>
      </c>
      <c r="L563" s="3" t="s">
        <v>1462</v>
      </c>
    </row>
    <row r="564" spans="1:12" x14ac:dyDescent="0.3">
      <c r="A564" s="11">
        <v>12516851</v>
      </c>
      <c r="B564" s="11">
        <v>4480631</v>
      </c>
      <c r="C564" s="22" t="str">
        <f t="shared" si="8"/>
        <v>https://support.microsoft.com/kb/4480631</v>
      </c>
      <c r="D564" s="3" t="s">
        <v>1974</v>
      </c>
      <c r="E564" s="3" t="s">
        <v>107</v>
      </c>
      <c r="F564" s="3" t="s">
        <v>770</v>
      </c>
      <c r="G564" s="3" t="s">
        <v>102</v>
      </c>
      <c r="H564" s="3">
        <v>2017</v>
      </c>
      <c r="I564" s="3" t="s">
        <v>103</v>
      </c>
      <c r="J564" s="3" t="s">
        <v>41</v>
      </c>
      <c r="K564" s="14">
        <v>43452</v>
      </c>
      <c r="L564" s="3" t="s">
        <v>1462</v>
      </c>
    </row>
    <row r="565" spans="1:12" x14ac:dyDescent="0.3">
      <c r="A565" s="11">
        <v>12336241</v>
      </c>
      <c r="B565" s="11">
        <v>4458316</v>
      </c>
      <c r="C565" s="22" t="str">
        <f t="shared" si="8"/>
        <v>https://support.microsoft.com/kb/4458316</v>
      </c>
      <c r="D565" s="3" t="s">
        <v>1975</v>
      </c>
      <c r="E565" s="3" t="s">
        <v>180</v>
      </c>
      <c r="F565" s="3" t="s">
        <v>180</v>
      </c>
      <c r="G565" s="3" t="s">
        <v>102</v>
      </c>
      <c r="H565" s="3">
        <v>2017</v>
      </c>
      <c r="I565" s="3" t="s">
        <v>103</v>
      </c>
      <c r="J565" s="3" t="s">
        <v>50</v>
      </c>
      <c r="K565" s="14">
        <v>43402</v>
      </c>
      <c r="L565" s="3" t="s">
        <v>1466</v>
      </c>
    </row>
    <row r="566" spans="1:12" x14ac:dyDescent="0.3">
      <c r="A566" s="11">
        <v>12333468</v>
      </c>
      <c r="B566" s="11">
        <v>4459575</v>
      </c>
      <c r="C566" s="22" t="str">
        <f t="shared" si="8"/>
        <v>https://support.microsoft.com/kb/4459575</v>
      </c>
      <c r="D566" s="3" t="s">
        <v>1976</v>
      </c>
      <c r="E566" s="3" t="s">
        <v>178</v>
      </c>
      <c r="F566" s="3" t="s">
        <v>775</v>
      </c>
      <c r="G566" s="3" t="s">
        <v>102</v>
      </c>
      <c r="H566" s="3">
        <v>2017</v>
      </c>
      <c r="I566" s="3" t="s">
        <v>103</v>
      </c>
      <c r="J566" s="3" t="s">
        <v>50</v>
      </c>
      <c r="K566" s="14">
        <v>43402</v>
      </c>
      <c r="L566" s="3" t="s">
        <v>1466</v>
      </c>
    </row>
    <row r="567" spans="1:12" x14ac:dyDescent="0.3">
      <c r="A567" s="11">
        <v>12297184</v>
      </c>
      <c r="B567" s="11">
        <v>4462699</v>
      </c>
      <c r="C567" s="22" t="str">
        <f t="shared" si="8"/>
        <v>https://support.microsoft.com/kb/4462699</v>
      </c>
      <c r="D567" s="3" t="s">
        <v>1977</v>
      </c>
      <c r="E567" s="3" t="s">
        <v>178</v>
      </c>
      <c r="F567" s="3" t="s">
        <v>775</v>
      </c>
      <c r="G567" s="3" t="s">
        <v>102</v>
      </c>
      <c r="H567" s="3">
        <v>2017</v>
      </c>
      <c r="I567" s="3" t="s">
        <v>103</v>
      </c>
      <c r="J567" s="3" t="s">
        <v>50</v>
      </c>
      <c r="K567" s="14">
        <v>43402</v>
      </c>
      <c r="L567" s="3" t="s">
        <v>1466</v>
      </c>
    </row>
    <row r="568" spans="1:12" x14ac:dyDescent="0.3">
      <c r="A568" s="11">
        <v>12333342</v>
      </c>
      <c r="B568" s="11">
        <v>4459576</v>
      </c>
      <c r="C568" s="22" t="str">
        <f t="shared" si="8"/>
        <v>https://support.microsoft.com/kb/4459576</v>
      </c>
      <c r="D568" s="3" t="s">
        <v>1978</v>
      </c>
      <c r="E568" s="3" t="s">
        <v>178</v>
      </c>
      <c r="F568" s="3" t="s">
        <v>689</v>
      </c>
      <c r="G568" s="3" t="s">
        <v>102</v>
      </c>
      <c r="H568" s="3">
        <v>2017</v>
      </c>
      <c r="I568" s="3" t="s">
        <v>103</v>
      </c>
      <c r="J568" s="3" t="s">
        <v>50</v>
      </c>
      <c r="K568" s="14">
        <v>43402</v>
      </c>
      <c r="L568" s="3" t="s">
        <v>1466</v>
      </c>
    </row>
    <row r="569" spans="1:12" x14ac:dyDescent="0.3">
      <c r="A569" s="11">
        <v>12180166</v>
      </c>
      <c r="B569" s="11">
        <v>4294694</v>
      </c>
      <c r="C569" s="22" t="str">
        <f t="shared" si="8"/>
        <v>https://support.microsoft.com/kb/4294694</v>
      </c>
      <c r="D569" s="3" t="s">
        <v>1979</v>
      </c>
      <c r="E569" s="3" t="s">
        <v>100</v>
      </c>
      <c r="F569" s="3" t="s">
        <v>161</v>
      </c>
      <c r="G569" s="3" t="s">
        <v>102</v>
      </c>
      <c r="H569" s="3">
        <v>2017</v>
      </c>
      <c r="I569" s="3" t="s">
        <v>103</v>
      </c>
      <c r="J569" s="3" t="s">
        <v>50</v>
      </c>
      <c r="K569" s="14">
        <v>43402</v>
      </c>
      <c r="L569" s="3" t="s">
        <v>1466</v>
      </c>
    </row>
    <row r="570" spans="1:12" x14ac:dyDescent="0.3">
      <c r="A570" s="11">
        <v>12313548</v>
      </c>
      <c r="B570" s="11">
        <v>4458438</v>
      </c>
      <c r="C570" s="22" t="str">
        <f t="shared" si="8"/>
        <v>https://support.microsoft.com/kb/4458438</v>
      </c>
      <c r="D570" s="3" t="s">
        <v>1980</v>
      </c>
      <c r="E570" s="3" t="s">
        <v>100</v>
      </c>
      <c r="F570" s="3" t="s">
        <v>137</v>
      </c>
      <c r="G570" s="3" t="s">
        <v>102</v>
      </c>
      <c r="H570" s="3">
        <v>2017</v>
      </c>
      <c r="I570" s="3" t="s">
        <v>103</v>
      </c>
      <c r="J570" s="3" t="s">
        <v>50</v>
      </c>
      <c r="K570" s="14">
        <v>43402</v>
      </c>
      <c r="L570" s="3" t="s">
        <v>1466</v>
      </c>
    </row>
    <row r="571" spans="1:12" x14ac:dyDescent="0.3">
      <c r="A571" s="11">
        <v>12347661</v>
      </c>
      <c r="B571" s="11">
        <v>4460203</v>
      </c>
      <c r="C571" s="22" t="str">
        <f t="shared" si="8"/>
        <v>https://support.microsoft.com/kb/4460203</v>
      </c>
      <c r="D571" s="3" t="s">
        <v>1981</v>
      </c>
      <c r="E571" s="3" t="s">
        <v>100</v>
      </c>
      <c r="F571" s="3" t="s">
        <v>116</v>
      </c>
      <c r="G571" s="3" t="s">
        <v>116</v>
      </c>
      <c r="H571" s="3">
        <v>2017</v>
      </c>
      <c r="I571" s="3" t="s">
        <v>103</v>
      </c>
      <c r="J571" s="3" t="s">
        <v>50</v>
      </c>
      <c r="K571" s="14">
        <v>43402</v>
      </c>
      <c r="L571" s="3" t="s">
        <v>1466</v>
      </c>
    </row>
    <row r="572" spans="1:12" x14ac:dyDescent="0.3">
      <c r="A572" s="11">
        <v>12357208</v>
      </c>
      <c r="B572" s="11">
        <v>4463314</v>
      </c>
      <c r="C572" s="22" t="str">
        <f t="shared" si="8"/>
        <v>https://support.microsoft.com/kb/4463314</v>
      </c>
      <c r="D572" s="3" t="s">
        <v>1982</v>
      </c>
      <c r="E572" s="3" t="s">
        <v>100</v>
      </c>
      <c r="F572" s="3" t="s">
        <v>116</v>
      </c>
      <c r="G572" s="3" t="s">
        <v>116</v>
      </c>
      <c r="H572" s="3">
        <v>2017</v>
      </c>
      <c r="I572" s="3" t="s">
        <v>103</v>
      </c>
      <c r="J572" s="3" t="s">
        <v>50</v>
      </c>
      <c r="K572" s="14">
        <v>43402</v>
      </c>
      <c r="L572" s="3" t="s">
        <v>1466</v>
      </c>
    </row>
    <row r="573" spans="1:12" x14ac:dyDescent="0.3">
      <c r="A573" s="11">
        <v>12099875</v>
      </c>
      <c r="B573" s="11">
        <v>4459900</v>
      </c>
      <c r="C573" s="22" t="str">
        <f t="shared" si="8"/>
        <v>https://support.microsoft.com/kb/4459900</v>
      </c>
      <c r="D573" s="3" t="s">
        <v>1983</v>
      </c>
      <c r="E573" s="3" t="s">
        <v>100</v>
      </c>
      <c r="F573" s="3" t="s">
        <v>101</v>
      </c>
      <c r="G573" s="3" t="s">
        <v>102</v>
      </c>
      <c r="H573" s="3">
        <v>2017</v>
      </c>
      <c r="I573" s="3" t="s">
        <v>103</v>
      </c>
      <c r="J573" s="3" t="s">
        <v>50</v>
      </c>
      <c r="K573" s="14">
        <v>43402</v>
      </c>
      <c r="L573" s="3" t="s">
        <v>1466</v>
      </c>
    </row>
    <row r="574" spans="1:12" x14ac:dyDescent="0.3">
      <c r="A574" s="11">
        <v>12245670</v>
      </c>
      <c r="B574" s="11">
        <v>4340730</v>
      </c>
      <c r="C574" s="22" t="str">
        <f t="shared" si="8"/>
        <v>https://support.microsoft.com/kb/4340730</v>
      </c>
      <c r="D574" s="3" t="s">
        <v>1984</v>
      </c>
      <c r="E574" s="3" t="s">
        <v>100</v>
      </c>
      <c r="F574" s="3" t="s">
        <v>110</v>
      </c>
      <c r="G574" s="3" t="s">
        <v>102</v>
      </c>
      <c r="H574" s="3">
        <v>2017</v>
      </c>
      <c r="I574" s="3" t="s">
        <v>103</v>
      </c>
      <c r="J574" s="3" t="s">
        <v>50</v>
      </c>
      <c r="K574" s="14">
        <v>43402</v>
      </c>
      <c r="L574" s="3" t="s">
        <v>1466</v>
      </c>
    </row>
    <row r="575" spans="1:12" x14ac:dyDescent="0.3">
      <c r="A575" s="11">
        <v>12200692</v>
      </c>
      <c r="B575" s="11">
        <v>4458593</v>
      </c>
      <c r="C575" s="22" t="str">
        <f t="shared" si="8"/>
        <v>https://support.microsoft.com/kb/4458593</v>
      </c>
      <c r="D575" s="3" t="s">
        <v>1985</v>
      </c>
      <c r="E575" s="3" t="s">
        <v>100</v>
      </c>
      <c r="F575" s="3" t="s">
        <v>127</v>
      </c>
      <c r="G575" s="3" t="s">
        <v>105</v>
      </c>
      <c r="H575" s="3">
        <v>2017</v>
      </c>
      <c r="I575" s="3" t="s">
        <v>103</v>
      </c>
      <c r="J575" s="3" t="s">
        <v>50</v>
      </c>
      <c r="K575" s="14">
        <v>43402</v>
      </c>
      <c r="L575" s="3" t="s">
        <v>1466</v>
      </c>
    </row>
    <row r="576" spans="1:12" x14ac:dyDescent="0.3">
      <c r="A576" s="11">
        <v>12200699</v>
      </c>
      <c r="B576" s="11">
        <v>4456962</v>
      </c>
      <c r="C576" s="22" t="str">
        <f t="shared" si="8"/>
        <v>https://support.microsoft.com/kb/4456962</v>
      </c>
      <c r="D576" s="3" t="s">
        <v>1986</v>
      </c>
      <c r="E576" s="3" t="s">
        <v>100</v>
      </c>
      <c r="F576" s="3" t="s">
        <v>127</v>
      </c>
      <c r="G576" s="3" t="s">
        <v>105</v>
      </c>
      <c r="H576" s="3">
        <v>2017</v>
      </c>
      <c r="I576" s="3" t="s">
        <v>103</v>
      </c>
      <c r="J576" s="3" t="s">
        <v>50</v>
      </c>
      <c r="K576" s="14">
        <v>43402</v>
      </c>
      <c r="L576" s="3" t="s">
        <v>1466</v>
      </c>
    </row>
    <row r="577" spans="1:12" x14ac:dyDescent="0.3">
      <c r="A577" s="11">
        <v>12280645</v>
      </c>
      <c r="B577" s="11">
        <v>4462767</v>
      </c>
      <c r="C577" s="22" t="str">
        <f t="shared" si="8"/>
        <v>https://support.microsoft.com/kb/4462767</v>
      </c>
      <c r="D577" s="3" t="s">
        <v>1987</v>
      </c>
      <c r="E577" s="3" t="s">
        <v>100</v>
      </c>
      <c r="F577" s="3" t="s">
        <v>153</v>
      </c>
      <c r="G577" s="3" t="s">
        <v>102</v>
      </c>
      <c r="H577" s="3">
        <v>2017</v>
      </c>
      <c r="I577" s="3" t="s">
        <v>103</v>
      </c>
      <c r="J577" s="3" t="s">
        <v>50</v>
      </c>
      <c r="K577" s="14">
        <v>43402</v>
      </c>
      <c r="L577" s="3" t="s">
        <v>1466</v>
      </c>
    </row>
    <row r="578" spans="1:12" x14ac:dyDescent="0.3">
      <c r="A578" s="11">
        <v>12305848</v>
      </c>
      <c r="B578" s="11">
        <v>4461562</v>
      </c>
      <c r="C578" s="22" t="str">
        <f t="shared" si="8"/>
        <v>https://support.microsoft.com/kb/4461562</v>
      </c>
      <c r="D578" s="3" t="s">
        <v>1988</v>
      </c>
      <c r="E578" s="3" t="s">
        <v>100</v>
      </c>
      <c r="F578" s="3" t="s">
        <v>269</v>
      </c>
      <c r="G578" s="3" t="s">
        <v>102</v>
      </c>
      <c r="H578" s="3">
        <v>2017</v>
      </c>
      <c r="I578" s="3" t="s">
        <v>103</v>
      </c>
      <c r="J578" s="3" t="s">
        <v>50</v>
      </c>
      <c r="K578" s="14">
        <v>43402</v>
      </c>
      <c r="L578" s="3" t="s">
        <v>1466</v>
      </c>
    </row>
    <row r="579" spans="1:12" x14ac:dyDescent="0.3">
      <c r="A579" s="11">
        <v>12342904</v>
      </c>
      <c r="B579" s="11">
        <v>4468102</v>
      </c>
      <c r="C579" s="22" t="str">
        <f t="shared" si="8"/>
        <v>https://support.microsoft.com/kb/4468102</v>
      </c>
      <c r="D579" s="3" t="s">
        <v>1989</v>
      </c>
      <c r="E579" s="3" t="s">
        <v>100</v>
      </c>
      <c r="F579" s="3" t="s">
        <v>110</v>
      </c>
      <c r="G579" s="3" t="s">
        <v>105</v>
      </c>
      <c r="H579" s="3">
        <v>2017</v>
      </c>
      <c r="I579" s="3" t="s">
        <v>103</v>
      </c>
      <c r="J579" s="3" t="s">
        <v>41</v>
      </c>
      <c r="K579" s="14">
        <v>43397</v>
      </c>
      <c r="L579" s="3" t="s">
        <v>1464</v>
      </c>
    </row>
    <row r="580" spans="1:12" x14ac:dyDescent="0.3">
      <c r="A580" s="11">
        <v>12363625</v>
      </c>
      <c r="B580" s="11">
        <v>4465247</v>
      </c>
      <c r="C580" s="22" t="str">
        <f t="shared" si="8"/>
        <v>https://support.microsoft.com/kb/4465247</v>
      </c>
      <c r="D580" s="3" t="s">
        <v>1990</v>
      </c>
      <c r="E580" s="3" t="s">
        <v>180</v>
      </c>
      <c r="F580" s="3" t="s">
        <v>180</v>
      </c>
      <c r="G580" s="3" t="s">
        <v>102</v>
      </c>
      <c r="H580" s="3">
        <v>2017</v>
      </c>
      <c r="I580" s="3" t="s">
        <v>103</v>
      </c>
      <c r="J580" s="3" t="s">
        <v>47</v>
      </c>
      <c r="K580" s="14">
        <v>43397</v>
      </c>
      <c r="L580" s="3" t="s">
        <v>1464</v>
      </c>
    </row>
    <row r="581" spans="1:12" x14ac:dyDescent="0.3">
      <c r="A581" s="11">
        <v>12392563</v>
      </c>
      <c r="B581" s="11">
        <v>4465248</v>
      </c>
      <c r="C581" s="22" t="str">
        <f t="shared" si="8"/>
        <v>https://support.microsoft.com/kb/4465248</v>
      </c>
      <c r="D581" s="3" t="s">
        <v>1991</v>
      </c>
      <c r="E581" s="3" t="s">
        <v>180</v>
      </c>
      <c r="F581" s="3" t="s">
        <v>180</v>
      </c>
      <c r="G581" s="3" t="s">
        <v>102</v>
      </c>
      <c r="H581" s="3">
        <v>2017</v>
      </c>
      <c r="I581" s="3" t="s">
        <v>103</v>
      </c>
      <c r="J581" s="3" t="s">
        <v>47</v>
      </c>
      <c r="K581" s="14">
        <v>43397</v>
      </c>
      <c r="L581" s="3" t="s">
        <v>1464</v>
      </c>
    </row>
    <row r="582" spans="1:12" x14ac:dyDescent="0.3">
      <c r="A582" s="11">
        <v>12229849</v>
      </c>
      <c r="B582" s="11">
        <v>4345524</v>
      </c>
      <c r="C582" s="22" t="str">
        <f t="shared" ref="C582:C646" si="9">HYPERLINK("https://support.microsoft.com/kb/"&amp;B582)</f>
        <v>https://support.microsoft.com/kb/4345524</v>
      </c>
      <c r="D582" s="3" t="s">
        <v>1992</v>
      </c>
      <c r="E582" s="3" t="s">
        <v>178</v>
      </c>
      <c r="F582" s="3" t="s">
        <v>775</v>
      </c>
      <c r="G582" s="3" t="s">
        <v>102</v>
      </c>
      <c r="H582" s="3">
        <v>2017</v>
      </c>
      <c r="I582" s="3" t="s">
        <v>103</v>
      </c>
      <c r="J582" s="3" t="s">
        <v>47</v>
      </c>
      <c r="K582" s="14">
        <v>43397</v>
      </c>
      <c r="L582" s="3" t="s">
        <v>1464</v>
      </c>
    </row>
    <row r="583" spans="1:12" x14ac:dyDescent="0.3">
      <c r="A583" s="11">
        <v>12352667</v>
      </c>
      <c r="B583" s="11">
        <v>4462426</v>
      </c>
      <c r="C583" s="22" t="str">
        <f t="shared" si="9"/>
        <v>https://support.microsoft.com/kb/4462426</v>
      </c>
      <c r="D583" s="3" t="s">
        <v>1993</v>
      </c>
      <c r="E583" s="3" t="s">
        <v>178</v>
      </c>
      <c r="F583" s="3" t="s">
        <v>775</v>
      </c>
      <c r="G583" s="3" t="s">
        <v>102</v>
      </c>
      <c r="H583" s="3">
        <v>2017</v>
      </c>
      <c r="I583" s="3" t="s">
        <v>103</v>
      </c>
      <c r="J583" s="3" t="s">
        <v>47</v>
      </c>
      <c r="K583" s="14">
        <v>43397</v>
      </c>
      <c r="L583" s="3" t="s">
        <v>1464</v>
      </c>
    </row>
    <row r="584" spans="1:12" x14ac:dyDescent="0.3">
      <c r="A584" s="11">
        <v>12342954</v>
      </c>
      <c r="B584" s="11">
        <v>4463757</v>
      </c>
      <c r="C584" s="22" t="str">
        <f t="shared" si="9"/>
        <v>https://support.microsoft.com/kb/4463757</v>
      </c>
      <c r="D584" s="3" t="s">
        <v>1994</v>
      </c>
      <c r="E584" s="3" t="s">
        <v>697</v>
      </c>
      <c r="F584" s="3" t="s">
        <v>211</v>
      </c>
      <c r="G584" s="3" t="s">
        <v>102</v>
      </c>
      <c r="H584" s="3">
        <v>2017</v>
      </c>
      <c r="I584" s="3" t="s">
        <v>103</v>
      </c>
      <c r="J584" s="3" t="s">
        <v>47</v>
      </c>
      <c r="K584" s="14">
        <v>43397</v>
      </c>
      <c r="L584" s="3" t="s">
        <v>1464</v>
      </c>
    </row>
    <row r="585" spans="1:12" x14ac:dyDescent="0.3">
      <c r="A585" s="11">
        <v>11967433</v>
      </c>
      <c r="B585" s="11">
        <v>4465745</v>
      </c>
      <c r="C585" s="22" t="str">
        <f t="shared" si="9"/>
        <v>https://support.microsoft.com/kb/4465745</v>
      </c>
      <c r="D585" s="3" t="s">
        <v>1995</v>
      </c>
      <c r="E585" s="3" t="s">
        <v>100</v>
      </c>
      <c r="F585" s="3" t="s">
        <v>161</v>
      </c>
      <c r="G585" s="3" t="s">
        <v>102</v>
      </c>
      <c r="H585" s="3">
        <v>2017</v>
      </c>
      <c r="I585" s="3" t="s">
        <v>103</v>
      </c>
      <c r="J585" s="3" t="s">
        <v>47</v>
      </c>
      <c r="K585" s="14">
        <v>43397</v>
      </c>
      <c r="L585" s="3" t="s">
        <v>1464</v>
      </c>
    </row>
    <row r="586" spans="1:12" x14ac:dyDescent="0.3">
      <c r="A586" s="11">
        <v>12409366</v>
      </c>
      <c r="B586" s="11">
        <v>4465832</v>
      </c>
      <c r="C586" s="22" t="str">
        <f t="shared" si="9"/>
        <v>https://support.microsoft.com/kb/4465832</v>
      </c>
      <c r="D586" s="3" t="s">
        <v>1996</v>
      </c>
      <c r="E586" s="3" t="s">
        <v>100</v>
      </c>
      <c r="F586" s="3" t="s">
        <v>161</v>
      </c>
      <c r="G586" s="3" t="s">
        <v>102</v>
      </c>
      <c r="H586" s="3">
        <v>2017</v>
      </c>
      <c r="I586" s="3" t="s">
        <v>103</v>
      </c>
      <c r="J586" s="3" t="s">
        <v>47</v>
      </c>
      <c r="K586" s="14">
        <v>43397</v>
      </c>
      <c r="L586" s="3" t="s">
        <v>1464</v>
      </c>
    </row>
    <row r="587" spans="1:12" x14ac:dyDescent="0.3">
      <c r="A587" s="11">
        <v>12366825</v>
      </c>
      <c r="B587" s="11">
        <v>4466108</v>
      </c>
      <c r="C587" s="22" t="str">
        <f t="shared" si="9"/>
        <v>https://support.microsoft.com/kb/4466108</v>
      </c>
      <c r="D587" s="3" t="s">
        <v>1997</v>
      </c>
      <c r="E587" s="3" t="s">
        <v>100</v>
      </c>
      <c r="F587" s="3" t="s">
        <v>123</v>
      </c>
      <c r="G587" s="3" t="s">
        <v>102</v>
      </c>
      <c r="H587" s="3">
        <v>2017</v>
      </c>
      <c r="I587" s="3" t="s">
        <v>103</v>
      </c>
      <c r="J587" s="3" t="s">
        <v>47</v>
      </c>
      <c r="K587" s="14">
        <v>43397</v>
      </c>
      <c r="L587" s="3" t="s">
        <v>1464</v>
      </c>
    </row>
    <row r="588" spans="1:12" x14ac:dyDescent="0.3">
      <c r="A588" s="11">
        <v>12428685</v>
      </c>
      <c r="B588" s="11">
        <v>4466962</v>
      </c>
      <c r="C588" s="22" t="str">
        <f t="shared" si="9"/>
        <v>https://support.microsoft.com/kb/4466962</v>
      </c>
      <c r="D588" s="3" t="s">
        <v>1998</v>
      </c>
      <c r="E588" s="3" t="s">
        <v>100</v>
      </c>
      <c r="F588" s="3" t="s">
        <v>116</v>
      </c>
      <c r="G588" s="3" t="s">
        <v>116</v>
      </c>
      <c r="H588" s="3">
        <v>2017</v>
      </c>
      <c r="I588" s="3" t="s">
        <v>103</v>
      </c>
      <c r="J588" s="3" t="s">
        <v>47</v>
      </c>
      <c r="K588" s="14">
        <v>43397</v>
      </c>
      <c r="L588" s="3" t="s">
        <v>1464</v>
      </c>
    </row>
    <row r="589" spans="1:12" x14ac:dyDescent="0.3">
      <c r="A589" s="11">
        <v>12186149</v>
      </c>
      <c r="B589" s="11">
        <v>4468101</v>
      </c>
      <c r="C589" s="22" t="str">
        <f t="shared" si="9"/>
        <v>https://support.microsoft.com/kb/4468101</v>
      </c>
      <c r="D589" s="3" t="s">
        <v>1999</v>
      </c>
      <c r="E589" s="3" t="s">
        <v>100</v>
      </c>
      <c r="F589" s="3" t="s">
        <v>110</v>
      </c>
      <c r="G589" s="3" t="s">
        <v>105</v>
      </c>
      <c r="H589" s="3">
        <v>2017</v>
      </c>
      <c r="I589" s="3" t="s">
        <v>103</v>
      </c>
      <c r="J589" s="3" t="s">
        <v>47</v>
      </c>
      <c r="K589" s="14">
        <v>43397</v>
      </c>
      <c r="L589" s="3" t="s">
        <v>1464</v>
      </c>
    </row>
    <row r="590" spans="1:12" x14ac:dyDescent="0.3">
      <c r="A590" s="11">
        <v>12296279</v>
      </c>
      <c r="B590" s="11">
        <v>4465204</v>
      </c>
      <c r="C590" s="22" t="str">
        <f t="shared" si="9"/>
        <v>https://support.microsoft.com/kb/4465204</v>
      </c>
      <c r="D590" s="3" t="s">
        <v>2000</v>
      </c>
      <c r="E590" s="3" t="s">
        <v>100</v>
      </c>
      <c r="F590" s="3" t="s">
        <v>127</v>
      </c>
      <c r="G590" s="3" t="s">
        <v>102</v>
      </c>
      <c r="H590" s="3">
        <v>2017</v>
      </c>
      <c r="I590" s="3" t="s">
        <v>103</v>
      </c>
      <c r="J590" s="3" t="s">
        <v>47</v>
      </c>
      <c r="K590" s="14">
        <v>43397</v>
      </c>
      <c r="L590" s="3" t="s">
        <v>1464</v>
      </c>
    </row>
    <row r="591" spans="1:12" x14ac:dyDescent="0.3">
      <c r="A591" s="11">
        <v>12321033</v>
      </c>
      <c r="B591" s="11">
        <v>4462481</v>
      </c>
      <c r="C591" s="22" t="str">
        <f t="shared" si="9"/>
        <v>https://support.microsoft.com/kb/4462481</v>
      </c>
      <c r="D591" s="3" t="s">
        <v>2001</v>
      </c>
      <c r="E591" s="3" t="s">
        <v>100</v>
      </c>
      <c r="F591" s="3" t="s">
        <v>127</v>
      </c>
      <c r="G591" s="3" t="s">
        <v>102</v>
      </c>
      <c r="H591" s="3">
        <v>2017</v>
      </c>
      <c r="I591" s="3" t="s">
        <v>103</v>
      </c>
      <c r="J591" s="3" t="s">
        <v>47</v>
      </c>
      <c r="K591" s="14">
        <v>43397</v>
      </c>
      <c r="L591" s="3" t="s">
        <v>1464</v>
      </c>
    </row>
    <row r="592" spans="1:12" x14ac:dyDescent="0.3">
      <c r="A592" s="11">
        <v>12357735</v>
      </c>
      <c r="B592" s="11">
        <v>4468103</v>
      </c>
      <c r="C592" s="22" t="str">
        <f t="shared" si="9"/>
        <v>https://support.microsoft.com/kb/4468103</v>
      </c>
      <c r="D592" s="3" t="s">
        <v>2002</v>
      </c>
      <c r="E592" s="3" t="s">
        <v>100</v>
      </c>
      <c r="F592" s="3" t="s">
        <v>120</v>
      </c>
      <c r="G592" s="3" t="s">
        <v>102</v>
      </c>
      <c r="H592" s="3">
        <v>2017</v>
      </c>
      <c r="I592" s="3" t="s">
        <v>103</v>
      </c>
      <c r="J592" s="3" t="s">
        <v>47</v>
      </c>
      <c r="K592" s="14">
        <v>43397</v>
      </c>
      <c r="L592" s="3" t="s">
        <v>1464</v>
      </c>
    </row>
    <row r="593" spans="1:12" x14ac:dyDescent="0.3">
      <c r="A593" s="11">
        <v>12342475</v>
      </c>
      <c r="B593" s="11">
        <v>4469140</v>
      </c>
      <c r="C593" s="22" t="str">
        <f t="shared" si="9"/>
        <v>https://support.microsoft.com/kb/4469140</v>
      </c>
      <c r="D593" s="3" t="s">
        <v>2003</v>
      </c>
      <c r="E593" s="3" t="s">
        <v>100</v>
      </c>
      <c r="F593" s="3" t="s">
        <v>120</v>
      </c>
      <c r="G593" s="3" t="s">
        <v>105</v>
      </c>
      <c r="H593" s="3">
        <v>2017</v>
      </c>
      <c r="I593" s="3" t="s">
        <v>103</v>
      </c>
      <c r="J593" s="3" t="s">
        <v>47</v>
      </c>
      <c r="K593" s="14">
        <v>43397</v>
      </c>
      <c r="L593" s="3" t="s">
        <v>1464</v>
      </c>
    </row>
    <row r="594" spans="1:12" x14ac:dyDescent="0.3">
      <c r="A594" s="11">
        <v>12362293</v>
      </c>
      <c r="B594" s="11">
        <v>4459220</v>
      </c>
      <c r="C594" s="22" t="str">
        <f t="shared" si="9"/>
        <v>https://support.microsoft.com/kb/4459220</v>
      </c>
      <c r="D594" s="3" t="s">
        <v>2004</v>
      </c>
      <c r="E594" s="3" t="s">
        <v>100</v>
      </c>
      <c r="F594" s="3" t="s">
        <v>120</v>
      </c>
      <c r="G594" s="3" t="s">
        <v>102</v>
      </c>
      <c r="H594" s="3">
        <v>2017</v>
      </c>
      <c r="I594" s="3" t="s">
        <v>103</v>
      </c>
      <c r="J594" s="3" t="s">
        <v>47</v>
      </c>
      <c r="K594" s="14">
        <v>43397</v>
      </c>
      <c r="L594" s="3" t="s">
        <v>1464</v>
      </c>
    </row>
    <row r="595" spans="1:12" x14ac:dyDescent="0.3">
      <c r="A595" s="11">
        <v>12359904</v>
      </c>
      <c r="B595" s="11">
        <v>4465236</v>
      </c>
      <c r="C595" s="22" t="str">
        <f t="shared" si="9"/>
        <v>https://support.microsoft.com/kb/4465236</v>
      </c>
      <c r="D595" s="3" t="s">
        <v>2005</v>
      </c>
      <c r="E595" s="3" t="s">
        <v>100</v>
      </c>
      <c r="F595" s="3" t="s">
        <v>269</v>
      </c>
      <c r="G595" s="3" t="s">
        <v>102</v>
      </c>
      <c r="H595" s="3">
        <v>2017</v>
      </c>
      <c r="I595" s="3" t="s">
        <v>103</v>
      </c>
      <c r="J595" s="3" t="s">
        <v>47</v>
      </c>
      <c r="K595" s="14">
        <v>43397</v>
      </c>
      <c r="L595" s="3" t="s">
        <v>1464</v>
      </c>
    </row>
    <row r="596" spans="1:12" x14ac:dyDescent="0.3">
      <c r="A596" s="11">
        <v>12403785</v>
      </c>
      <c r="B596" s="11">
        <v>4467074</v>
      </c>
      <c r="C596" s="22" t="str">
        <f t="shared" si="9"/>
        <v>https://support.microsoft.com/kb/4467074</v>
      </c>
      <c r="D596" s="3" t="s">
        <v>2006</v>
      </c>
      <c r="E596" s="3" t="s">
        <v>100</v>
      </c>
      <c r="F596" s="3" t="s">
        <v>127</v>
      </c>
      <c r="G596" s="3" t="s">
        <v>462</v>
      </c>
      <c r="H596" s="3">
        <v>2017</v>
      </c>
      <c r="I596" s="3" t="s">
        <v>103</v>
      </c>
      <c r="J596" s="3" t="s">
        <v>47</v>
      </c>
      <c r="K596" s="14">
        <v>43397</v>
      </c>
      <c r="L596" s="3" t="s">
        <v>1464</v>
      </c>
    </row>
    <row r="597" spans="1:12" x14ac:dyDescent="0.3">
      <c r="A597" s="11">
        <v>12342904</v>
      </c>
      <c r="B597" s="11">
        <v>4468102</v>
      </c>
      <c r="C597" s="22" t="str">
        <f t="shared" si="9"/>
        <v>https://support.microsoft.com/kb/4468102</v>
      </c>
      <c r="D597" s="3" t="s">
        <v>2007</v>
      </c>
      <c r="E597" s="3" t="s">
        <v>100</v>
      </c>
      <c r="F597" s="3" t="s">
        <v>110</v>
      </c>
      <c r="G597" s="3" t="s">
        <v>462</v>
      </c>
      <c r="H597" s="3">
        <v>2017</v>
      </c>
      <c r="I597" s="3" t="s">
        <v>103</v>
      </c>
      <c r="J597" s="3" t="s">
        <v>47</v>
      </c>
      <c r="K597" s="14">
        <v>43397</v>
      </c>
      <c r="L597" s="3" t="s">
        <v>1464</v>
      </c>
    </row>
    <row r="598" spans="1:12" x14ac:dyDescent="0.3">
      <c r="A598" s="11">
        <v>12279887</v>
      </c>
      <c r="B598" s="11">
        <v>4467273</v>
      </c>
      <c r="C598" s="22" t="str">
        <f>HYPERLINK("https://support.microsoft.com/kb/"&amp;B598)</f>
        <v>https://support.microsoft.com/kb/4467273</v>
      </c>
      <c r="D598" s="3" t="s">
        <v>2008</v>
      </c>
      <c r="E598" s="3" t="s">
        <v>100</v>
      </c>
      <c r="F598" s="3" t="s">
        <v>127</v>
      </c>
      <c r="G598" s="3" t="s">
        <v>102</v>
      </c>
      <c r="H598" s="3">
        <v>2017</v>
      </c>
      <c r="I598" s="3" t="s">
        <v>103</v>
      </c>
      <c r="J598" s="3" t="s">
        <v>50</v>
      </c>
      <c r="K598" s="14">
        <v>43363</v>
      </c>
      <c r="L598" s="3" t="s">
        <v>1466</v>
      </c>
    </row>
    <row r="599" spans="1:12" x14ac:dyDescent="0.3">
      <c r="A599" s="11">
        <v>12248777</v>
      </c>
      <c r="B599" s="11">
        <v>4341221</v>
      </c>
      <c r="C599" s="9" t="s">
        <v>2009</v>
      </c>
      <c r="D599" t="s">
        <v>2010</v>
      </c>
      <c r="E599" s="3" t="s">
        <v>100</v>
      </c>
      <c r="F599" s="3" t="s">
        <v>123</v>
      </c>
      <c r="G599" s="3" t="s">
        <v>102</v>
      </c>
      <c r="H599" s="3">
        <v>2017</v>
      </c>
      <c r="I599" s="3" t="s">
        <v>103</v>
      </c>
      <c r="J599" s="3" t="s">
        <v>56</v>
      </c>
      <c r="K599" s="14">
        <v>43339</v>
      </c>
      <c r="L599" s="3" t="s">
        <v>1468</v>
      </c>
    </row>
    <row r="600" spans="1:12" x14ac:dyDescent="0.3">
      <c r="A600" s="11">
        <v>12201819</v>
      </c>
      <c r="B600" s="11">
        <v>2932559</v>
      </c>
      <c r="C600" s="22" t="str">
        <f t="shared" si="9"/>
        <v>https://support.microsoft.com/kb/2932559</v>
      </c>
      <c r="D600" s="3" t="s">
        <v>2011</v>
      </c>
      <c r="E600" s="3" t="s">
        <v>180</v>
      </c>
      <c r="F600" s="3" t="s">
        <v>180</v>
      </c>
      <c r="G600" s="3" t="s">
        <v>102</v>
      </c>
      <c r="H600" s="3">
        <v>2017</v>
      </c>
      <c r="I600" s="3" t="s">
        <v>103</v>
      </c>
      <c r="J600" s="3" t="s">
        <v>56</v>
      </c>
      <c r="K600" s="14">
        <v>43339</v>
      </c>
      <c r="L600" s="3" t="s">
        <v>1468</v>
      </c>
    </row>
    <row r="601" spans="1:12" x14ac:dyDescent="0.3">
      <c r="A601" s="11">
        <v>12245666</v>
      </c>
      <c r="B601" s="11">
        <v>4340746</v>
      </c>
      <c r="C601" s="22" t="str">
        <f t="shared" si="9"/>
        <v>https://support.microsoft.com/kb/4340746</v>
      </c>
      <c r="D601" s="3" t="s">
        <v>2012</v>
      </c>
      <c r="E601" s="3" t="s">
        <v>180</v>
      </c>
      <c r="F601" s="3" t="s">
        <v>180</v>
      </c>
      <c r="G601" s="3" t="s">
        <v>102</v>
      </c>
      <c r="H601" s="3">
        <v>2017</v>
      </c>
      <c r="I601" s="3" t="s">
        <v>103</v>
      </c>
      <c r="J601" s="3" t="s">
        <v>56</v>
      </c>
      <c r="K601" s="14">
        <v>43339</v>
      </c>
      <c r="L601" s="3" t="s">
        <v>1468</v>
      </c>
    </row>
    <row r="602" spans="1:12" x14ac:dyDescent="0.3">
      <c r="A602" s="11">
        <v>12227459</v>
      </c>
      <c r="B602" s="11">
        <v>4345402</v>
      </c>
      <c r="C602" s="22" t="str">
        <f t="shared" si="9"/>
        <v>https://support.microsoft.com/kb/4345402</v>
      </c>
      <c r="D602" s="3" t="s">
        <v>2013</v>
      </c>
      <c r="E602" s="3" t="s">
        <v>180</v>
      </c>
      <c r="F602" s="3" t="s">
        <v>180</v>
      </c>
      <c r="G602" s="3" t="s">
        <v>102</v>
      </c>
      <c r="H602" s="3">
        <v>2017</v>
      </c>
      <c r="I602" s="3" t="s">
        <v>103</v>
      </c>
      <c r="J602" s="3" t="s">
        <v>56</v>
      </c>
      <c r="K602" s="14">
        <v>43339</v>
      </c>
      <c r="L602" s="3" t="s">
        <v>1468</v>
      </c>
    </row>
    <row r="603" spans="1:12" x14ac:dyDescent="0.3">
      <c r="A603" s="11">
        <v>12229848</v>
      </c>
      <c r="B603" s="11">
        <v>4346330</v>
      </c>
      <c r="C603" s="22" t="str">
        <f t="shared" si="9"/>
        <v>https://support.microsoft.com/kb/4346330</v>
      </c>
      <c r="D603" s="3" t="s">
        <v>2014</v>
      </c>
      <c r="E603" s="3" t="s">
        <v>178</v>
      </c>
      <c r="F603" s="3" t="s">
        <v>775</v>
      </c>
      <c r="G603" s="3" t="s">
        <v>102</v>
      </c>
      <c r="H603" s="3">
        <v>2017</v>
      </c>
      <c r="I603" s="3" t="s">
        <v>103</v>
      </c>
      <c r="J603" s="3" t="s">
        <v>56</v>
      </c>
      <c r="K603" s="14">
        <v>43339</v>
      </c>
      <c r="L603" s="3" t="s">
        <v>1468</v>
      </c>
    </row>
    <row r="604" spans="1:12" x14ac:dyDescent="0.3">
      <c r="A604" s="11">
        <v>12242752</v>
      </c>
      <c r="B604" s="11">
        <v>4340426</v>
      </c>
      <c r="C604" s="22" t="str">
        <f t="shared" si="9"/>
        <v>https://support.microsoft.com/kb/4340426</v>
      </c>
      <c r="D604" s="3" t="s">
        <v>2015</v>
      </c>
      <c r="E604" s="3" t="s">
        <v>178</v>
      </c>
      <c r="F604" s="3" t="s">
        <v>689</v>
      </c>
      <c r="G604" s="3" t="s">
        <v>102</v>
      </c>
      <c r="H604" s="3">
        <v>2017</v>
      </c>
      <c r="I604" s="3" t="s">
        <v>103</v>
      </c>
      <c r="J604" s="3" t="s">
        <v>56</v>
      </c>
      <c r="K604" s="14">
        <v>43339</v>
      </c>
      <c r="L604" s="3" t="s">
        <v>1468</v>
      </c>
    </row>
    <row r="605" spans="1:12" x14ac:dyDescent="0.3">
      <c r="A605" s="11">
        <v>12213556</v>
      </c>
      <c r="B605" s="11">
        <v>4345683</v>
      </c>
      <c r="C605" s="22" t="str">
        <f t="shared" si="9"/>
        <v>https://support.microsoft.com/kb/4345683</v>
      </c>
      <c r="D605" s="3" t="s">
        <v>2016</v>
      </c>
      <c r="E605" s="3" t="s">
        <v>697</v>
      </c>
      <c r="F605" s="3" t="s">
        <v>777</v>
      </c>
      <c r="G605" s="3" t="s">
        <v>102</v>
      </c>
      <c r="H605" s="3">
        <v>2017</v>
      </c>
      <c r="I605" s="3" t="s">
        <v>103</v>
      </c>
      <c r="J605" s="3" t="s">
        <v>56</v>
      </c>
      <c r="K605" s="14">
        <v>43339</v>
      </c>
      <c r="L605" s="3" t="s">
        <v>1468</v>
      </c>
    </row>
    <row r="606" spans="1:12" x14ac:dyDescent="0.3">
      <c r="A606" s="11">
        <v>12128370</v>
      </c>
      <c r="B606" s="11">
        <v>4346643</v>
      </c>
      <c r="C606" s="22" t="str">
        <f t="shared" si="9"/>
        <v>https://support.microsoft.com/kb/4346643</v>
      </c>
      <c r="D606" s="3" t="s">
        <v>2017</v>
      </c>
      <c r="E606" s="3" t="s">
        <v>100</v>
      </c>
      <c r="F606" s="3" t="s">
        <v>123</v>
      </c>
      <c r="G606" s="3" t="s">
        <v>102</v>
      </c>
      <c r="H606" s="3">
        <v>2017</v>
      </c>
      <c r="I606" s="3" t="s">
        <v>103</v>
      </c>
      <c r="J606" s="3" t="s">
        <v>56</v>
      </c>
      <c r="K606" s="14">
        <v>43339</v>
      </c>
      <c r="L606" s="3" t="s">
        <v>1468</v>
      </c>
    </row>
    <row r="607" spans="1:12" x14ac:dyDescent="0.3">
      <c r="A607" s="11">
        <v>12248752</v>
      </c>
      <c r="B607" s="11">
        <v>4100582</v>
      </c>
      <c r="C607" s="22" t="str">
        <f t="shared" si="9"/>
        <v>https://support.microsoft.com/kb/4100582</v>
      </c>
      <c r="D607" s="3" t="s">
        <v>2018</v>
      </c>
      <c r="E607" s="3" t="s">
        <v>100</v>
      </c>
      <c r="F607" s="3" t="s">
        <v>137</v>
      </c>
      <c r="G607" s="3" t="s">
        <v>105</v>
      </c>
      <c r="H607" s="3">
        <v>2017</v>
      </c>
      <c r="I607" s="3" t="s">
        <v>103</v>
      </c>
      <c r="J607" s="3" t="s">
        <v>56</v>
      </c>
      <c r="K607" s="14">
        <v>43339</v>
      </c>
      <c r="L607" s="3" t="s">
        <v>1468</v>
      </c>
    </row>
    <row r="608" spans="1:12" x14ac:dyDescent="0.3">
      <c r="A608" s="11">
        <v>12203152</v>
      </c>
      <c r="B608" s="11">
        <v>4346812</v>
      </c>
      <c r="C608" s="22" t="str">
        <f t="shared" si="9"/>
        <v>https://support.microsoft.com/kb/4346812</v>
      </c>
      <c r="D608" s="3" t="s">
        <v>2019</v>
      </c>
      <c r="E608" s="3" t="s">
        <v>100</v>
      </c>
      <c r="F608" s="3" t="s">
        <v>137</v>
      </c>
      <c r="G608" s="3" t="s">
        <v>102</v>
      </c>
      <c r="H608" s="3">
        <v>2017</v>
      </c>
      <c r="I608" s="3" t="s">
        <v>103</v>
      </c>
      <c r="J608" s="3" t="s">
        <v>56</v>
      </c>
      <c r="K608" s="14">
        <v>43339</v>
      </c>
      <c r="L608" s="3" t="s">
        <v>1468</v>
      </c>
    </row>
    <row r="609" spans="1:12" x14ac:dyDescent="0.3">
      <c r="A609" s="11">
        <v>12247780</v>
      </c>
      <c r="B609" s="11">
        <v>4347055</v>
      </c>
      <c r="C609" s="22" t="str">
        <f t="shared" si="9"/>
        <v>https://support.microsoft.com/kb/4347055</v>
      </c>
      <c r="D609" s="3" t="s">
        <v>2020</v>
      </c>
      <c r="E609" s="3" t="s">
        <v>100</v>
      </c>
      <c r="F609" s="3" t="s">
        <v>116</v>
      </c>
      <c r="G609" s="3" t="s">
        <v>116</v>
      </c>
      <c r="H609" s="3">
        <v>2017</v>
      </c>
      <c r="I609" s="3" t="s">
        <v>103</v>
      </c>
      <c r="J609" s="3" t="s">
        <v>56</v>
      </c>
      <c r="K609" s="14">
        <v>43339</v>
      </c>
      <c r="L609" s="3" t="s">
        <v>1468</v>
      </c>
    </row>
    <row r="610" spans="1:12" x14ac:dyDescent="0.3">
      <c r="A610" s="11">
        <v>12245662</v>
      </c>
      <c r="B610" s="11">
        <v>4338576</v>
      </c>
      <c r="C610" s="22" t="str">
        <f t="shared" si="9"/>
        <v>https://support.microsoft.com/kb/4338576</v>
      </c>
      <c r="D610" s="3" t="s">
        <v>2021</v>
      </c>
      <c r="E610" s="3" t="s">
        <v>100</v>
      </c>
      <c r="F610" s="3" t="s">
        <v>101</v>
      </c>
      <c r="G610" s="3" t="s">
        <v>102</v>
      </c>
      <c r="H610" s="3">
        <v>2017</v>
      </c>
      <c r="I610" s="3" t="s">
        <v>103</v>
      </c>
      <c r="J610" s="3" t="s">
        <v>56</v>
      </c>
      <c r="K610" s="14">
        <v>43339</v>
      </c>
      <c r="L610" s="3" t="s">
        <v>1468</v>
      </c>
    </row>
    <row r="611" spans="1:12" x14ac:dyDescent="0.3">
      <c r="A611" s="11">
        <v>12221447</v>
      </c>
      <c r="B611" s="11">
        <v>4345228</v>
      </c>
      <c r="C611" s="22" t="str">
        <f t="shared" si="9"/>
        <v>https://support.microsoft.com/kb/4345228</v>
      </c>
      <c r="D611" s="3" t="s">
        <v>2022</v>
      </c>
      <c r="E611" s="3" t="s">
        <v>100</v>
      </c>
      <c r="F611" s="3" t="s">
        <v>110</v>
      </c>
      <c r="G611" s="3" t="s">
        <v>102</v>
      </c>
      <c r="H611" s="3">
        <v>2017</v>
      </c>
      <c r="I611" s="3" t="s">
        <v>103</v>
      </c>
      <c r="J611" s="3" t="s">
        <v>56</v>
      </c>
      <c r="K611" s="14">
        <v>43339</v>
      </c>
      <c r="L611" s="3" t="s">
        <v>1468</v>
      </c>
    </row>
    <row r="612" spans="1:12" x14ac:dyDescent="0.3">
      <c r="A612" s="11">
        <v>12242742</v>
      </c>
      <c r="B612" s="11">
        <v>4338715</v>
      </c>
      <c r="C612" s="22" t="str">
        <f t="shared" si="9"/>
        <v>https://support.microsoft.com/kb/4338715</v>
      </c>
      <c r="D612" s="3" t="s">
        <v>2023</v>
      </c>
      <c r="E612" s="3" t="s">
        <v>100</v>
      </c>
      <c r="F612" s="3" t="s">
        <v>127</v>
      </c>
      <c r="G612" s="3" t="s">
        <v>105</v>
      </c>
      <c r="H612" s="3">
        <v>2017</v>
      </c>
      <c r="I612" s="3" t="s">
        <v>103</v>
      </c>
      <c r="J612" s="3" t="s">
        <v>56</v>
      </c>
      <c r="K612" s="14">
        <v>43339</v>
      </c>
      <c r="L612" s="3" t="s">
        <v>1468</v>
      </c>
    </row>
    <row r="613" spans="1:12" x14ac:dyDescent="0.3">
      <c r="A613" s="11">
        <v>12150907</v>
      </c>
      <c r="B613" s="11">
        <v>4342424</v>
      </c>
      <c r="C613" s="22" t="str">
        <f t="shared" si="9"/>
        <v>https://support.microsoft.com/kb/4342424</v>
      </c>
      <c r="D613" s="3" t="s">
        <v>2024</v>
      </c>
      <c r="E613" s="3" t="s">
        <v>100</v>
      </c>
      <c r="F613" s="3" t="s">
        <v>113</v>
      </c>
      <c r="G613" s="3" t="s">
        <v>105</v>
      </c>
      <c r="H613" s="3">
        <v>2017</v>
      </c>
      <c r="I613" s="3" t="s">
        <v>103</v>
      </c>
      <c r="J613" s="3" t="s">
        <v>56</v>
      </c>
      <c r="K613" s="14">
        <v>43339</v>
      </c>
      <c r="L613" s="3" t="s">
        <v>1468</v>
      </c>
    </row>
    <row r="614" spans="1:12" x14ac:dyDescent="0.3">
      <c r="A614" s="11">
        <v>12249912</v>
      </c>
      <c r="B614" s="11">
        <v>4456883</v>
      </c>
      <c r="C614" s="22" t="str">
        <f t="shared" si="9"/>
        <v>https://support.microsoft.com/kb/4456883</v>
      </c>
      <c r="D614" s="3" t="s">
        <v>2025</v>
      </c>
      <c r="E614" s="3" t="s">
        <v>100</v>
      </c>
      <c r="F614" s="3" t="s">
        <v>120</v>
      </c>
      <c r="G614" s="3" t="s">
        <v>102</v>
      </c>
      <c r="H614" s="3">
        <v>2017</v>
      </c>
      <c r="I614" s="3" t="s">
        <v>103</v>
      </c>
      <c r="J614" s="3" t="s">
        <v>56</v>
      </c>
      <c r="K614" s="14">
        <v>43339</v>
      </c>
      <c r="L614" s="3" t="s">
        <v>1468</v>
      </c>
    </row>
    <row r="615" spans="1:12" x14ac:dyDescent="0.3">
      <c r="A615" s="11">
        <v>12171986</v>
      </c>
      <c r="B615" s="11">
        <v>4344904</v>
      </c>
      <c r="C615" s="22" t="str">
        <f t="shared" si="9"/>
        <v>https://support.microsoft.com/kb/4344904</v>
      </c>
      <c r="D615" s="3" t="s">
        <v>2026</v>
      </c>
      <c r="E615" s="3" t="s">
        <v>100</v>
      </c>
      <c r="F615" s="3" t="s">
        <v>120</v>
      </c>
      <c r="G615" s="3" t="s">
        <v>105</v>
      </c>
      <c r="H615" s="3">
        <v>2017</v>
      </c>
      <c r="I615" s="3" t="s">
        <v>103</v>
      </c>
      <c r="J615" s="3" t="s">
        <v>56</v>
      </c>
      <c r="K615" s="14">
        <v>43339</v>
      </c>
      <c r="L615" s="3" t="s">
        <v>1468</v>
      </c>
    </row>
    <row r="616" spans="1:12" x14ac:dyDescent="0.3">
      <c r="A616" s="11">
        <v>12164662</v>
      </c>
      <c r="B616" s="11">
        <v>4341398</v>
      </c>
      <c r="C616" s="22" t="str">
        <f t="shared" si="9"/>
        <v>https://support.microsoft.com/kb/4341398</v>
      </c>
      <c r="D616" s="3" t="s">
        <v>2027</v>
      </c>
      <c r="E616" s="3" t="s">
        <v>100</v>
      </c>
      <c r="F616" s="3" t="s">
        <v>794</v>
      </c>
      <c r="G616" s="3" t="s">
        <v>102</v>
      </c>
      <c r="H616" s="3">
        <v>2017</v>
      </c>
      <c r="I616" s="3" t="s">
        <v>103</v>
      </c>
      <c r="J616" s="3" t="s">
        <v>56</v>
      </c>
      <c r="K616" s="14">
        <v>43339</v>
      </c>
      <c r="L616" s="3" t="s">
        <v>1468</v>
      </c>
    </row>
    <row r="617" spans="1:12" x14ac:dyDescent="0.3">
      <c r="A617" s="11">
        <v>12177844</v>
      </c>
      <c r="B617" s="11">
        <v>4133191</v>
      </c>
      <c r="C617" s="22" t="str">
        <f t="shared" si="9"/>
        <v>https://support.microsoft.com/kb/4133191</v>
      </c>
      <c r="D617" s="3" t="s">
        <v>2028</v>
      </c>
      <c r="E617" s="3" t="s">
        <v>100</v>
      </c>
      <c r="F617" s="3" t="s">
        <v>794</v>
      </c>
      <c r="G617" s="3" t="s">
        <v>102</v>
      </c>
      <c r="H617" s="3">
        <v>2017</v>
      </c>
      <c r="I617" s="3" t="s">
        <v>103</v>
      </c>
      <c r="J617" s="3" t="s">
        <v>56</v>
      </c>
      <c r="K617" s="14">
        <v>43339</v>
      </c>
      <c r="L617" s="3" t="s">
        <v>1468</v>
      </c>
    </row>
    <row r="618" spans="1:12" x14ac:dyDescent="0.3">
      <c r="A618" s="11">
        <v>12201714</v>
      </c>
      <c r="B618" s="11">
        <v>4344103</v>
      </c>
      <c r="C618" s="22" t="str">
        <f t="shared" si="9"/>
        <v>https://support.microsoft.com/kb/4344103</v>
      </c>
      <c r="D618" s="3" t="s">
        <v>2029</v>
      </c>
      <c r="E618" s="3" t="s">
        <v>100</v>
      </c>
      <c r="F618" s="3" t="s">
        <v>145</v>
      </c>
      <c r="G618" s="3" t="s">
        <v>102</v>
      </c>
      <c r="H618" s="3">
        <v>2017</v>
      </c>
      <c r="I618" s="3" t="s">
        <v>103</v>
      </c>
      <c r="J618" s="3" t="s">
        <v>56</v>
      </c>
      <c r="K618" s="14">
        <v>43339</v>
      </c>
      <c r="L618" s="3" t="s">
        <v>1468</v>
      </c>
    </row>
    <row r="619" spans="1:12" x14ac:dyDescent="0.3">
      <c r="A619" s="11">
        <v>12251323</v>
      </c>
      <c r="B619" s="11">
        <v>4347088</v>
      </c>
      <c r="C619" s="22" t="str">
        <f t="shared" si="9"/>
        <v>https://support.microsoft.com/kb/4347088</v>
      </c>
      <c r="D619" s="3" t="s">
        <v>2030</v>
      </c>
      <c r="E619" s="3" t="s">
        <v>100</v>
      </c>
      <c r="F619" s="3" t="s">
        <v>145</v>
      </c>
      <c r="G619" s="3" t="s">
        <v>102</v>
      </c>
      <c r="H619" s="3">
        <v>2017</v>
      </c>
      <c r="I619" s="3" t="s">
        <v>103</v>
      </c>
      <c r="J619" s="3" t="s">
        <v>56</v>
      </c>
      <c r="K619" s="14">
        <v>43339</v>
      </c>
      <c r="L619" s="3" t="s">
        <v>1468</v>
      </c>
    </row>
    <row r="620" spans="1:12" x14ac:dyDescent="0.3">
      <c r="A620" s="11">
        <v>12210593</v>
      </c>
      <c r="B620" s="11">
        <v>4053447</v>
      </c>
      <c r="C620" s="22" t="str">
        <f t="shared" si="9"/>
        <v>https://support.microsoft.com/kb/4053447</v>
      </c>
      <c r="D620" s="3" t="s">
        <v>2031</v>
      </c>
      <c r="E620" s="3" t="s">
        <v>107</v>
      </c>
      <c r="F620" s="3" t="s">
        <v>118</v>
      </c>
      <c r="G620" s="3" t="s">
        <v>116</v>
      </c>
      <c r="H620" s="3">
        <v>2017</v>
      </c>
      <c r="I620" s="3" t="s">
        <v>103</v>
      </c>
      <c r="J620" s="3" t="s">
        <v>56</v>
      </c>
      <c r="K620" s="14">
        <v>43339</v>
      </c>
      <c r="L620" s="3" t="s">
        <v>1468</v>
      </c>
    </row>
    <row r="621" spans="1:12" x14ac:dyDescent="0.3">
      <c r="A621" s="11">
        <v>12041154</v>
      </c>
      <c r="B621" s="11">
        <v>4340134</v>
      </c>
      <c r="C621" s="22" t="str">
        <f t="shared" si="9"/>
        <v>https://support.microsoft.com/kb/4340134</v>
      </c>
      <c r="D621" s="3" t="s">
        <v>2032</v>
      </c>
      <c r="E621" s="3" t="s">
        <v>180</v>
      </c>
      <c r="F621" s="3" t="s">
        <v>180</v>
      </c>
      <c r="G621" s="3" t="s">
        <v>102</v>
      </c>
      <c r="H621" s="3">
        <v>2017</v>
      </c>
      <c r="I621" s="3" t="s">
        <v>103</v>
      </c>
      <c r="J621" s="3" t="s">
        <v>59</v>
      </c>
      <c r="K621" s="14">
        <v>43299</v>
      </c>
      <c r="L621" s="3" t="s">
        <v>1475</v>
      </c>
    </row>
    <row r="622" spans="1:12" x14ac:dyDescent="0.3">
      <c r="A622" s="11">
        <v>12121216</v>
      </c>
      <c r="B622" s="11">
        <v>4339664</v>
      </c>
      <c r="C622" s="22" t="str">
        <f t="shared" si="9"/>
        <v>https://support.microsoft.com/kb/4339664</v>
      </c>
      <c r="D622" s="3" t="s">
        <v>2033</v>
      </c>
      <c r="E622" s="3" t="s">
        <v>180</v>
      </c>
      <c r="F622" s="3" t="s">
        <v>180</v>
      </c>
      <c r="G622" s="3" t="s">
        <v>102</v>
      </c>
      <c r="H622" s="3">
        <v>2017</v>
      </c>
      <c r="I622" s="3" t="s">
        <v>103</v>
      </c>
      <c r="J622" s="3" t="s">
        <v>59</v>
      </c>
      <c r="K622" s="14">
        <v>43299</v>
      </c>
      <c r="L622" s="3" t="s">
        <v>1475</v>
      </c>
    </row>
    <row r="623" spans="1:12" x14ac:dyDescent="0.3">
      <c r="A623" s="11">
        <v>12123248</v>
      </c>
      <c r="B623" s="11">
        <v>4340742</v>
      </c>
      <c r="C623" s="22" t="str">
        <f t="shared" si="9"/>
        <v>https://support.microsoft.com/kb/4340742</v>
      </c>
      <c r="D623" s="3" t="s">
        <v>2034</v>
      </c>
      <c r="E623" s="3" t="s">
        <v>180</v>
      </c>
      <c r="F623" s="3" t="s">
        <v>180</v>
      </c>
      <c r="G623" s="3" t="s">
        <v>102</v>
      </c>
      <c r="H623" s="3">
        <v>2017</v>
      </c>
      <c r="I623" s="3" t="s">
        <v>103</v>
      </c>
      <c r="J623" s="3" t="s">
        <v>59</v>
      </c>
      <c r="K623" s="14">
        <v>43299</v>
      </c>
      <c r="L623" s="3" t="s">
        <v>1475</v>
      </c>
    </row>
    <row r="624" spans="1:12" x14ac:dyDescent="0.3">
      <c r="A624" s="11">
        <v>12168709</v>
      </c>
      <c r="B624" s="11">
        <v>4010460</v>
      </c>
      <c r="C624" s="22" t="str">
        <f t="shared" si="9"/>
        <v>https://support.microsoft.com/kb/4010460</v>
      </c>
      <c r="D624" s="3" t="s">
        <v>2035</v>
      </c>
      <c r="E624" s="3" t="s">
        <v>380</v>
      </c>
      <c r="F624" s="3" t="s">
        <v>945</v>
      </c>
      <c r="G624" s="3" t="s">
        <v>102</v>
      </c>
      <c r="H624" s="3">
        <v>2017</v>
      </c>
      <c r="I624" s="3" t="s">
        <v>103</v>
      </c>
      <c r="J624" s="3" t="s">
        <v>59</v>
      </c>
      <c r="K624" s="14">
        <v>43299</v>
      </c>
      <c r="L624" s="3" t="s">
        <v>1475</v>
      </c>
    </row>
    <row r="625" spans="1:12" x14ac:dyDescent="0.3">
      <c r="A625" s="11">
        <v>12138685</v>
      </c>
      <c r="B625" s="11">
        <v>4339613</v>
      </c>
      <c r="C625" s="22" t="str">
        <f t="shared" si="9"/>
        <v>https://support.microsoft.com/kb/4339613</v>
      </c>
      <c r="D625" s="3" t="s">
        <v>2036</v>
      </c>
      <c r="E625" s="3" t="s">
        <v>178</v>
      </c>
      <c r="F625" s="3" t="s">
        <v>178</v>
      </c>
      <c r="G625" s="3" t="s">
        <v>102</v>
      </c>
      <c r="H625" s="3">
        <v>2017</v>
      </c>
      <c r="I625" s="3" t="s">
        <v>103</v>
      </c>
      <c r="J625" s="3" t="s">
        <v>59</v>
      </c>
      <c r="K625" s="14">
        <v>43299</v>
      </c>
      <c r="L625" s="3" t="s">
        <v>1475</v>
      </c>
    </row>
    <row r="626" spans="1:12" x14ac:dyDescent="0.3">
      <c r="A626" s="11">
        <v>12129434</v>
      </c>
      <c r="B626" s="11">
        <v>4134601</v>
      </c>
      <c r="C626" s="22" t="str">
        <f t="shared" si="9"/>
        <v>https://support.microsoft.com/kb/4134601</v>
      </c>
      <c r="D626" s="3" t="s">
        <v>2037</v>
      </c>
      <c r="E626" s="3" t="s">
        <v>180</v>
      </c>
      <c r="F626" s="3" t="s">
        <v>689</v>
      </c>
      <c r="G626" s="3" t="s">
        <v>102</v>
      </c>
      <c r="H626" s="3">
        <v>2017</v>
      </c>
      <c r="I626" s="3" t="s">
        <v>103</v>
      </c>
      <c r="J626" s="3" t="s">
        <v>59</v>
      </c>
      <c r="K626" s="14">
        <v>43299</v>
      </c>
      <c r="L626" s="3" t="s">
        <v>1475</v>
      </c>
    </row>
    <row r="627" spans="1:12" x14ac:dyDescent="0.3">
      <c r="A627" s="11">
        <v>12162425</v>
      </c>
      <c r="B627" s="11">
        <v>4341221</v>
      </c>
      <c r="C627" s="22" t="str">
        <f t="shared" si="9"/>
        <v>https://support.microsoft.com/kb/4341221</v>
      </c>
      <c r="D627" s="3" t="s">
        <v>2010</v>
      </c>
      <c r="E627" s="3" t="s">
        <v>100</v>
      </c>
      <c r="F627" s="3" t="s">
        <v>123</v>
      </c>
      <c r="G627" s="3" t="s">
        <v>102</v>
      </c>
      <c r="H627" s="3">
        <v>2017</v>
      </c>
      <c r="I627" s="3" t="s">
        <v>103</v>
      </c>
      <c r="J627" s="3" t="s">
        <v>59</v>
      </c>
      <c r="K627" s="14">
        <v>43299</v>
      </c>
      <c r="L627" s="3" t="s">
        <v>1475</v>
      </c>
    </row>
    <row r="628" spans="1:12" x14ac:dyDescent="0.3">
      <c r="A628" s="11">
        <v>12186129</v>
      </c>
      <c r="B628" s="11">
        <v>4101502</v>
      </c>
      <c r="C628" s="22" t="str">
        <f t="shared" si="9"/>
        <v>https://support.microsoft.com/kb/4101502</v>
      </c>
      <c r="D628" s="3" t="s">
        <v>2038</v>
      </c>
      <c r="E628" s="3" t="s">
        <v>100</v>
      </c>
      <c r="F628" s="3" t="s">
        <v>123</v>
      </c>
      <c r="G628" s="3" t="s">
        <v>105</v>
      </c>
      <c r="H628" s="3">
        <v>2017</v>
      </c>
      <c r="I628" s="3" t="s">
        <v>103</v>
      </c>
      <c r="J628" s="3" t="s">
        <v>59</v>
      </c>
      <c r="K628" s="14">
        <v>43299</v>
      </c>
      <c r="L628" s="3" t="s">
        <v>1475</v>
      </c>
    </row>
    <row r="629" spans="1:12" x14ac:dyDescent="0.3">
      <c r="A629" s="11">
        <v>12144190</v>
      </c>
      <c r="B629" s="11">
        <v>4340069</v>
      </c>
      <c r="C629" s="22" t="str">
        <f t="shared" si="9"/>
        <v>https://support.microsoft.com/kb/4340069</v>
      </c>
      <c r="D629" s="3" t="s">
        <v>2039</v>
      </c>
      <c r="E629" s="3" t="s">
        <v>100</v>
      </c>
      <c r="F629" s="3" t="s">
        <v>233</v>
      </c>
      <c r="G629" s="3" t="s">
        <v>116</v>
      </c>
      <c r="H629" s="3">
        <v>2017</v>
      </c>
      <c r="I629" s="3" t="s">
        <v>103</v>
      </c>
      <c r="J629" s="3" t="s">
        <v>59</v>
      </c>
      <c r="K629" s="14">
        <v>43299</v>
      </c>
      <c r="L629" s="3" t="s">
        <v>1475</v>
      </c>
    </row>
    <row r="630" spans="1:12" x14ac:dyDescent="0.3">
      <c r="A630" s="11">
        <v>12128861</v>
      </c>
      <c r="B630" s="11">
        <v>4340747</v>
      </c>
      <c r="C630" s="22" t="str">
        <f t="shared" si="9"/>
        <v>https://support.microsoft.com/kb/4340747</v>
      </c>
      <c r="D630" s="3" t="s">
        <v>2040</v>
      </c>
      <c r="E630" s="3" t="s">
        <v>100</v>
      </c>
      <c r="F630" s="3" t="s">
        <v>116</v>
      </c>
      <c r="G630" s="3" t="s">
        <v>116</v>
      </c>
      <c r="H630" s="3">
        <v>2017</v>
      </c>
      <c r="I630" s="3" t="s">
        <v>103</v>
      </c>
      <c r="J630" s="3" t="s">
        <v>59</v>
      </c>
      <c r="K630" s="14">
        <v>43299</v>
      </c>
      <c r="L630" s="3" t="s">
        <v>1475</v>
      </c>
    </row>
    <row r="631" spans="1:12" x14ac:dyDescent="0.3">
      <c r="A631" s="11">
        <v>12162067</v>
      </c>
      <c r="B631" s="11">
        <v>4341264</v>
      </c>
      <c r="C631" s="22" t="str">
        <f t="shared" si="9"/>
        <v>https://support.microsoft.com/kb/4341264</v>
      </c>
      <c r="D631" s="3" t="s">
        <v>2041</v>
      </c>
      <c r="E631" s="3" t="s">
        <v>100</v>
      </c>
      <c r="F631" s="3" t="s">
        <v>116</v>
      </c>
      <c r="G631" s="3" t="s">
        <v>116</v>
      </c>
      <c r="H631" s="3">
        <v>2017</v>
      </c>
      <c r="I631" s="3" t="s">
        <v>103</v>
      </c>
      <c r="J631" s="3" t="s">
        <v>59</v>
      </c>
      <c r="K631" s="14">
        <v>43299</v>
      </c>
      <c r="L631" s="3" t="s">
        <v>1475</v>
      </c>
    </row>
    <row r="632" spans="1:12" x14ac:dyDescent="0.3">
      <c r="A632" s="11">
        <v>12108225</v>
      </c>
      <c r="B632" s="11">
        <v>4339858</v>
      </c>
      <c r="C632" s="22" t="str">
        <f t="shared" si="9"/>
        <v>https://support.microsoft.com/kb/4339858</v>
      </c>
      <c r="D632" s="3" t="s">
        <v>2042</v>
      </c>
      <c r="E632" s="3" t="s">
        <v>100</v>
      </c>
      <c r="F632" s="3" t="s">
        <v>101</v>
      </c>
      <c r="G632" s="3" t="s">
        <v>105</v>
      </c>
      <c r="H632" s="3">
        <v>2017</v>
      </c>
      <c r="I632" s="3" t="s">
        <v>103</v>
      </c>
      <c r="J632" s="3" t="s">
        <v>59</v>
      </c>
      <c r="K632" s="14">
        <v>43299</v>
      </c>
      <c r="L632" s="3" t="s">
        <v>1475</v>
      </c>
    </row>
    <row r="633" spans="1:12" x14ac:dyDescent="0.3">
      <c r="A633" s="11">
        <v>12149855</v>
      </c>
      <c r="B633" s="11">
        <v>4341219</v>
      </c>
      <c r="C633" s="22" t="str">
        <f t="shared" si="9"/>
        <v>https://support.microsoft.com/kb/4341219</v>
      </c>
      <c r="D633" s="3" t="s">
        <v>2043</v>
      </c>
      <c r="E633" s="3" t="s">
        <v>100</v>
      </c>
      <c r="F633" s="3" t="s">
        <v>101</v>
      </c>
      <c r="G633" s="3" t="s">
        <v>105</v>
      </c>
      <c r="H633" s="3">
        <v>2017</v>
      </c>
      <c r="I633" s="3" t="s">
        <v>103</v>
      </c>
      <c r="J633" s="3" t="s">
        <v>59</v>
      </c>
      <c r="K633" s="14">
        <v>43299</v>
      </c>
      <c r="L633" s="3" t="s">
        <v>1475</v>
      </c>
    </row>
    <row r="634" spans="1:12" x14ac:dyDescent="0.3">
      <c r="A634" s="11">
        <v>11922902</v>
      </c>
      <c r="B634" s="11">
        <v>4316858</v>
      </c>
      <c r="C634" s="22" t="str">
        <f t="shared" si="9"/>
        <v>https://support.microsoft.com/kb/4316858</v>
      </c>
      <c r="D634" s="3" t="s">
        <v>2044</v>
      </c>
      <c r="E634" s="3" t="s">
        <v>100</v>
      </c>
      <c r="F634" s="3" t="s">
        <v>113</v>
      </c>
      <c r="G634" s="3" t="s">
        <v>105</v>
      </c>
      <c r="H634" s="3">
        <v>2017</v>
      </c>
      <c r="I634" s="3" t="s">
        <v>103</v>
      </c>
      <c r="J634" s="3" t="s">
        <v>59</v>
      </c>
      <c r="K634" s="14">
        <v>43299</v>
      </c>
      <c r="L634" s="3" t="s">
        <v>1475</v>
      </c>
    </row>
    <row r="635" spans="1:12" x14ac:dyDescent="0.3">
      <c r="A635" s="11">
        <v>12111717</v>
      </c>
      <c r="B635" s="11">
        <v>4340837</v>
      </c>
      <c r="C635" s="22" t="str">
        <f t="shared" si="9"/>
        <v>https://support.microsoft.com/kb/4340837</v>
      </c>
      <c r="D635" s="3" t="s">
        <v>2045</v>
      </c>
      <c r="E635" s="3" t="s">
        <v>100</v>
      </c>
      <c r="F635" s="3" t="s">
        <v>120</v>
      </c>
      <c r="G635" s="3" t="s">
        <v>102</v>
      </c>
      <c r="H635" s="3">
        <v>2017</v>
      </c>
      <c r="I635" s="3" t="s">
        <v>103</v>
      </c>
      <c r="J635" s="3" t="s">
        <v>59</v>
      </c>
      <c r="K635" s="14">
        <v>43299</v>
      </c>
      <c r="L635" s="3" t="s">
        <v>1475</v>
      </c>
    </row>
    <row r="636" spans="1:12" x14ac:dyDescent="0.3">
      <c r="A636" s="11">
        <v>12061383</v>
      </c>
      <c r="B636" s="11">
        <v>4341253</v>
      </c>
      <c r="C636" s="22" t="str">
        <f t="shared" si="9"/>
        <v>https://support.microsoft.com/kb/4341253</v>
      </c>
      <c r="D636" s="3" t="s">
        <v>2046</v>
      </c>
      <c r="E636" s="3" t="s">
        <v>100</v>
      </c>
      <c r="F636" s="3" t="s">
        <v>145</v>
      </c>
      <c r="G636" s="3" t="s">
        <v>102</v>
      </c>
      <c r="H636" s="3">
        <v>2017</v>
      </c>
      <c r="I636" s="3" t="s">
        <v>103</v>
      </c>
      <c r="J636" s="3" t="s">
        <v>59</v>
      </c>
      <c r="K636" s="14">
        <v>43299</v>
      </c>
      <c r="L636" s="3" t="s">
        <v>1475</v>
      </c>
    </row>
    <row r="637" spans="1:12" x14ac:dyDescent="0.3">
      <c r="A637" s="11">
        <v>12107546</v>
      </c>
      <c r="B637" s="11">
        <v>4338890</v>
      </c>
      <c r="C637" s="22" t="str">
        <f t="shared" si="9"/>
        <v>https://support.microsoft.com/kb/4338890</v>
      </c>
      <c r="D637" s="3" t="s">
        <v>2047</v>
      </c>
      <c r="E637" s="3" t="s">
        <v>100</v>
      </c>
      <c r="F637" s="3" t="s">
        <v>145</v>
      </c>
      <c r="G637" s="3" t="s">
        <v>102</v>
      </c>
      <c r="H637" s="3">
        <v>2017</v>
      </c>
      <c r="I637" s="3" t="s">
        <v>103</v>
      </c>
      <c r="J637" s="3" t="s">
        <v>59</v>
      </c>
      <c r="K637" s="14">
        <v>43299</v>
      </c>
      <c r="L637" s="3" t="s">
        <v>1475</v>
      </c>
    </row>
    <row r="638" spans="1:12" x14ac:dyDescent="0.3">
      <c r="A638" s="11">
        <v>11983925</v>
      </c>
      <c r="B638" s="11">
        <v>4133164</v>
      </c>
      <c r="C638" s="22" t="str">
        <f t="shared" si="9"/>
        <v>https://support.microsoft.com/kb/4133164</v>
      </c>
      <c r="D638" s="3" t="s">
        <v>2048</v>
      </c>
      <c r="E638" s="3" t="s">
        <v>107</v>
      </c>
      <c r="F638" s="3" t="s">
        <v>2049</v>
      </c>
      <c r="G638" s="3" t="s">
        <v>102</v>
      </c>
      <c r="H638" s="3">
        <v>2017</v>
      </c>
      <c r="I638" s="3" t="s">
        <v>103</v>
      </c>
      <c r="J638" s="3" t="s">
        <v>59</v>
      </c>
      <c r="K638" s="14">
        <v>43299</v>
      </c>
      <c r="L638" s="3" t="s">
        <v>1475</v>
      </c>
    </row>
    <row r="639" spans="1:12" x14ac:dyDescent="0.3">
      <c r="A639" s="11">
        <v>11566052</v>
      </c>
      <c r="B639" s="11">
        <v>4295097</v>
      </c>
      <c r="C639" s="22" t="str">
        <f t="shared" si="9"/>
        <v>https://support.microsoft.com/kb/4295097</v>
      </c>
      <c r="D639" s="3" t="s">
        <v>2050</v>
      </c>
      <c r="E639" s="3" t="s">
        <v>180</v>
      </c>
      <c r="F639" s="3" t="s">
        <v>180</v>
      </c>
      <c r="G639" s="3" t="s">
        <v>102</v>
      </c>
      <c r="H639" s="3">
        <v>2017</v>
      </c>
      <c r="I639" s="3" t="s">
        <v>103</v>
      </c>
      <c r="J639" s="3" t="s">
        <v>65</v>
      </c>
      <c r="K639" s="14">
        <v>43272</v>
      </c>
      <c r="L639" s="3" t="s">
        <v>1477</v>
      </c>
    </row>
    <row r="640" spans="1:12" x14ac:dyDescent="0.3">
      <c r="A640" s="11">
        <v>11953207</v>
      </c>
      <c r="B640" s="11">
        <v>4163526</v>
      </c>
      <c r="C640" s="22" t="str">
        <f t="shared" si="9"/>
        <v>https://support.microsoft.com/kb/4163526</v>
      </c>
      <c r="D640" s="3" t="s">
        <v>2051</v>
      </c>
      <c r="E640" s="3" t="s">
        <v>180</v>
      </c>
      <c r="F640" s="3" t="s">
        <v>180</v>
      </c>
      <c r="G640" s="3" t="s">
        <v>102</v>
      </c>
      <c r="H640" s="3">
        <v>2017</v>
      </c>
      <c r="I640" s="3" t="s">
        <v>103</v>
      </c>
      <c r="J640" s="3" t="s">
        <v>65</v>
      </c>
      <c r="K640" s="14">
        <v>43272</v>
      </c>
      <c r="L640" s="3" t="s">
        <v>1477</v>
      </c>
    </row>
    <row r="641" spans="1:12" x14ac:dyDescent="0.3">
      <c r="A641" s="11">
        <v>11953216</v>
      </c>
      <c r="B641" s="11">
        <v>4163528</v>
      </c>
      <c r="C641" s="22" t="str">
        <f t="shared" si="9"/>
        <v>https://support.microsoft.com/kb/4163528</v>
      </c>
      <c r="D641" s="3" t="s">
        <v>2052</v>
      </c>
      <c r="E641" s="3" t="s">
        <v>180</v>
      </c>
      <c r="F641" s="3" t="s">
        <v>180</v>
      </c>
      <c r="G641" s="3" t="s">
        <v>102</v>
      </c>
      <c r="H641" s="3">
        <v>2017</v>
      </c>
      <c r="I641" s="3" t="s">
        <v>103</v>
      </c>
      <c r="J641" s="3" t="s">
        <v>65</v>
      </c>
      <c r="K641" s="14">
        <v>43272</v>
      </c>
      <c r="L641" s="3" t="s">
        <v>1477</v>
      </c>
    </row>
    <row r="642" spans="1:12" x14ac:dyDescent="0.3">
      <c r="A642" s="11">
        <v>11976339</v>
      </c>
      <c r="B642" s="11">
        <v>4293761</v>
      </c>
      <c r="C642" s="22" t="str">
        <f t="shared" si="9"/>
        <v>https://support.microsoft.com/kb/4293761</v>
      </c>
      <c r="D642" s="3" t="s">
        <v>2053</v>
      </c>
      <c r="E642" s="3" t="s">
        <v>180</v>
      </c>
      <c r="F642" s="3" t="s">
        <v>180</v>
      </c>
      <c r="G642" s="3" t="s">
        <v>102</v>
      </c>
      <c r="H642" s="3">
        <v>2017</v>
      </c>
      <c r="I642" s="3" t="s">
        <v>103</v>
      </c>
      <c r="J642" s="3" t="s">
        <v>65</v>
      </c>
      <c r="K642" s="14">
        <v>43272</v>
      </c>
      <c r="L642" s="3" t="s">
        <v>1477</v>
      </c>
    </row>
    <row r="643" spans="1:12" x14ac:dyDescent="0.3">
      <c r="A643" s="11">
        <v>11829060</v>
      </c>
      <c r="B643" s="11">
        <v>4342111</v>
      </c>
      <c r="C643" s="22" t="str">
        <f t="shared" si="9"/>
        <v>https://support.microsoft.com/kb/4342111</v>
      </c>
      <c r="D643" s="3" t="s">
        <v>2054</v>
      </c>
      <c r="E643" s="3" t="s">
        <v>180</v>
      </c>
      <c r="F643" s="3" t="s">
        <v>180</v>
      </c>
      <c r="G643" s="3" t="s">
        <v>102</v>
      </c>
      <c r="H643" s="3">
        <v>2017</v>
      </c>
      <c r="I643" s="3" t="s">
        <v>103</v>
      </c>
      <c r="J643" s="3" t="s">
        <v>65</v>
      </c>
      <c r="K643" s="14">
        <v>43272</v>
      </c>
      <c r="L643" s="3" t="s">
        <v>1477</v>
      </c>
    </row>
    <row r="644" spans="1:12" x14ac:dyDescent="0.3">
      <c r="A644" s="11">
        <v>11983945</v>
      </c>
      <c r="B644" s="11">
        <v>4134175</v>
      </c>
      <c r="C644" s="22" t="str">
        <f t="shared" si="9"/>
        <v>https://support.microsoft.com/kb/4134175</v>
      </c>
      <c r="D644" s="3" t="s">
        <v>2055</v>
      </c>
      <c r="E644" s="3" t="s">
        <v>180</v>
      </c>
      <c r="F644" s="3" t="s">
        <v>180</v>
      </c>
      <c r="G644" s="3" t="s">
        <v>102</v>
      </c>
      <c r="H644" s="3">
        <v>2017</v>
      </c>
      <c r="I644" s="3" t="s">
        <v>103</v>
      </c>
      <c r="J644" s="3" t="s">
        <v>65</v>
      </c>
      <c r="K644" s="14">
        <v>43272</v>
      </c>
      <c r="L644" s="3" t="s">
        <v>1477</v>
      </c>
    </row>
    <row r="645" spans="1:12" x14ac:dyDescent="0.3">
      <c r="A645" s="11">
        <v>11845000</v>
      </c>
      <c r="B645" s="11">
        <v>4132042</v>
      </c>
      <c r="C645" s="22" t="str">
        <f t="shared" si="9"/>
        <v>https://support.microsoft.com/kb/4132042</v>
      </c>
      <c r="D645" s="3" t="s">
        <v>2056</v>
      </c>
      <c r="E645" s="3" t="s">
        <v>180</v>
      </c>
      <c r="F645" s="3" t="s">
        <v>180</v>
      </c>
      <c r="G645" s="3" t="s">
        <v>102</v>
      </c>
      <c r="H645" s="3">
        <v>2017</v>
      </c>
      <c r="I645" s="3" t="s">
        <v>103</v>
      </c>
      <c r="J645" s="3" t="s">
        <v>65</v>
      </c>
      <c r="K645" s="14">
        <v>43272</v>
      </c>
      <c r="L645" s="3" t="s">
        <v>1477</v>
      </c>
    </row>
    <row r="646" spans="1:12" x14ac:dyDescent="0.3">
      <c r="A646" s="11">
        <v>11863917</v>
      </c>
      <c r="B646" s="11">
        <v>4136679</v>
      </c>
      <c r="C646" s="22" t="str">
        <f t="shared" si="9"/>
        <v>https://support.microsoft.com/kb/4136679</v>
      </c>
      <c r="D646" s="3" t="s">
        <v>2057</v>
      </c>
      <c r="E646" s="3" t="s">
        <v>180</v>
      </c>
      <c r="F646" s="3" t="s">
        <v>180</v>
      </c>
      <c r="G646" s="3" t="s">
        <v>102</v>
      </c>
      <c r="H646" s="3">
        <v>2017</v>
      </c>
      <c r="I646" s="3" t="s">
        <v>103</v>
      </c>
      <c r="J646" s="3" t="s">
        <v>65</v>
      </c>
      <c r="K646" s="14">
        <v>43272</v>
      </c>
      <c r="L646" s="3" t="s">
        <v>1477</v>
      </c>
    </row>
    <row r="647" spans="1:12" x14ac:dyDescent="0.3">
      <c r="A647" s="11">
        <v>11983932</v>
      </c>
      <c r="B647" s="11">
        <v>4094858</v>
      </c>
      <c r="C647" s="22" t="str">
        <f t="shared" ref="C647:C710" si="10">HYPERLINK("https://support.microsoft.com/kb/"&amp;B647)</f>
        <v>https://support.microsoft.com/kb/4094858</v>
      </c>
      <c r="D647" s="3" t="s">
        <v>2058</v>
      </c>
      <c r="E647" s="3" t="s">
        <v>180</v>
      </c>
      <c r="F647" s="3" t="s">
        <v>180</v>
      </c>
      <c r="G647" s="3" t="s">
        <v>102</v>
      </c>
      <c r="H647" s="3">
        <v>2017</v>
      </c>
      <c r="I647" s="3" t="s">
        <v>103</v>
      </c>
      <c r="J647" s="3" t="s">
        <v>65</v>
      </c>
      <c r="K647" s="14">
        <v>43272</v>
      </c>
      <c r="L647" s="3" t="s">
        <v>1477</v>
      </c>
    </row>
    <row r="648" spans="1:12" x14ac:dyDescent="0.3">
      <c r="A648" s="11">
        <v>11983946</v>
      </c>
      <c r="B648" s="11">
        <v>4162814</v>
      </c>
      <c r="C648" s="22" t="str">
        <f t="shared" si="10"/>
        <v>https://support.microsoft.com/kb/4162814</v>
      </c>
      <c r="D648" s="3" t="s">
        <v>2059</v>
      </c>
      <c r="E648" s="3" t="s">
        <v>180</v>
      </c>
      <c r="F648" s="3" t="s">
        <v>180</v>
      </c>
      <c r="G648" s="3" t="s">
        <v>102</v>
      </c>
      <c r="H648" s="3">
        <v>2017</v>
      </c>
      <c r="I648" s="3" t="s">
        <v>103</v>
      </c>
      <c r="J648" s="3" t="s">
        <v>65</v>
      </c>
      <c r="K648" s="14">
        <v>43272</v>
      </c>
      <c r="L648" s="3" t="s">
        <v>1477</v>
      </c>
    </row>
    <row r="649" spans="1:12" x14ac:dyDescent="0.3">
      <c r="A649" s="11">
        <v>11983952</v>
      </c>
      <c r="B649" s="11">
        <v>3028216</v>
      </c>
      <c r="C649" s="22" t="str">
        <f t="shared" si="10"/>
        <v>https://support.microsoft.com/kb/3028216</v>
      </c>
      <c r="D649" s="3" t="s">
        <v>2060</v>
      </c>
      <c r="E649" s="3" t="s">
        <v>180</v>
      </c>
      <c r="F649" s="3" t="s">
        <v>180</v>
      </c>
      <c r="G649" s="3" t="s">
        <v>102</v>
      </c>
      <c r="H649" s="3">
        <v>2017</v>
      </c>
      <c r="I649" s="3" t="s">
        <v>103</v>
      </c>
      <c r="J649" s="3" t="s">
        <v>65</v>
      </c>
      <c r="K649" s="14">
        <v>43272</v>
      </c>
      <c r="L649" s="3" t="s">
        <v>1477</v>
      </c>
    </row>
    <row r="650" spans="1:12" x14ac:dyDescent="0.3">
      <c r="A650" s="11">
        <v>11677210</v>
      </c>
      <c r="B650" s="11">
        <v>4135137</v>
      </c>
      <c r="C650" s="22" t="str">
        <f t="shared" si="10"/>
        <v>https://support.microsoft.com/kb/4135137</v>
      </c>
      <c r="D650" s="3" t="s">
        <v>2061</v>
      </c>
      <c r="E650" s="3" t="s">
        <v>380</v>
      </c>
      <c r="F650" s="3" t="s">
        <v>945</v>
      </c>
      <c r="G650" s="3" t="s">
        <v>102</v>
      </c>
      <c r="H650" s="3">
        <v>2017</v>
      </c>
      <c r="I650" s="3" t="s">
        <v>103</v>
      </c>
      <c r="J650" s="3" t="s">
        <v>65</v>
      </c>
      <c r="K650" s="14">
        <v>43272</v>
      </c>
      <c r="L650" s="3" t="s">
        <v>1477</v>
      </c>
    </row>
    <row r="651" spans="1:12" x14ac:dyDescent="0.3">
      <c r="A651" s="11">
        <v>11983933</v>
      </c>
      <c r="B651" s="11">
        <v>4164562</v>
      </c>
      <c r="C651" s="22" t="str">
        <f t="shared" si="10"/>
        <v>https://support.microsoft.com/kb/4164562</v>
      </c>
      <c r="D651" s="3" t="s">
        <v>2062</v>
      </c>
      <c r="E651" s="3" t="s">
        <v>178</v>
      </c>
      <c r="F651" s="3" t="s">
        <v>775</v>
      </c>
      <c r="G651" s="3" t="s">
        <v>102</v>
      </c>
      <c r="H651" s="3">
        <v>2017</v>
      </c>
      <c r="I651" s="3" t="s">
        <v>103</v>
      </c>
      <c r="J651" s="3" t="s">
        <v>65</v>
      </c>
      <c r="K651" s="14">
        <v>43272</v>
      </c>
      <c r="L651" s="3" t="s">
        <v>1477</v>
      </c>
    </row>
    <row r="652" spans="1:12" x14ac:dyDescent="0.3">
      <c r="A652" s="11">
        <v>11886245</v>
      </c>
      <c r="B652" s="11">
        <v>4163526</v>
      </c>
      <c r="C652" s="22" t="str">
        <f t="shared" si="10"/>
        <v>https://support.microsoft.com/kb/4163526</v>
      </c>
      <c r="D652" s="3" t="s">
        <v>2063</v>
      </c>
      <c r="E652" s="3" t="s">
        <v>180</v>
      </c>
      <c r="F652" s="3" t="s">
        <v>689</v>
      </c>
      <c r="G652" s="3" t="s">
        <v>102</v>
      </c>
      <c r="H652" s="3">
        <v>2017</v>
      </c>
      <c r="I652" s="3" t="s">
        <v>103</v>
      </c>
      <c r="J652" s="3" t="s">
        <v>65</v>
      </c>
      <c r="K652" s="14">
        <v>43272</v>
      </c>
      <c r="L652" s="3" t="s">
        <v>1477</v>
      </c>
    </row>
    <row r="653" spans="1:12" x14ac:dyDescent="0.3">
      <c r="A653" s="11">
        <v>11983956</v>
      </c>
      <c r="B653" s="11">
        <v>4131960</v>
      </c>
      <c r="C653" s="22" t="str">
        <f t="shared" si="10"/>
        <v>https://support.microsoft.com/kb/4131960</v>
      </c>
      <c r="D653" s="3" t="s">
        <v>2064</v>
      </c>
      <c r="E653" s="3" t="s">
        <v>100</v>
      </c>
      <c r="F653" s="3" t="s">
        <v>214</v>
      </c>
      <c r="G653" s="3" t="s">
        <v>102</v>
      </c>
      <c r="H653" s="3">
        <v>2017</v>
      </c>
      <c r="I653" s="3" t="s">
        <v>103</v>
      </c>
      <c r="J653" s="3" t="s">
        <v>65</v>
      </c>
      <c r="K653" s="14">
        <v>43272</v>
      </c>
      <c r="L653" s="3" t="s">
        <v>1477</v>
      </c>
    </row>
    <row r="654" spans="1:12" x14ac:dyDescent="0.3">
      <c r="A654" s="11">
        <v>11057337</v>
      </c>
      <c r="B654" s="11">
        <v>4052135</v>
      </c>
      <c r="C654" s="22" t="str">
        <f t="shared" si="10"/>
        <v>https://support.microsoft.com/kb/4052135</v>
      </c>
      <c r="D654" s="3" t="s">
        <v>2065</v>
      </c>
      <c r="E654" s="3" t="s">
        <v>100</v>
      </c>
      <c r="F654" s="3" t="s">
        <v>123</v>
      </c>
      <c r="G654" s="3" t="s">
        <v>105</v>
      </c>
      <c r="H654" s="3">
        <v>2017</v>
      </c>
      <c r="I654" s="3" t="s">
        <v>103</v>
      </c>
      <c r="J654" s="3" t="s">
        <v>65</v>
      </c>
      <c r="K654" s="14">
        <v>43272</v>
      </c>
      <c r="L654" s="3" t="s">
        <v>1477</v>
      </c>
    </row>
    <row r="655" spans="1:12" x14ac:dyDescent="0.3">
      <c r="A655" s="11">
        <v>11983959</v>
      </c>
      <c r="B655" s="11">
        <v>4058175</v>
      </c>
      <c r="C655" s="22" t="str">
        <f t="shared" si="10"/>
        <v>https://support.microsoft.com/kb/4058175</v>
      </c>
      <c r="D655" s="3" t="s">
        <v>2066</v>
      </c>
      <c r="E655" s="3" t="s">
        <v>100</v>
      </c>
      <c r="F655" s="3" t="s">
        <v>137</v>
      </c>
      <c r="G655" s="3" t="s">
        <v>105</v>
      </c>
      <c r="H655" s="3">
        <v>2017</v>
      </c>
      <c r="I655" s="3" t="s">
        <v>103</v>
      </c>
      <c r="J655" s="3" t="s">
        <v>65</v>
      </c>
      <c r="K655" s="14">
        <v>43272</v>
      </c>
      <c r="L655" s="3" t="s">
        <v>1477</v>
      </c>
    </row>
    <row r="656" spans="1:12" x14ac:dyDescent="0.3">
      <c r="A656" s="11">
        <v>11990858</v>
      </c>
      <c r="B656" s="11">
        <v>4338296</v>
      </c>
      <c r="C656" s="22" t="str">
        <f t="shared" si="10"/>
        <v>https://support.microsoft.com/kb/4338296</v>
      </c>
      <c r="D656" s="3" t="s">
        <v>2067</v>
      </c>
      <c r="E656" s="3" t="s">
        <v>100</v>
      </c>
      <c r="F656" s="3" t="s">
        <v>233</v>
      </c>
      <c r="G656" s="3" t="s">
        <v>105</v>
      </c>
      <c r="H656" s="3">
        <v>2017</v>
      </c>
      <c r="I656" s="3" t="s">
        <v>103</v>
      </c>
      <c r="J656" s="3" t="s">
        <v>65</v>
      </c>
      <c r="K656" s="14">
        <v>43272</v>
      </c>
      <c r="L656" s="3" t="s">
        <v>1477</v>
      </c>
    </row>
    <row r="657" spans="1:12" x14ac:dyDescent="0.3">
      <c r="A657" s="11">
        <v>11974804</v>
      </c>
      <c r="B657" s="11">
        <v>4295233</v>
      </c>
      <c r="C657" s="22" t="str">
        <f t="shared" si="10"/>
        <v>https://support.microsoft.com/kb/4295233</v>
      </c>
      <c r="D657" s="3" t="s">
        <v>2068</v>
      </c>
      <c r="E657" s="3" t="s">
        <v>100</v>
      </c>
      <c r="F657" s="3" t="s">
        <v>233</v>
      </c>
      <c r="G657" s="3" t="s">
        <v>105</v>
      </c>
      <c r="H657" s="3">
        <v>2017</v>
      </c>
      <c r="I657" s="3" t="s">
        <v>103</v>
      </c>
      <c r="J657" s="3" t="s">
        <v>65</v>
      </c>
      <c r="K657" s="14">
        <v>43272</v>
      </c>
      <c r="L657" s="3" t="s">
        <v>1477</v>
      </c>
    </row>
    <row r="658" spans="1:12" x14ac:dyDescent="0.3">
      <c r="A658" s="11">
        <v>12052001</v>
      </c>
      <c r="B658" s="11">
        <v>4316791</v>
      </c>
      <c r="C658" s="22" t="str">
        <f t="shared" si="10"/>
        <v>https://support.microsoft.com/kb/4316791</v>
      </c>
      <c r="D658" s="3" t="s">
        <v>2069</v>
      </c>
      <c r="E658" s="3" t="s">
        <v>100</v>
      </c>
      <c r="F658" s="3" t="s">
        <v>101</v>
      </c>
      <c r="G658" s="3" t="s">
        <v>116</v>
      </c>
      <c r="H658" s="3">
        <v>2017</v>
      </c>
      <c r="I658" s="3" t="s">
        <v>103</v>
      </c>
      <c r="J658" s="3" t="s">
        <v>65</v>
      </c>
      <c r="K658" s="14">
        <v>43272</v>
      </c>
      <c r="L658" s="3" t="s">
        <v>1477</v>
      </c>
    </row>
    <row r="659" spans="1:12" x14ac:dyDescent="0.3">
      <c r="A659" s="11">
        <v>12000998</v>
      </c>
      <c r="B659" s="11">
        <v>4316789</v>
      </c>
      <c r="C659" s="22" t="str">
        <f t="shared" si="10"/>
        <v>https://support.microsoft.com/kb/4316789</v>
      </c>
      <c r="D659" s="3" t="s">
        <v>2070</v>
      </c>
      <c r="E659" s="3" t="s">
        <v>100</v>
      </c>
      <c r="F659" s="3" t="s">
        <v>101</v>
      </c>
      <c r="G659" s="3" t="s">
        <v>116</v>
      </c>
      <c r="H659" s="3">
        <v>2017</v>
      </c>
      <c r="I659" s="3" t="s">
        <v>103</v>
      </c>
      <c r="J659" s="3" t="s">
        <v>65</v>
      </c>
      <c r="K659" s="14">
        <v>43272</v>
      </c>
      <c r="L659" s="3" t="s">
        <v>1477</v>
      </c>
    </row>
    <row r="660" spans="1:12" x14ac:dyDescent="0.3">
      <c r="A660" s="11">
        <v>12035281</v>
      </c>
      <c r="B660" s="11">
        <v>4316790</v>
      </c>
      <c r="C660" s="22" t="str">
        <f t="shared" si="10"/>
        <v>https://support.microsoft.com/kb/4316790</v>
      </c>
      <c r="D660" s="3" t="s">
        <v>2071</v>
      </c>
      <c r="E660" s="3" t="s">
        <v>100</v>
      </c>
      <c r="F660" s="3" t="s">
        <v>101</v>
      </c>
      <c r="G660" s="3" t="s">
        <v>116</v>
      </c>
      <c r="H660" s="3">
        <v>2017</v>
      </c>
      <c r="I660" s="3" t="s">
        <v>103</v>
      </c>
      <c r="J660" s="3" t="s">
        <v>65</v>
      </c>
      <c r="K660" s="14">
        <v>43272</v>
      </c>
      <c r="L660" s="3" t="s">
        <v>1477</v>
      </c>
    </row>
    <row r="661" spans="1:12" x14ac:dyDescent="0.3">
      <c r="A661" s="11">
        <v>12062786</v>
      </c>
      <c r="B661" s="11">
        <v>4339875</v>
      </c>
      <c r="C661" s="22" t="str">
        <f t="shared" si="10"/>
        <v>https://support.microsoft.com/kb/4339875</v>
      </c>
      <c r="D661" s="3" t="s">
        <v>2072</v>
      </c>
      <c r="E661" s="3" t="s">
        <v>100</v>
      </c>
      <c r="F661" s="3" t="s">
        <v>101</v>
      </c>
      <c r="G661" s="3" t="s">
        <v>116</v>
      </c>
      <c r="H661" s="3">
        <v>2017</v>
      </c>
      <c r="I661" s="3" t="s">
        <v>103</v>
      </c>
      <c r="J661" s="3" t="s">
        <v>65</v>
      </c>
      <c r="K661" s="14">
        <v>43272</v>
      </c>
      <c r="L661" s="3" t="s">
        <v>1477</v>
      </c>
    </row>
    <row r="662" spans="1:12" x14ac:dyDescent="0.3">
      <c r="A662" s="11">
        <v>10895916</v>
      </c>
      <c r="B662" s="11">
        <v>4092075</v>
      </c>
      <c r="C662" s="22" t="str">
        <f t="shared" si="10"/>
        <v>https://support.microsoft.com/kb/4092075</v>
      </c>
      <c r="D662" s="3" t="s">
        <v>2073</v>
      </c>
      <c r="E662" s="3" t="s">
        <v>100</v>
      </c>
      <c r="F662" s="3" t="s">
        <v>794</v>
      </c>
      <c r="G662" s="3" t="s">
        <v>462</v>
      </c>
      <c r="H662" s="3">
        <v>2017</v>
      </c>
      <c r="I662" s="3" t="s">
        <v>103</v>
      </c>
      <c r="J662" s="3" t="s">
        <v>65</v>
      </c>
      <c r="K662" s="14">
        <v>43272</v>
      </c>
      <c r="L662" s="3" t="s">
        <v>1477</v>
      </c>
    </row>
    <row r="663" spans="1:12" x14ac:dyDescent="0.3">
      <c r="A663" s="11">
        <v>12038322</v>
      </c>
      <c r="B663" s="11">
        <v>4316793</v>
      </c>
      <c r="C663" s="22" t="str">
        <f t="shared" si="10"/>
        <v>https://support.microsoft.com/kb/4316793</v>
      </c>
      <c r="D663" s="3" t="s">
        <v>2074</v>
      </c>
      <c r="E663" s="3" t="s">
        <v>100</v>
      </c>
      <c r="F663" s="3" t="s">
        <v>101</v>
      </c>
      <c r="G663" s="3" t="s">
        <v>116</v>
      </c>
      <c r="H663" s="3">
        <v>2017</v>
      </c>
      <c r="I663" s="3" t="s">
        <v>103</v>
      </c>
      <c r="J663" s="3" t="s">
        <v>65</v>
      </c>
      <c r="K663" s="14">
        <v>43272</v>
      </c>
      <c r="L663" s="3" t="s">
        <v>1477</v>
      </c>
    </row>
    <row r="664" spans="1:12" x14ac:dyDescent="0.3">
      <c r="A664" s="11">
        <v>12059449</v>
      </c>
      <c r="B664" s="11">
        <v>4338746</v>
      </c>
      <c r="C664" s="22" t="str">
        <f t="shared" si="10"/>
        <v>https://support.microsoft.com/kb/4338746</v>
      </c>
      <c r="D664" s="3" t="s">
        <v>2075</v>
      </c>
      <c r="E664" s="3" t="s">
        <v>100</v>
      </c>
      <c r="F664" s="3" t="s">
        <v>101</v>
      </c>
      <c r="G664" s="3" t="s">
        <v>102</v>
      </c>
      <c r="H664" s="3">
        <v>2017</v>
      </c>
      <c r="I664" s="3" t="s">
        <v>103</v>
      </c>
      <c r="J664" s="3" t="s">
        <v>65</v>
      </c>
      <c r="K664" s="14">
        <v>43272</v>
      </c>
      <c r="L664" s="3" t="s">
        <v>1477</v>
      </c>
    </row>
    <row r="665" spans="1:12" x14ac:dyDescent="0.3">
      <c r="A665" s="11">
        <v>12120313</v>
      </c>
      <c r="B665" s="11">
        <v>4339090</v>
      </c>
      <c r="C665" s="22" t="str">
        <f t="shared" si="10"/>
        <v>https://support.microsoft.com/kb/4339090</v>
      </c>
      <c r="D665" s="3" t="s">
        <v>2076</v>
      </c>
      <c r="E665" s="3" t="s">
        <v>100</v>
      </c>
      <c r="F665" s="3" t="s">
        <v>101</v>
      </c>
      <c r="G665" s="3" t="s">
        <v>116</v>
      </c>
      <c r="H665" s="3">
        <v>2017</v>
      </c>
      <c r="I665" s="3" t="s">
        <v>103</v>
      </c>
      <c r="J665" s="3" t="s">
        <v>65</v>
      </c>
      <c r="K665" s="14">
        <v>43272</v>
      </c>
      <c r="L665" s="3" t="s">
        <v>1477</v>
      </c>
    </row>
    <row r="666" spans="1:12" x14ac:dyDescent="0.3">
      <c r="A666" s="11">
        <v>11990171</v>
      </c>
      <c r="B666" s="11">
        <v>4316655</v>
      </c>
      <c r="C666" s="22" t="str">
        <f t="shared" si="10"/>
        <v>https://support.microsoft.com/kb/4316655</v>
      </c>
      <c r="D666" s="3" t="s">
        <v>2077</v>
      </c>
      <c r="E666" s="3" t="s">
        <v>100</v>
      </c>
      <c r="F666" s="3" t="s">
        <v>113</v>
      </c>
      <c r="G666" s="3" t="s">
        <v>102</v>
      </c>
      <c r="H666" s="3">
        <v>2017</v>
      </c>
      <c r="I666" s="3" t="s">
        <v>103</v>
      </c>
      <c r="J666" s="3" t="s">
        <v>65</v>
      </c>
      <c r="K666" s="14">
        <v>43272</v>
      </c>
      <c r="L666" s="3" t="s">
        <v>1477</v>
      </c>
    </row>
    <row r="667" spans="1:12" x14ac:dyDescent="0.3">
      <c r="A667" s="11">
        <v>12044555</v>
      </c>
      <c r="B667" s="11">
        <v>4316948</v>
      </c>
      <c r="C667" s="22" t="str">
        <f t="shared" si="10"/>
        <v>https://support.microsoft.com/kb/4316948</v>
      </c>
      <c r="D667" s="3" t="s">
        <v>2078</v>
      </c>
      <c r="E667" s="3" t="s">
        <v>100</v>
      </c>
      <c r="F667" s="3" t="s">
        <v>113</v>
      </c>
      <c r="G667" s="3" t="s">
        <v>102</v>
      </c>
      <c r="H667" s="3">
        <v>2017</v>
      </c>
      <c r="I667" s="3" t="s">
        <v>103</v>
      </c>
      <c r="J667" s="3" t="s">
        <v>65</v>
      </c>
      <c r="K667" s="14">
        <v>43272</v>
      </c>
      <c r="L667" s="3" t="s">
        <v>1477</v>
      </c>
    </row>
    <row r="668" spans="1:12" x14ac:dyDescent="0.3">
      <c r="A668" s="11">
        <v>11983965</v>
      </c>
      <c r="B668" s="11">
        <v>4163478</v>
      </c>
      <c r="C668" s="22" t="str">
        <f t="shared" si="10"/>
        <v>https://support.microsoft.com/kb/4163478</v>
      </c>
      <c r="D668" s="3" t="s">
        <v>2079</v>
      </c>
      <c r="E668" s="3" t="s">
        <v>100</v>
      </c>
      <c r="F668" s="3" t="s">
        <v>113</v>
      </c>
      <c r="G668" s="3" t="s">
        <v>102</v>
      </c>
      <c r="H668" s="3">
        <v>2017</v>
      </c>
      <c r="I668" s="3" t="s">
        <v>103</v>
      </c>
      <c r="J668" s="3" t="s">
        <v>65</v>
      </c>
      <c r="K668" s="14">
        <v>43272</v>
      </c>
      <c r="L668" s="3" t="s">
        <v>1477</v>
      </c>
    </row>
    <row r="669" spans="1:12" x14ac:dyDescent="0.3">
      <c r="A669" s="11">
        <v>12059522</v>
      </c>
      <c r="B669" s="11">
        <v>4338337</v>
      </c>
      <c r="C669" s="22" t="str">
        <f t="shared" si="10"/>
        <v>https://support.microsoft.com/kb/4338337</v>
      </c>
      <c r="D669" s="3" t="s">
        <v>2080</v>
      </c>
      <c r="E669" s="3" t="s">
        <v>100</v>
      </c>
      <c r="F669" s="3" t="s">
        <v>113</v>
      </c>
      <c r="G669" s="3" t="s">
        <v>102</v>
      </c>
      <c r="H669" s="3">
        <v>2017</v>
      </c>
      <c r="I669" s="3" t="s">
        <v>103</v>
      </c>
      <c r="J669" s="3" t="s">
        <v>65</v>
      </c>
      <c r="K669" s="14">
        <v>43272</v>
      </c>
      <c r="L669" s="3" t="s">
        <v>1477</v>
      </c>
    </row>
    <row r="670" spans="1:12" x14ac:dyDescent="0.3">
      <c r="A670" s="11">
        <v>12100858</v>
      </c>
      <c r="B670" s="11">
        <v>4338330</v>
      </c>
      <c r="C670" s="22" t="str">
        <f t="shared" si="10"/>
        <v>https://support.microsoft.com/kb/4338330</v>
      </c>
      <c r="D670" s="3" t="s">
        <v>2081</v>
      </c>
      <c r="E670" s="3" t="s">
        <v>100</v>
      </c>
      <c r="F670" s="3" t="s">
        <v>113</v>
      </c>
      <c r="G670" s="3" t="s">
        <v>105</v>
      </c>
      <c r="H670" s="3">
        <v>2017</v>
      </c>
      <c r="I670" s="3" t="s">
        <v>103</v>
      </c>
      <c r="J670" s="3" t="s">
        <v>65</v>
      </c>
      <c r="K670" s="14">
        <v>43272</v>
      </c>
      <c r="L670" s="3" t="s">
        <v>1477</v>
      </c>
    </row>
    <row r="671" spans="1:12" x14ac:dyDescent="0.3">
      <c r="A671" s="11">
        <v>11983950</v>
      </c>
      <c r="B671" s="11">
        <v>4135113</v>
      </c>
      <c r="C671" s="22" t="str">
        <f t="shared" si="10"/>
        <v>https://support.microsoft.com/kb/4135113</v>
      </c>
      <c r="D671" s="3" t="s">
        <v>2082</v>
      </c>
      <c r="E671" s="3" t="s">
        <v>100</v>
      </c>
      <c r="F671" s="3" t="s">
        <v>120</v>
      </c>
      <c r="G671" s="3" t="s">
        <v>102</v>
      </c>
      <c r="H671" s="3">
        <v>2017</v>
      </c>
      <c r="I671" s="3" t="s">
        <v>103</v>
      </c>
      <c r="J671" s="3" t="s">
        <v>65</v>
      </c>
      <c r="K671" s="14">
        <v>43272</v>
      </c>
      <c r="L671" s="3" t="s">
        <v>1477</v>
      </c>
    </row>
    <row r="672" spans="1:12" x14ac:dyDescent="0.3">
      <c r="A672" s="11">
        <v>11983935</v>
      </c>
      <c r="B672" s="11">
        <v>4094706</v>
      </c>
      <c r="C672" s="22" t="str">
        <f t="shared" si="10"/>
        <v>https://support.microsoft.com/kb/4094706</v>
      </c>
      <c r="D672" s="3" t="s">
        <v>2083</v>
      </c>
      <c r="E672" s="3" t="s">
        <v>100</v>
      </c>
      <c r="F672" s="3" t="s">
        <v>148</v>
      </c>
      <c r="G672" s="3" t="s">
        <v>102</v>
      </c>
      <c r="H672" s="3">
        <v>2017</v>
      </c>
      <c r="I672" s="3" t="s">
        <v>103</v>
      </c>
      <c r="J672" s="3" t="s">
        <v>65</v>
      </c>
      <c r="K672" s="14">
        <v>43272</v>
      </c>
      <c r="L672" s="3" t="s">
        <v>1477</v>
      </c>
    </row>
    <row r="673" spans="1:12" x14ac:dyDescent="0.3">
      <c r="A673" s="11">
        <v>11983961</v>
      </c>
      <c r="B673" s="11">
        <v>4163087</v>
      </c>
      <c r="C673" s="22" t="str">
        <f t="shared" si="10"/>
        <v>https://support.microsoft.com/kb/4163087</v>
      </c>
      <c r="D673" s="3" t="s">
        <v>2084</v>
      </c>
      <c r="E673" s="3" t="s">
        <v>100</v>
      </c>
      <c r="F673" s="3" t="s">
        <v>165</v>
      </c>
      <c r="G673" s="3" t="s">
        <v>102</v>
      </c>
      <c r="H673" s="3">
        <v>2017</v>
      </c>
      <c r="I673" s="3" t="s">
        <v>103</v>
      </c>
      <c r="J673" s="3" t="s">
        <v>65</v>
      </c>
      <c r="K673" s="14">
        <v>43272</v>
      </c>
      <c r="L673" s="3" t="s">
        <v>1477</v>
      </c>
    </row>
    <row r="674" spans="1:12" x14ac:dyDescent="0.3">
      <c r="A674" s="11">
        <v>12038298</v>
      </c>
      <c r="B674" s="11">
        <v>4337645</v>
      </c>
      <c r="C674" s="22" t="str">
        <f t="shared" si="10"/>
        <v>https://support.microsoft.com/kb/4337645</v>
      </c>
      <c r="D674" s="3" t="s">
        <v>2085</v>
      </c>
      <c r="E674" s="3" t="s">
        <v>100</v>
      </c>
      <c r="F674" s="3" t="s">
        <v>165</v>
      </c>
      <c r="G674" s="3" t="s">
        <v>116</v>
      </c>
      <c r="H674" s="3">
        <v>2017</v>
      </c>
      <c r="I674" s="3" t="s">
        <v>103</v>
      </c>
      <c r="J674" s="3" t="s">
        <v>65</v>
      </c>
      <c r="K674" s="14">
        <v>43272</v>
      </c>
      <c r="L674" s="3" t="s">
        <v>1477</v>
      </c>
    </row>
    <row r="675" spans="1:12" x14ac:dyDescent="0.3">
      <c r="A675" s="11">
        <v>11953689</v>
      </c>
      <c r="B675" s="11">
        <v>4338960</v>
      </c>
      <c r="C675" s="22" t="str">
        <f t="shared" si="10"/>
        <v>https://support.microsoft.com/kb/4338960</v>
      </c>
      <c r="D675" s="3" t="s">
        <v>2086</v>
      </c>
      <c r="E675" s="3" t="s">
        <v>100</v>
      </c>
      <c r="F675" s="3" t="s">
        <v>332</v>
      </c>
      <c r="G675" s="3" t="s">
        <v>102</v>
      </c>
      <c r="H675" s="3">
        <v>2017</v>
      </c>
      <c r="I675" s="3" t="s">
        <v>103</v>
      </c>
      <c r="J675" s="3" t="s">
        <v>65</v>
      </c>
      <c r="K675" s="14">
        <v>43272</v>
      </c>
      <c r="L675" s="3" t="s">
        <v>1477</v>
      </c>
    </row>
    <row r="676" spans="1:12" x14ac:dyDescent="0.3">
      <c r="A676" s="11">
        <v>11701171</v>
      </c>
      <c r="B676" s="11">
        <v>2932559</v>
      </c>
      <c r="C676" s="22" t="str">
        <f t="shared" si="10"/>
        <v>https://support.microsoft.com/kb/2932559</v>
      </c>
      <c r="D676" s="3" t="s">
        <v>2011</v>
      </c>
      <c r="E676" s="3" t="s">
        <v>180</v>
      </c>
      <c r="F676" s="3" t="s">
        <v>180</v>
      </c>
      <c r="G676" s="3" t="s">
        <v>102</v>
      </c>
      <c r="H676" s="3">
        <v>2017</v>
      </c>
      <c r="I676" s="3" t="s">
        <v>103</v>
      </c>
      <c r="J676" s="3" t="s">
        <v>68</v>
      </c>
      <c r="K676" s="14">
        <v>43243</v>
      </c>
      <c r="L676" s="3" t="s">
        <v>1479</v>
      </c>
    </row>
    <row r="677" spans="1:12" x14ac:dyDescent="0.3">
      <c r="A677" s="11">
        <v>11701196</v>
      </c>
      <c r="B677" s="11">
        <v>4083949</v>
      </c>
      <c r="C677" s="22" t="str">
        <f t="shared" si="10"/>
        <v>https://support.microsoft.com/kb/4083949</v>
      </c>
      <c r="D677" s="3" t="s">
        <v>2087</v>
      </c>
      <c r="E677" s="3" t="s">
        <v>180</v>
      </c>
      <c r="F677" s="3" t="s">
        <v>180</v>
      </c>
      <c r="G677" s="3" t="s">
        <v>102</v>
      </c>
      <c r="H677" s="3">
        <v>2017</v>
      </c>
      <c r="I677" s="3" t="s">
        <v>103</v>
      </c>
      <c r="J677" s="3" t="s">
        <v>68</v>
      </c>
      <c r="K677" s="14">
        <v>43243</v>
      </c>
      <c r="L677" s="3" t="s">
        <v>1479</v>
      </c>
    </row>
    <row r="678" spans="1:12" x14ac:dyDescent="0.3">
      <c r="A678" s="11">
        <v>11853504</v>
      </c>
      <c r="B678" s="11">
        <v>4134601</v>
      </c>
      <c r="C678" s="22" t="str">
        <f t="shared" si="10"/>
        <v>https://support.microsoft.com/kb/4134601</v>
      </c>
      <c r="D678" s="3" t="s">
        <v>2037</v>
      </c>
      <c r="E678" s="3" t="s">
        <v>180</v>
      </c>
      <c r="F678" s="3" t="s">
        <v>180</v>
      </c>
      <c r="G678" s="3" t="s">
        <v>102</v>
      </c>
      <c r="H678" s="3">
        <v>2017</v>
      </c>
      <c r="I678" s="3" t="s">
        <v>103</v>
      </c>
      <c r="J678" s="3" t="s">
        <v>68</v>
      </c>
      <c r="K678" s="14">
        <v>43243</v>
      </c>
      <c r="L678" s="3" t="s">
        <v>1479</v>
      </c>
    </row>
    <row r="679" spans="1:12" x14ac:dyDescent="0.3">
      <c r="A679" s="11">
        <v>11701179</v>
      </c>
      <c r="B679" s="11">
        <v>4093226</v>
      </c>
      <c r="C679" s="22" t="str">
        <f t="shared" si="10"/>
        <v>https://support.microsoft.com/kb/4093226</v>
      </c>
      <c r="D679" s="3" t="s">
        <v>2088</v>
      </c>
      <c r="E679" s="3" t="s">
        <v>180</v>
      </c>
      <c r="F679" s="3" t="s">
        <v>180</v>
      </c>
      <c r="G679" s="3" t="s">
        <v>102</v>
      </c>
      <c r="H679" s="3">
        <v>2017</v>
      </c>
      <c r="I679" s="3" t="s">
        <v>103</v>
      </c>
      <c r="J679" s="3" t="s">
        <v>68</v>
      </c>
      <c r="K679" s="14">
        <v>43243</v>
      </c>
      <c r="L679" s="3" t="s">
        <v>1479</v>
      </c>
    </row>
    <row r="680" spans="1:12" x14ac:dyDescent="0.3">
      <c r="A680" s="11">
        <v>11642085</v>
      </c>
      <c r="B680" s="11">
        <v>4098732</v>
      </c>
      <c r="C680" s="22" t="str">
        <f t="shared" si="10"/>
        <v>https://support.microsoft.com/kb/4098732</v>
      </c>
      <c r="D680" s="3" t="s">
        <v>2089</v>
      </c>
      <c r="E680" s="3" t="s">
        <v>180</v>
      </c>
      <c r="F680" s="3" t="s">
        <v>180</v>
      </c>
      <c r="G680" s="3" t="s">
        <v>102</v>
      </c>
      <c r="H680" s="3">
        <v>2017</v>
      </c>
      <c r="I680" s="3" t="s">
        <v>103</v>
      </c>
      <c r="J680" s="3" t="s">
        <v>68</v>
      </c>
      <c r="K680" s="14">
        <v>43243</v>
      </c>
      <c r="L680" s="3" t="s">
        <v>1479</v>
      </c>
    </row>
    <row r="681" spans="1:12" x14ac:dyDescent="0.3">
      <c r="A681" s="11">
        <v>11701193</v>
      </c>
      <c r="B681" s="11">
        <v>4074862</v>
      </c>
      <c r="C681" s="22" t="str">
        <f t="shared" si="10"/>
        <v>https://support.microsoft.com/kb/4074862</v>
      </c>
      <c r="D681" s="3" t="s">
        <v>2090</v>
      </c>
      <c r="E681" s="3" t="s">
        <v>180</v>
      </c>
      <c r="F681" s="3" t="s">
        <v>180</v>
      </c>
      <c r="G681" s="3" t="s">
        <v>102</v>
      </c>
      <c r="H681" s="3">
        <v>2017</v>
      </c>
      <c r="I681" s="3" t="s">
        <v>103</v>
      </c>
      <c r="J681" s="3" t="s">
        <v>68</v>
      </c>
      <c r="K681" s="14">
        <v>43243</v>
      </c>
      <c r="L681" s="3" t="s">
        <v>1479</v>
      </c>
    </row>
    <row r="682" spans="1:12" x14ac:dyDescent="0.3">
      <c r="A682" s="11">
        <v>11701201</v>
      </c>
      <c r="B682" s="11">
        <v>4086136</v>
      </c>
      <c r="C682" s="22" t="str">
        <f t="shared" si="10"/>
        <v>https://support.microsoft.com/kb/4086136</v>
      </c>
      <c r="D682" s="3" t="s">
        <v>2091</v>
      </c>
      <c r="E682" s="3" t="s">
        <v>180</v>
      </c>
      <c r="F682" s="3" t="s">
        <v>180</v>
      </c>
      <c r="G682" s="3" t="s">
        <v>102</v>
      </c>
      <c r="H682" s="3">
        <v>2017</v>
      </c>
      <c r="I682" s="3" t="s">
        <v>103</v>
      </c>
      <c r="J682" s="3" t="s">
        <v>68</v>
      </c>
      <c r="K682" s="14">
        <v>43243</v>
      </c>
      <c r="L682" s="3" t="s">
        <v>1479</v>
      </c>
    </row>
    <row r="683" spans="1:12" x14ac:dyDescent="0.3">
      <c r="A683" s="11">
        <v>11701208</v>
      </c>
      <c r="B683" s="11">
        <v>4089623</v>
      </c>
      <c r="C683" s="22" t="str">
        <f t="shared" si="10"/>
        <v>https://support.microsoft.com/kb/4089623</v>
      </c>
      <c r="D683" s="3" t="s">
        <v>2092</v>
      </c>
      <c r="E683" s="3" t="s">
        <v>180</v>
      </c>
      <c r="F683" s="3" t="s">
        <v>180</v>
      </c>
      <c r="G683" s="3" t="s">
        <v>102</v>
      </c>
      <c r="H683" s="3">
        <v>2017</v>
      </c>
      <c r="I683" s="3" t="s">
        <v>103</v>
      </c>
      <c r="J683" s="3" t="s">
        <v>68</v>
      </c>
      <c r="K683" s="14">
        <v>43243</v>
      </c>
      <c r="L683" s="3" t="s">
        <v>1479</v>
      </c>
    </row>
    <row r="684" spans="1:12" x14ac:dyDescent="0.3">
      <c r="A684" s="11">
        <v>11701194</v>
      </c>
      <c r="B684" s="11">
        <v>4090032</v>
      </c>
      <c r="C684" s="22" t="str">
        <f t="shared" si="10"/>
        <v>https://support.microsoft.com/kb/4090032</v>
      </c>
      <c r="D684" s="3" t="s">
        <v>2093</v>
      </c>
      <c r="E684" s="3" t="s">
        <v>180</v>
      </c>
      <c r="F684" s="3" t="s">
        <v>180</v>
      </c>
      <c r="G684" s="3" t="s">
        <v>102</v>
      </c>
      <c r="H684" s="3">
        <v>2017</v>
      </c>
      <c r="I684" s="3" t="s">
        <v>103</v>
      </c>
      <c r="J684" s="3" t="s">
        <v>68</v>
      </c>
      <c r="K684" s="14">
        <v>43243</v>
      </c>
      <c r="L684" s="3" t="s">
        <v>1479</v>
      </c>
    </row>
    <row r="685" spans="1:12" x14ac:dyDescent="0.3">
      <c r="A685" s="11">
        <v>11701140</v>
      </c>
      <c r="B685" s="11">
        <v>4086173</v>
      </c>
      <c r="C685" s="22" t="str">
        <f t="shared" si="10"/>
        <v>https://support.microsoft.com/kb/4086173</v>
      </c>
      <c r="D685" s="3" t="s">
        <v>2094</v>
      </c>
      <c r="E685" s="3" t="s">
        <v>180</v>
      </c>
      <c r="F685" s="3" t="s">
        <v>180</v>
      </c>
      <c r="G685" s="3" t="s">
        <v>102</v>
      </c>
      <c r="H685" s="3">
        <v>2017</v>
      </c>
      <c r="I685" s="3" t="s">
        <v>103</v>
      </c>
      <c r="J685" s="3" t="s">
        <v>68</v>
      </c>
      <c r="K685" s="14">
        <v>43243</v>
      </c>
      <c r="L685" s="3" t="s">
        <v>1479</v>
      </c>
    </row>
    <row r="686" spans="1:12" x14ac:dyDescent="0.3">
      <c r="A686" s="11">
        <v>11751257</v>
      </c>
      <c r="B686" s="11">
        <v>4096258</v>
      </c>
      <c r="C686" s="22" t="str">
        <f t="shared" si="10"/>
        <v>https://support.microsoft.com/kb/4096258</v>
      </c>
      <c r="D686" s="3" t="s">
        <v>2095</v>
      </c>
      <c r="E686" s="3" t="s">
        <v>180</v>
      </c>
      <c r="F686" s="3" t="s">
        <v>180</v>
      </c>
      <c r="G686" s="3" t="s">
        <v>102</v>
      </c>
      <c r="H686" s="3">
        <v>2017</v>
      </c>
      <c r="I686" s="3" t="s">
        <v>103</v>
      </c>
      <c r="J686" s="3" t="s">
        <v>68</v>
      </c>
      <c r="K686" s="14">
        <v>43243</v>
      </c>
      <c r="L686" s="3" t="s">
        <v>1479</v>
      </c>
    </row>
    <row r="687" spans="1:12" x14ac:dyDescent="0.3">
      <c r="A687" s="11">
        <v>11578523</v>
      </c>
      <c r="B687" s="11">
        <v>4089718</v>
      </c>
      <c r="C687" s="22" t="str">
        <f t="shared" si="10"/>
        <v>https://support.microsoft.com/kb/4089718</v>
      </c>
      <c r="D687" s="3" t="s">
        <v>2096</v>
      </c>
      <c r="E687" s="3" t="s">
        <v>178</v>
      </c>
      <c r="F687" s="3" t="s">
        <v>689</v>
      </c>
      <c r="G687" s="3" t="s">
        <v>1919</v>
      </c>
      <c r="H687" s="3">
        <v>2017</v>
      </c>
      <c r="I687" s="3" t="s">
        <v>103</v>
      </c>
      <c r="J687" s="3" t="s">
        <v>68</v>
      </c>
      <c r="K687" s="14">
        <v>43243</v>
      </c>
      <c r="L687" s="3" t="s">
        <v>1479</v>
      </c>
    </row>
    <row r="688" spans="1:12" x14ac:dyDescent="0.3">
      <c r="A688" s="11">
        <v>11967438</v>
      </c>
      <c r="B688" s="11">
        <v>4230730</v>
      </c>
      <c r="C688" s="22" t="str">
        <f t="shared" si="10"/>
        <v>https://support.microsoft.com/kb/4230730</v>
      </c>
      <c r="D688" s="3" t="s">
        <v>2097</v>
      </c>
      <c r="E688" s="3" t="s">
        <v>100</v>
      </c>
      <c r="F688" s="3" t="s">
        <v>161</v>
      </c>
      <c r="G688" s="3" t="s">
        <v>102</v>
      </c>
      <c r="H688" s="3">
        <v>2017</v>
      </c>
      <c r="I688" s="3" t="s">
        <v>103</v>
      </c>
      <c r="J688" s="3" t="s">
        <v>68</v>
      </c>
      <c r="K688" s="14">
        <v>43243</v>
      </c>
      <c r="L688" s="3" t="s">
        <v>1479</v>
      </c>
    </row>
    <row r="689" spans="1:12" x14ac:dyDescent="0.3">
      <c r="A689" s="11">
        <v>11971856</v>
      </c>
      <c r="B689" s="11">
        <v>4230516</v>
      </c>
      <c r="C689" s="22" t="str">
        <f t="shared" si="10"/>
        <v>https://support.microsoft.com/kb/4230516</v>
      </c>
      <c r="D689" s="3" t="s">
        <v>2098</v>
      </c>
      <c r="E689" s="3" t="s">
        <v>100</v>
      </c>
      <c r="F689" s="3" t="s">
        <v>161</v>
      </c>
      <c r="G689" s="3" t="s">
        <v>1919</v>
      </c>
      <c r="H689" s="3">
        <v>2017</v>
      </c>
      <c r="I689" s="3" t="s">
        <v>103</v>
      </c>
      <c r="J689" s="3" t="s">
        <v>68</v>
      </c>
      <c r="K689" s="14">
        <v>43243</v>
      </c>
      <c r="L689" s="3" t="s">
        <v>1479</v>
      </c>
    </row>
    <row r="690" spans="1:12" x14ac:dyDescent="0.3">
      <c r="A690" s="11">
        <v>11923799</v>
      </c>
      <c r="B690" s="11">
        <v>4230306</v>
      </c>
      <c r="C690" s="22" t="str">
        <f t="shared" si="10"/>
        <v>https://support.microsoft.com/kb/4230306</v>
      </c>
      <c r="D690" s="3" t="s">
        <v>2099</v>
      </c>
      <c r="E690" s="3" t="s">
        <v>100</v>
      </c>
      <c r="F690" s="3" t="s">
        <v>123</v>
      </c>
      <c r="G690" s="3" t="s">
        <v>105</v>
      </c>
      <c r="H690" s="3">
        <v>2017</v>
      </c>
      <c r="I690" s="3" t="s">
        <v>103</v>
      </c>
      <c r="J690" s="3" t="s">
        <v>68</v>
      </c>
      <c r="K690" s="14">
        <v>43243</v>
      </c>
      <c r="L690" s="3" t="s">
        <v>1479</v>
      </c>
    </row>
    <row r="691" spans="1:12" x14ac:dyDescent="0.3">
      <c r="A691" s="11">
        <v>11870176</v>
      </c>
      <c r="B691" s="11">
        <v>4136912</v>
      </c>
      <c r="C691" s="22" t="str">
        <f t="shared" si="10"/>
        <v>https://support.microsoft.com/kb/4136912</v>
      </c>
      <c r="D691" s="3" t="s">
        <v>2100</v>
      </c>
      <c r="E691" s="3" t="s">
        <v>100</v>
      </c>
      <c r="F691" s="3" t="s">
        <v>123</v>
      </c>
      <c r="G691" s="3" t="s">
        <v>116</v>
      </c>
      <c r="H691" s="3">
        <v>2017</v>
      </c>
      <c r="I691" s="3" t="s">
        <v>103</v>
      </c>
      <c r="J691" s="3" t="s">
        <v>68</v>
      </c>
      <c r="K691" s="14">
        <v>43243</v>
      </c>
      <c r="L691" s="3" t="s">
        <v>1479</v>
      </c>
    </row>
    <row r="692" spans="1:12" x14ac:dyDescent="0.3">
      <c r="A692" s="11">
        <v>11708399</v>
      </c>
      <c r="B692" s="11">
        <v>4135045</v>
      </c>
      <c r="C692" s="22" t="str">
        <f t="shared" si="10"/>
        <v>https://support.microsoft.com/kb/4135045</v>
      </c>
      <c r="D692" s="3" t="s">
        <v>2101</v>
      </c>
      <c r="E692" s="3" t="s">
        <v>100</v>
      </c>
      <c r="F692" s="3" t="s">
        <v>137</v>
      </c>
      <c r="G692" s="3" t="s">
        <v>105</v>
      </c>
      <c r="H692" s="3">
        <v>2017</v>
      </c>
      <c r="I692" s="3" t="s">
        <v>103</v>
      </c>
      <c r="J692" s="3" t="s">
        <v>68</v>
      </c>
      <c r="K692" s="14">
        <v>43243</v>
      </c>
      <c r="L692" s="3" t="s">
        <v>1479</v>
      </c>
    </row>
    <row r="693" spans="1:12" x14ac:dyDescent="0.3">
      <c r="A693" s="11">
        <v>11974802</v>
      </c>
      <c r="B693" s="11">
        <v>4293576</v>
      </c>
      <c r="C693" s="22" t="str">
        <f t="shared" si="10"/>
        <v>https://support.microsoft.com/kb/4293576</v>
      </c>
      <c r="D693" s="3" t="s">
        <v>2102</v>
      </c>
      <c r="E693" s="3" t="s">
        <v>100</v>
      </c>
      <c r="F693" s="3" t="s">
        <v>233</v>
      </c>
      <c r="G693" s="3" t="s">
        <v>105</v>
      </c>
      <c r="H693" s="3">
        <v>2017</v>
      </c>
      <c r="I693" s="3" t="s">
        <v>103</v>
      </c>
      <c r="J693" s="3" t="s">
        <v>68</v>
      </c>
      <c r="K693" s="14">
        <v>43243</v>
      </c>
      <c r="L693" s="3" t="s">
        <v>1479</v>
      </c>
    </row>
    <row r="694" spans="1:12" x14ac:dyDescent="0.3">
      <c r="A694" s="11">
        <v>11922305</v>
      </c>
      <c r="B694" s="11">
        <v>4157948</v>
      </c>
      <c r="C694" s="22" t="str">
        <f t="shared" si="10"/>
        <v>https://support.microsoft.com/kb/4157948</v>
      </c>
      <c r="D694" s="3" t="s">
        <v>2103</v>
      </c>
      <c r="E694" s="3" t="s">
        <v>100</v>
      </c>
      <c r="F694" s="3" t="s">
        <v>233</v>
      </c>
      <c r="G694" s="3" t="s">
        <v>105</v>
      </c>
      <c r="H694" s="3">
        <v>2017</v>
      </c>
      <c r="I694" s="3" t="s">
        <v>103</v>
      </c>
      <c r="J694" s="3" t="s">
        <v>68</v>
      </c>
      <c r="K694" s="14">
        <v>43243</v>
      </c>
      <c r="L694" s="3" t="s">
        <v>1479</v>
      </c>
    </row>
    <row r="695" spans="1:12" x14ac:dyDescent="0.3">
      <c r="A695" s="11">
        <v>11919582</v>
      </c>
      <c r="B695" s="11">
        <v>4090004</v>
      </c>
      <c r="C695" s="22" t="str">
        <f t="shared" si="10"/>
        <v>https://support.microsoft.com/kb/4090004</v>
      </c>
      <c r="D695" s="3" t="s">
        <v>2104</v>
      </c>
      <c r="E695" s="3" t="s">
        <v>100</v>
      </c>
      <c r="F695" s="3" t="s">
        <v>101</v>
      </c>
      <c r="G695" s="3" t="s">
        <v>102</v>
      </c>
      <c r="H695" s="3">
        <v>2017</v>
      </c>
      <c r="I695" s="3" t="s">
        <v>103</v>
      </c>
      <c r="J695" s="3" t="s">
        <v>68</v>
      </c>
      <c r="K695" s="14">
        <v>43243</v>
      </c>
      <c r="L695" s="3" t="s">
        <v>1479</v>
      </c>
    </row>
    <row r="696" spans="1:12" x14ac:dyDescent="0.3">
      <c r="A696" s="11">
        <v>11974640</v>
      </c>
      <c r="B696" s="11">
        <v>4230542</v>
      </c>
      <c r="C696" s="22" t="str">
        <f t="shared" si="10"/>
        <v>https://support.microsoft.com/kb/4230542</v>
      </c>
      <c r="D696" s="3" t="s">
        <v>2105</v>
      </c>
      <c r="E696" s="3" t="s">
        <v>100</v>
      </c>
      <c r="F696" s="3" t="s">
        <v>101</v>
      </c>
      <c r="G696" s="3" t="s">
        <v>116</v>
      </c>
      <c r="H696" s="3">
        <v>2017</v>
      </c>
      <c r="I696" s="3" t="s">
        <v>103</v>
      </c>
      <c r="J696" s="3" t="s">
        <v>68</v>
      </c>
      <c r="K696" s="14">
        <v>43243</v>
      </c>
      <c r="L696" s="3" t="s">
        <v>1479</v>
      </c>
    </row>
    <row r="697" spans="1:12" x14ac:dyDescent="0.3">
      <c r="A697" s="11">
        <v>11919583</v>
      </c>
      <c r="B697" s="11">
        <v>4099919</v>
      </c>
      <c r="C697" s="22" t="str">
        <f t="shared" si="10"/>
        <v>https://support.microsoft.com/kb/4099919</v>
      </c>
      <c r="D697" s="3" t="s">
        <v>2106</v>
      </c>
      <c r="E697" s="3" t="s">
        <v>100</v>
      </c>
      <c r="F697" s="3" t="s">
        <v>101</v>
      </c>
      <c r="G697" s="3" t="s">
        <v>102</v>
      </c>
      <c r="H697" s="3">
        <v>2017</v>
      </c>
      <c r="I697" s="3" t="s">
        <v>103</v>
      </c>
      <c r="J697" s="3" t="s">
        <v>68</v>
      </c>
      <c r="K697" s="14">
        <v>43243</v>
      </c>
      <c r="L697" s="3" t="s">
        <v>1479</v>
      </c>
    </row>
    <row r="698" spans="1:12" x14ac:dyDescent="0.3">
      <c r="A698" s="11">
        <v>11814297</v>
      </c>
      <c r="B698" s="11">
        <v>4099472</v>
      </c>
      <c r="C698" s="22" t="str">
        <f t="shared" si="10"/>
        <v>https://support.microsoft.com/kb/4099472</v>
      </c>
      <c r="D698" s="3" t="s">
        <v>2107</v>
      </c>
      <c r="E698" s="3" t="s">
        <v>100</v>
      </c>
      <c r="F698" s="3" t="s">
        <v>139</v>
      </c>
      <c r="G698" s="3" t="s">
        <v>102</v>
      </c>
      <c r="H698" s="3">
        <v>2017</v>
      </c>
      <c r="I698" s="3" t="s">
        <v>103</v>
      </c>
      <c r="J698" s="3" t="s">
        <v>68</v>
      </c>
      <c r="K698" s="14">
        <v>43243</v>
      </c>
      <c r="L698" s="3" t="s">
        <v>1479</v>
      </c>
    </row>
    <row r="699" spans="1:12" x14ac:dyDescent="0.3">
      <c r="A699" s="11">
        <v>11951171</v>
      </c>
      <c r="B699" s="11">
        <v>4230465</v>
      </c>
      <c r="C699" s="22" t="str">
        <f t="shared" si="10"/>
        <v>https://support.microsoft.com/kb/4230465</v>
      </c>
      <c r="D699" s="3" t="s">
        <v>2108</v>
      </c>
      <c r="E699" s="3" t="s">
        <v>100</v>
      </c>
      <c r="F699" s="3" t="s">
        <v>110</v>
      </c>
      <c r="G699" s="3" t="s">
        <v>105</v>
      </c>
      <c r="H699" s="3">
        <v>2017</v>
      </c>
      <c r="I699" s="3" t="s">
        <v>103</v>
      </c>
      <c r="J699" s="3" t="s">
        <v>68</v>
      </c>
      <c r="K699" s="14">
        <v>43243</v>
      </c>
      <c r="L699" s="3" t="s">
        <v>1479</v>
      </c>
    </row>
    <row r="700" spans="1:12" x14ac:dyDescent="0.3">
      <c r="A700" s="11">
        <v>11953218</v>
      </c>
      <c r="B700" s="11">
        <v>4212960</v>
      </c>
      <c r="C700" s="22" t="str">
        <f t="shared" si="10"/>
        <v>https://support.microsoft.com/kb/4212960</v>
      </c>
      <c r="D700" s="3" t="s">
        <v>2109</v>
      </c>
      <c r="E700" s="3" t="s">
        <v>100</v>
      </c>
      <c r="F700" s="3" t="s">
        <v>145</v>
      </c>
      <c r="G700" s="3" t="s">
        <v>116</v>
      </c>
      <c r="H700" s="3">
        <v>2017</v>
      </c>
      <c r="I700" s="3" t="s">
        <v>103</v>
      </c>
      <c r="J700" s="3" t="s">
        <v>68</v>
      </c>
      <c r="K700" s="14">
        <v>43243</v>
      </c>
      <c r="L700" s="3" t="s">
        <v>1479</v>
      </c>
    </row>
    <row r="701" spans="1:12" x14ac:dyDescent="0.3">
      <c r="A701" s="11">
        <v>11823305</v>
      </c>
      <c r="B701" s="11">
        <v>4101502</v>
      </c>
      <c r="C701" s="22" t="str">
        <f t="shared" si="10"/>
        <v>https://support.microsoft.com/kb/4101502</v>
      </c>
      <c r="D701" s="3" t="s">
        <v>2110</v>
      </c>
      <c r="E701" s="3" t="s">
        <v>100</v>
      </c>
      <c r="F701" s="3" t="s">
        <v>153</v>
      </c>
      <c r="G701" s="3" t="s">
        <v>105</v>
      </c>
      <c r="H701" s="3">
        <v>2017</v>
      </c>
      <c r="I701" s="3" t="s">
        <v>103</v>
      </c>
      <c r="J701" s="3" t="s">
        <v>68</v>
      </c>
      <c r="K701" s="14">
        <v>43243</v>
      </c>
      <c r="L701" s="3" t="s">
        <v>1479</v>
      </c>
    </row>
    <row r="702" spans="1:12" x14ac:dyDescent="0.3">
      <c r="A702" s="11">
        <v>11634330</v>
      </c>
      <c r="B702" s="11">
        <v>4092554</v>
      </c>
      <c r="C702" s="22" t="str">
        <f t="shared" si="10"/>
        <v>https://support.microsoft.com/kb/4092554</v>
      </c>
      <c r="D702" s="3" t="s">
        <v>2111</v>
      </c>
      <c r="E702" s="3" t="s">
        <v>100</v>
      </c>
      <c r="F702" s="3" t="s">
        <v>165</v>
      </c>
      <c r="G702" s="3" t="s">
        <v>102</v>
      </c>
      <c r="H702" s="3">
        <v>2017</v>
      </c>
      <c r="I702" s="3" t="s">
        <v>103</v>
      </c>
      <c r="J702" s="3" t="s">
        <v>68</v>
      </c>
      <c r="K702" s="14">
        <v>43243</v>
      </c>
      <c r="L702" s="3" t="s">
        <v>1479</v>
      </c>
    </row>
    <row r="703" spans="1:12" x14ac:dyDescent="0.3">
      <c r="A703" s="11">
        <v>11952929</v>
      </c>
      <c r="B703" s="11">
        <v>4163087</v>
      </c>
      <c r="C703" s="22" t="str">
        <f t="shared" si="10"/>
        <v>https://support.microsoft.com/kb/4163087</v>
      </c>
      <c r="D703" s="3" t="s">
        <v>2084</v>
      </c>
      <c r="E703" s="3" t="s">
        <v>100</v>
      </c>
      <c r="F703" s="3" t="s">
        <v>165</v>
      </c>
      <c r="G703" s="3" t="s">
        <v>105</v>
      </c>
      <c r="H703" s="3">
        <v>2017</v>
      </c>
      <c r="I703" s="3" t="s">
        <v>103</v>
      </c>
      <c r="J703" s="3" t="s">
        <v>68</v>
      </c>
      <c r="K703" s="14">
        <v>43243</v>
      </c>
      <c r="L703" s="3" t="s">
        <v>1479</v>
      </c>
    </row>
    <row r="704" spans="1:12" x14ac:dyDescent="0.3">
      <c r="A704" s="11">
        <v>11701155</v>
      </c>
      <c r="B704" s="11">
        <v>4038932</v>
      </c>
      <c r="C704" s="22" t="str">
        <f t="shared" si="10"/>
        <v>https://support.microsoft.com/kb/4038932</v>
      </c>
      <c r="D704" s="3" t="s">
        <v>2112</v>
      </c>
      <c r="E704" s="3" t="s">
        <v>380</v>
      </c>
      <c r="F704" s="3" t="s">
        <v>1851</v>
      </c>
      <c r="G704" s="3" t="s">
        <v>102</v>
      </c>
      <c r="H704" s="3">
        <v>2017</v>
      </c>
      <c r="I704" s="3" t="s">
        <v>103</v>
      </c>
      <c r="J704" s="3" t="s">
        <v>71</v>
      </c>
      <c r="K704" s="14">
        <v>43207</v>
      </c>
      <c r="L704" s="3" t="s">
        <v>1481</v>
      </c>
    </row>
    <row r="705" spans="1:12" x14ac:dyDescent="0.3">
      <c r="A705" s="11">
        <v>11701169</v>
      </c>
      <c r="B705" s="11">
        <v>4057615</v>
      </c>
      <c r="C705" s="22" t="str">
        <f t="shared" si="10"/>
        <v>https://support.microsoft.com/kb/4057615</v>
      </c>
      <c r="D705" s="3" t="s">
        <v>2113</v>
      </c>
      <c r="E705" s="3" t="s">
        <v>380</v>
      </c>
      <c r="F705" s="3" t="s">
        <v>1851</v>
      </c>
      <c r="G705" s="3" t="s">
        <v>102</v>
      </c>
      <c r="H705" s="3">
        <v>2017</v>
      </c>
      <c r="I705" s="3" t="s">
        <v>103</v>
      </c>
      <c r="J705" s="3" t="s">
        <v>71</v>
      </c>
      <c r="K705" s="14">
        <v>43207</v>
      </c>
      <c r="L705" s="3" t="s">
        <v>1481</v>
      </c>
    </row>
    <row r="706" spans="1:12" x14ac:dyDescent="0.3">
      <c r="A706" s="11">
        <v>11797615</v>
      </c>
      <c r="B706" s="11">
        <v>4100918</v>
      </c>
      <c r="C706" s="22" t="str">
        <f t="shared" si="10"/>
        <v>https://support.microsoft.com/kb/4100918</v>
      </c>
      <c r="D706" s="3" t="s">
        <v>2114</v>
      </c>
      <c r="E706" s="3" t="s">
        <v>380</v>
      </c>
      <c r="F706" s="3" t="s">
        <v>992</v>
      </c>
      <c r="G706" s="3" t="s">
        <v>116</v>
      </c>
      <c r="H706" s="3">
        <v>2017</v>
      </c>
      <c r="I706" s="3" t="s">
        <v>103</v>
      </c>
      <c r="J706" s="3" t="s">
        <v>71</v>
      </c>
      <c r="K706" s="14">
        <v>43207</v>
      </c>
      <c r="L706" s="3" t="s">
        <v>1481</v>
      </c>
    </row>
    <row r="707" spans="1:12" x14ac:dyDescent="0.3">
      <c r="A707" s="11">
        <v>11701174</v>
      </c>
      <c r="B707" s="11">
        <v>4058747</v>
      </c>
      <c r="C707" s="22" t="str">
        <f t="shared" si="10"/>
        <v>https://support.microsoft.com/kb/4058747</v>
      </c>
      <c r="D707" s="3" t="s">
        <v>2115</v>
      </c>
      <c r="E707" s="3" t="s">
        <v>380</v>
      </c>
      <c r="F707" s="3" t="s">
        <v>992</v>
      </c>
      <c r="G707" s="3" t="s">
        <v>102</v>
      </c>
      <c r="H707" s="3">
        <v>2017</v>
      </c>
      <c r="I707" s="3" t="s">
        <v>103</v>
      </c>
      <c r="J707" s="3" t="s">
        <v>71</v>
      </c>
      <c r="K707" s="14">
        <v>43207</v>
      </c>
      <c r="L707" s="3" t="s">
        <v>1481</v>
      </c>
    </row>
    <row r="708" spans="1:12" x14ac:dyDescent="0.3">
      <c r="A708" s="11">
        <v>11684530</v>
      </c>
      <c r="B708" s="11">
        <v>4099334</v>
      </c>
      <c r="C708" s="22" t="str">
        <f t="shared" si="10"/>
        <v>https://support.microsoft.com/kb/4099334</v>
      </c>
      <c r="D708" s="3" t="s">
        <v>2116</v>
      </c>
      <c r="E708" s="3" t="s">
        <v>178</v>
      </c>
      <c r="F708" s="3" t="s">
        <v>775</v>
      </c>
      <c r="G708" s="3" t="s">
        <v>102</v>
      </c>
      <c r="H708" s="3">
        <v>2017</v>
      </c>
      <c r="I708" s="3" t="s">
        <v>103</v>
      </c>
      <c r="J708" s="3" t="s">
        <v>71</v>
      </c>
      <c r="K708" s="14">
        <v>43207</v>
      </c>
      <c r="L708" s="3" t="s">
        <v>1481</v>
      </c>
    </row>
    <row r="709" spans="1:12" x14ac:dyDescent="0.3">
      <c r="A709" s="11">
        <v>11701180</v>
      </c>
      <c r="B709" s="11">
        <v>4074881</v>
      </c>
      <c r="C709" s="22" t="str">
        <f t="shared" si="10"/>
        <v>https://support.microsoft.com/kb/4074881</v>
      </c>
      <c r="D709" s="3" t="s">
        <v>2117</v>
      </c>
      <c r="E709" s="3" t="s">
        <v>100</v>
      </c>
      <c r="F709" s="3" t="s">
        <v>214</v>
      </c>
      <c r="G709" s="3" t="s">
        <v>102</v>
      </c>
      <c r="H709" s="3">
        <v>2017</v>
      </c>
      <c r="I709" s="3" t="s">
        <v>103</v>
      </c>
      <c r="J709" s="3" t="s">
        <v>71</v>
      </c>
      <c r="K709" s="14">
        <v>43207</v>
      </c>
      <c r="L709" s="3" t="s">
        <v>1481</v>
      </c>
    </row>
    <row r="710" spans="1:12" x14ac:dyDescent="0.3">
      <c r="A710" s="11">
        <v>11701167</v>
      </c>
      <c r="B710" s="11">
        <v>4090025</v>
      </c>
      <c r="C710" s="22" t="str">
        <f t="shared" si="10"/>
        <v>https://support.microsoft.com/kb/4090025</v>
      </c>
      <c r="D710" s="3" t="s">
        <v>2118</v>
      </c>
      <c r="E710" s="3" t="s">
        <v>100</v>
      </c>
      <c r="F710" s="3" t="s">
        <v>137</v>
      </c>
      <c r="G710" s="3" t="s">
        <v>102</v>
      </c>
      <c r="H710" s="3">
        <v>2017</v>
      </c>
      <c r="I710" s="3" t="s">
        <v>103</v>
      </c>
      <c r="J710" s="3" t="s">
        <v>71</v>
      </c>
      <c r="K710" s="14">
        <v>43207</v>
      </c>
      <c r="L710" s="3" t="s">
        <v>1481</v>
      </c>
    </row>
    <row r="711" spans="1:12" x14ac:dyDescent="0.3">
      <c r="A711" s="11">
        <v>11751554</v>
      </c>
      <c r="B711" s="11">
        <v>4100582</v>
      </c>
      <c r="C711" s="22" t="str">
        <f t="shared" ref="C711:C774" si="11">HYPERLINK("https://support.microsoft.com/kb/"&amp;B711)</f>
        <v>https://support.microsoft.com/kb/4100582</v>
      </c>
      <c r="D711" s="3" t="s">
        <v>2119</v>
      </c>
      <c r="E711" s="3" t="s">
        <v>100</v>
      </c>
      <c r="F711" s="3" t="s">
        <v>137</v>
      </c>
      <c r="G711" s="3" t="s">
        <v>105</v>
      </c>
      <c r="H711" s="3">
        <v>2017</v>
      </c>
      <c r="I711" s="3" t="s">
        <v>103</v>
      </c>
      <c r="J711" s="3" t="s">
        <v>71</v>
      </c>
      <c r="K711" s="14">
        <v>43207</v>
      </c>
      <c r="L711" s="3" t="s">
        <v>1481</v>
      </c>
    </row>
    <row r="712" spans="1:12" x14ac:dyDescent="0.3">
      <c r="A712" s="11">
        <v>11697318</v>
      </c>
      <c r="B712" s="11">
        <v>4094893</v>
      </c>
      <c r="C712" s="22" t="str">
        <f t="shared" si="11"/>
        <v>https://support.microsoft.com/kb/4094893</v>
      </c>
      <c r="D712" s="3" t="s">
        <v>2120</v>
      </c>
      <c r="E712" s="3" t="s">
        <v>100</v>
      </c>
      <c r="F712" s="3" t="s">
        <v>163</v>
      </c>
      <c r="G712" s="3" t="s">
        <v>102</v>
      </c>
      <c r="H712" s="3">
        <v>2017</v>
      </c>
      <c r="I712" s="3" t="s">
        <v>103</v>
      </c>
      <c r="J712" s="3" t="s">
        <v>71</v>
      </c>
      <c r="K712" s="14">
        <v>43207</v>
      </c>
      <c r="L712" s="3" t="s">
        <v>1481</v>
      </c>
    </row>
    <row r="713" spans="1:12" x14ac:dyDescent="0.3">
      <c r="A713" s="11">
        <v>11715371</v>
      </c>
      <c r="B713" s="11">
        <v>4098763</v>
      </c>
      <c r="C713" s="22" t="str">
        <f t="shared" si="11"/>
        <v>https://support.microsoft.com/kb/4098763</v>
      </c>
      <c r="D713" s="3" t="s">
        <v>2121</v>
      </c>
      <c r="E713" s="3" t="s">
        <v>100</v>
      </c>
      <c r="F713" s="3" t="s">
        <v>125</v>
      </c>
      <c r="G713" s="3" t="s">
        <v>102</v>
      </c>
      <c r="H713" s="3">
        <v>2017</v>
      </c>
      <c r="I713" s="3" t="s">
        <v>103</v>
      </c>
      <c r="J713" s="3" t="s">
        <v>71</v>
      </c>
      <c r="K713" s="14">
        <v>43207</v>
      </c>
      <c r="L713" s="3" t="s">
        <v>1481</v>
      </c>
    </row>
    <row r="714" spans="1:12" x14ac:dyDescent="0.3">
      <c r="A714" s="11">
        <v>11701217</v>
      </c>
      <c r="B714" s="11">
        <v>3147012</v>
      </c>
      <c r="C714" s="22" t="str">
        <f t="shared" si="11"/>
        <v>https://support.microsoft.com/kb/3147012</v>
      </c>
      <c r="D714" s="3" t="s">
        <v>2122</v>
      </c>
      <c r="E714" s="3" t="s">
        <v>100</v>
      </c>
      <c r="F714" s="3" t="s">
        <v>233</v>
      </c>
      <c r="G714" s="3" t="s">
        <v>1919</v>
      </c>
      <c r="H714" s="3">
        <v>2017</v>
      </c>
      <c r="I714" s="3" t="s">
        <v>103</v>
      </c>
      <c r="J714" s="3" t="s">
        <v>71</v>
      </c>
      <c r="K714" s="14">
        <v>43207</v>
      </c>
      <c r="L714" s="3" t="s">
        <v>1481</v>
      </c>
    </row>
    <row r="715" spans="1:12" x14ac:dyDescent="0.3">
      <c r="A715" s="11">
        <v>11804747</v>
      </c>
      <c r="B715" s="11">
        <v>4101323</v>
      </c>
      <c r="C715" s="22" t="str">
        <f t="shared" si="11"/>
        <v>https://support.microsoft.com/kb/4101323</v>
      </c>
      <c r="D715" s="3" t="s">
        <v>2123</v>
      </c>
      <c r="E715" s="3" t="s">
        <v>100</v>
      </c>
      <c r="F715" s="3" t="s">
        <v>116</v>
      </c>
      <c r="G715" s="3" t="s">
        <v>116</v>
      </c>
      <c r="H715" s="3">
        <v>2017</v>
      </c>
      <c r="I715" s="3" t="s">
        <v>103</v>
      </c>
      <c r="J715" s="3" t="s">
        <v>71</v>
      </c>
      <c r="K715" s="14">
        <v>43207</v>
      </c>
      <c r="L715" s="3" t="s">
        <v>1481</v>
      </c>
    </row>
    <row r="716" spans="1:12" x14ac:dyDescent="0.3">
      <c r="A716" s="11">
        <v>11806534</v>
      </c>
      <c r="B716" s="11">
        <v>4100873</v>
      </c>
      <c r="C716" s="22" t="str">
        <f t="shared" si="11"/>
        <v>https://support.microsoft.com/kb/4100873</v>
      </c>
      <c r="D716" s="3" t="s">
        <v>2124</v>
      </c>
      <c r="E716" s="3" t="s">
        <v>100</v>
      </c>
      <c r="F716" s="3" t="s">
        <v>116</v>
      </c>
      <c r="G716" s="3" t="s">
        <v>116</v>
      </c>
      <c r="H716" s="3">
        <v>2017</v>
      </c>
      <c r="I716" s="3" t="s">
        <v>103</v>
      </c>
      <c r="J716" s="3" t="s">
        <v>71</v>
      </c>
      <c r="K716" s="14">
        <v>43207</v>
      </c>
      <c r="L716" s="3" t="s">
        <v>1481</v>
      </c>
    </row>
    <row r="717" spans="1:12" x14ac:dyDescent="0.3">
      <c r="A717" s="11">
        <v>11701210</v>
      </c>
      <c r="B717" s="11">
        <v>4089819</v>
      </c>
      <c r="C717" s="22" t="str">
        <f t="shared" si="11"/>
        <v>https://support.microsoft.com/kb/4089819</v>
      </c>
      <c r="D717" s="3" t="s">
        <v>2125</v>
      </c>
      <c r="E717" s="3" t="s">
        <v>100</v>
      </c>
      <c r="F717" s="3" t="s">
        <v>101</v>
      </c>
      <c r="G717" s="3" t="s">
        <v>102</v>
      </c>
      <c r="H717" s="3">
        <v>2017</v>
      </c>
      <c r="I717" s="3" t="s">
        <v>103</v>
      </c>
      <c r="J717" s="3" t="s">
        <v>71</v>
      </c>
      <c r="K717" s="14">
        <v>43207</v>
      </c>
      <c r="L717" s="3" t="s">
        <v>1481</v>
      </c>
    </row>
    <row r="718" spans="1:12" x14ac:dyDescent="0.3">
      <c r="A718" s="11">
        <v>11701162</v>
      </c>
      <c r="B718" s="11">
        <v>4077708</v>
      </c>
      <c r="C718" s="22" t="str">
        <f t="shared" si="11"/>
        <v>https://support.microsoft.com/kb/4077708</v>
      </c>
      <c r="D718" s="3" t="s">
        <v>2126</v>
      </c>
      <c r="E718" s="3" t="s">
        <v>100</v>
      </c>
      <c r="F718" s="3" t="s">
        <v>101</v>
      </c>
      <c r="G718" s="3" t="s">
        <v>102</v>
      </c>
      <c r="H718" s="3">
        <v>2017</v>
      </c>
      <c r="I718" s="3" t="s">
        <v>103</v>
      </c>
      <c r="J718" s="3" t="s">
        <v>71</v>
      </c>
      <c r="K718" s="14">
        <v>43207</v>
      </c>
      <c r="L718" s="3" t="s">
        <v>1481</v>
      </c>
    </row>
    <row r="719" spans="1:12" x14ac:dyDescent="0.3">
      <c r="A719" s="11">
        <v>11701200</v>
      </c>
      <c r="B719" s="11">
        <v>4088901</v>
      </c>
      <c r="C719" s="22" t="str">
        <f t="shared" si="11"/>
        <v>https://support.microsoft.com/kb/4088901</v>
      </c>
      <c r="D719" s="3" t="s">
        <v>2127</v>
      </c>
      <c r="E719" s="3" t="s">
        <v>100</v>
      </c>
      <c r="F719" s="3" t="s">
        <v>101</v>
      </c>
      <c r="G719" s="3" t="s">
        <v>102</v>
      </c>
      <c r="H719" s="3">
        <v>2017</v>
      </c>
      <c r="I719" s="3" t="s">
        <v>103</v>
      </c>
      <c r="J719" s="3" t="s">
        <v>71</v>
      </c>
      <c r="K719" s="14">
        <v>43207</v>
      </c>
      <c r="L719" s="3" t="s">
        <v>1481</v>
      </c>
    </row>
    <row r="720" spans="1:12" x14ac:dyDescent="0.3">
      <c r="A720" s="11">
        <v>11797978</v>
      </c>
      <c r="B720" s="11">
        <v>4101554</v>
      </c>
      <c r="C720" s="22" t="str">
        <f t="shared" si="11"/>
        <v>https://support.microsoft.com/kb/4101554</v>
      </c>
      <c r="D720" s="3" t="s">
        <v>2128</v>
      </c>
      <c r="E720" s="3" t="s">
        <v>100</v>
      </c>
      <c r="F720" s="3" t="s">
        <v>101</v>
      </c>
      <c r="G720" s="3" t="s">
        <v>102</v>
      </c>
      <c r="H720" s="3">
        <v>2017</v>
      </c>
      <c r="I720" s="3" t="s">
        <v>103</v>
      </c>
      <c r="J720" s="3" t="s">
        <v>71</v>
      </c>
      <c r="K720" s="14">
        <v>43207</v>
      </c>
      <c r="L720" s="3" t="s">
        <v>1481</v>
      </c>
    </row>
    <row r="721" spans="1:12" x14ac:dyDescent="0.3">
      <c r="A721" s="11">
        <v>11807574</v>
      </c>
      <c r="B721" s="11">
        <v>4101482</v>
      </c>
      <c r="C721" s="22" t="str">
        <f t="shared" si="11"/>
        <v>https://support.microsoft.com/kb/4101482</v>
      </c>
      <c r="D721" s="3" t="s">
        <v>2129</v>
      </c>
      <c r="E721" s="3" t="s">
        <v>100</v>
      </c>
      <c r="F721" s="3" t="s">
        <v>101</v>
      </c>
      <c r="G721" s="3" t="s">
        <v>105</v>
      </c>
      <c r="H721" s="3">
        <v>2017</v>
      </c>
      <c r="I721" s="3" t="s">
        <v>103</v>
      </c>
      <c r="J721" s="3" t="s">
        <v>71</v>
      </c>
      <c r="K721" s="14">
        <v>43207</v>
      </c>
      <c r="L721" s="3" t="s">
        <v>1481</v>
      </c>
    </row>
    <row r="722" spans="1:12" x14ac:dyDescent="0.3">
      <c r="A722" s="11">
        <v>11751562</v>
      </c>
      <c r="B722" s="11">
        <v>4096875</v>
      </c>
      <c r="C722" s="22" t="str">
        <f t="shared" si="11"/>
        <v>https://support.microsoft.com/kb/4096875</v>
      </c>
      <c r="D722" s="3" t="s">
        <v>2130</v>
      </c>
      <c r="E722" s="3" t="s">
        <v>100</v>
      </c>
      <c r="F722" s="3" t="s">
        <v>884</v>
      </c>
      <c r="G722" s="3" t="s">
        <v>102</v>
      </c>
      <c r="H722" s="3">
        <v>2017</v>
      </c>
      <c r="I722" s="3" t="s">
        <v>103</v>
      </c>
      <c r="J722" s="3" t="s">
        <v>71</v>
      </c>
      <c r="K722" s="14">
        <v>43207</v>
      </c>
      <c r="L722" s="3" t="s">
        <v>1481</v>
      </c>
    </row>
    <row r="723" spans="1:12" x14ac:dyDescent="0.3">
      <c r="A723" s="11">
        <v>11701181</v>
      </c>
      <c r="B723" s="11">
        <v>4090486</v>
      </c>
      <c r="C723" s="22" t="str">
        <f t="shared" si="11"/>
        <v>https://support.microsoft.com/kb/4090486</v>
      </c>
      <c r="D723" s="3" t="s">
        <v>2131</v>
      </c>
      <c r="E723" s="3" t="s">
        <v>100</v>
      </c>
      <c r="F723" s="3" t="s">
        <v>108</v>
      </c>
      <c r="G723" s="3" t="s">
        <v>102</v>
      </c>
      <c r="H723" s="3">
        <v>2017</v>
      </c>
      <c r="I723" s="3" t="s">
        <v>103</v>
      </c>
      <c r="J723" s="3" t="s">
        <v>71</v>
      </c>
      <c r="K723" s="14">
        <v>43207</v>
      </c>
      <c r="L723" s="3" t="s">
        <v>1481</v>
      </c>
    </row>
    <row r="724" spans="1:12" x14ac:dyDescent="0.3">
      <c r="A724" s="11">
        <v>11701157</v>
      </c>
      <c r="B724" s="11">
        <v>4089324</v>
      </c>
      <c r="C724" s="22" t="str">
        <f t="shared" si="11"/>
        <v>https://support.microsoft.com/kb/4089324</v>
      </c>
      <c r="D724" s="3" t="s">
        <v>2132</v>
      </c>
      <c r="E724" s="3" t="s">
        <v>100</v>
      </c>
      <c r="F724" s="3" t="s">
        <v>110</v>
      </c>
      <c r="G724" s="3" t="s">
        <v>102</v>
      </c>
      <c r="H724" s="3">
        <v>2017</v>
      </c>
      <c r="I724" s="3" t="s">
        <v>103</v>
      </c>
      <c r="J724" s="3" t="s">
        <v>71</v>
      </c>
      <c r="K724" s="14">
        <v>43207</v>
      </c>
      <c r="L724" s="3" t="s">
        <v>1481</v>
      </c>
    </row>
    <row r="725" spans="1:12" x14ac:dyDescent="0.3">
      <c r="A725" s="11">
        <v>11701190</v>
      </c>
      <c r="B725" s="11">
        <v>4078596</v>
      </c>
      <c r="C725" s="22" t="str">
        <f t="shared" si="11"/>
        <v>https://support.microsoft.com/kb/4078596</v>
      </c>
      <c r="D725" s="3" t="s">
        <v>2133</v>
      </c>
      <c r="E725" s="3" t="s">
        <v>100</v>
      </c>
      <c r="F725" s="3" t="s">
        <v>127</v>
      </c>
      <c r="G725" s="3" t="s">
        <v>102</v>
      </c>
      <c r="H725" s="3">
        <v>2017</v>
      </c>
      <c r="I725" s="3" t="s">
        <v>103</v>
      </c>
      <c r="J725" s="3" t="s">
        <v>71</v>
      </c>
      <c r="K725" s="14">
        <v>43207</v>
      </c>
      <c r="L725" s="3" t="s">
        <v>1481</v>
      </c>
    </row>
    <row r="726" spans="1:12" x14ac:dyDescent="0.3">
      <c r="A726" s="11">
        <v>11701156</v>
      </c>
      <c r="B726" s="11">
        <v>4089950</v>
      </c>
      <c r="C726" s="22" t="str">
        <f t="shared" si="11"/>
        <v>https://support.microsoft.com/kb/4089950</v>
      </c>
      <c r="D726" s="3" t="s">
        <v>2134</v>
      </c>
      <c r="E726" s="3" t="s">
        <v>100</v>
      </c>
      <c r="F726" s="3" t="s">
        <v>113</v>
      </c>
      <c r="G726" s="3" t="s">
        <v>105</v>
      </c>
      <c r="H726" s="3">
        <v>2017</v>
      </c>
      <c r="I726" s="3" t="s">
        <v>103</v>
      </c>
      <c r="J726" s="3" t="s">
        <v>71</v>
      </c>
      <c r="K726" s="14">
        <v>43207</v>
      </c>
      <c r="L726" s="3" t="s">
        <v>1481</v>
      </c>
    </row>
    <row r="727" spans="1:12" x14ac:dyDescent="0.3">
      <c r="A727" s="11">
        <v>11797614</v>
      </c>
      <c r="B727" s="11">
        <v>4099126</v>
      </c>
      <c r="C727" s="22" t="str">
        <f t="shared" si="11"/>
        <v>https://support.microsoft.com/kb/4099126</v>
      </c>
      <c r="D727" s="3" t="s">
        <v>2135</v>
      </c>
      <c r="E727" s="3" t="s">
        <v>100</v>
      </c>
      <c r="F727" s="3" t="s">
        <v>113</v>
      </c>
      <c r="G727" s="3" t="s">
        <v>105</v>
      </c>
      <c r="H727" s="3">
        <v>2017</v>
      </c>
      <c r="I727" s="3" t="s">
        <v>103</v>
      </c>
      <c r="J727" s="3" t="s">
        <v>71</v>
      </c>
      <c r="K727" s="14">
        <v>43207</v>
      </c>
      <c r="L727" s="3" t="s">
        <v>1481</v>
      </c>
    </row>
    <row r="728" spans="1:12" x14ac:dyDescent="0.3">
      <c r="A728" s="11">
        <v>11701170</v>
      </c>
      <c r="B728" s="11">
        <v>4058289</v>
      </c>
      <c r="C728" s="22" t="str">
        <f t="shared" si="11"/>
        <v>https://support.microsoft.com/kb/4058289</v>
      </c>
      <c r="D728" s="3" t="s">
        <v>2136</v>
      </c>
      <c r="E728" s="3" t="s">
        <v>100</v>
      </c>
      <c r="F728" s="3" t="s">
        <v>120</v>
      </c>
      <c r="G728" s="3" t="s">
        <v>102</v>
      </c>
      <c r="H728" s="3">
        <v>2017</v>
      </c>
      <c r="I728" s="3" t="s">
        <v>103</v>
      </c>
      <c r="J728" s="3" t="s">
        <v>71</v>
      </c>
      <c r="K728" s="14">
        <v>43207</v>
      </c>
      <c r="L728" s="3" t="s">
        <v>1481</v>
      </c>
    </row>
    <row r="729" spans="1:12" x14ac:dyDescent="0.3">
      <c r="A729" s="11">
        <v>11719463</v>
      </c>
      <c r="B729" s="11">
        <v>4131496</v>
      </c>
      <c r="C729" s="22" t="str">
        <f t="shared" si="11"/>
        <v>https://support.microsoft.com/kb/4131496</v>
      </c>
      <c r="D729" s="3" t="s">
        <v>2137</v>
      </c>
      <c r="E729" s="3" t="s">
        <v>100</v>
      </c>
      <c r="F729" s="3" t="s">
        <v>165</v>
      </c>
      <c r="G729" s="3" t="s">
        <v>105</v>
      </c>
      <c r="H729" s="3">
        <v>2017</v>
      </c>
      <c r="I729" s="3" t="s">
        <v>103</v>
      </c>
      <c r="J729" s="3" t="s">
        <v>71</v>
      </c>
      <c r="K729" s="14">
        <v>43207</v>
      </c>
      <c r="L729" s="3" t="s">
        <v>1481</v>
      </c>
    </row>
    <row r="730" spans="1:12" x14ac:dyDescent="0.3">
      <c r="A730" s="11">
        <v>11587927</v>
      </c>
      <c r="B730" s="11">
        <v>4099335</v>
      </c>
      <c r="C730" s="22" t="str">
        <f t="shared" si="11"/>
        <v>https://support.microsoft.com/kb/4099335</v>
      </c>
      <c r="D730" s="3" t="s">
        <v>2138</v>
      </c>
      <c r="E730" s="3" t="s">
        <v>107</v>
      </c>
      <c r="F730" s="3" t="s">
        <v>2139</v>
      </c>
      <c r="G730" s="3" t="s">
        <v>102</v>
      </c>
      <c r="H730" s="3">
        <v>2017</v>
      </c>
      <c r="I730" s="3" t="s">
        <v>103</v>
      </c>
      <c r="J730" s="3" t="s">
        <v>71</v>
      </c>
      <c r="K730" s="14">
        <v>43207</v>
      </c>
      <c r="L730" s="3" t="s">
        <v>1481</v>
      </c>
    </row>
    <row r="731" spans="1:12" x14ac:dyDescent="0.3">
      <c r="A731" s="11">
        <v>11642085</v>
      </c>
      <c r="B731" s="11">
        <v>4098732</v>
      </c>
      <c r="C731" s="22" t="str">
        <f t="shared" si="11"/>
        <v>https://support.microsoft.com/kb/4098732</v>
      </c>
      <c r="D731" s="3" t="s">
        <v>2089</v>
      </c>
      <c r="E731" s="3" t="s">
        <v>180</v>
      </c>
      <c r="F731" s="3" t="s">
        <v>689</v>
      </c>
      <c r="G731" s="3" t="s">
        <v>102</v>
      </c>
      <c r="H731" s="3">
        <v>2017</v>
      </c>
      <c r="I731" s="3" t="s">
        <v>103</v>
      </c>
      <c r="J731" s="3" t="s">
        <v>71</v>
      </c>
      <c r="K731" s="14">
        <v>43207</v>
      </c>
      <c r="L731" s="3" t="s">
        <v>1481</v>
      </c>
    </row>
    <row r="732" spans="1:12" x14ac:dyDescent="0.3">
      <c r="A732" s="11">
        <v>11751257</v>
      </c>
      <c r="B732" s="11">
        <v>4096258</v>
      </c>
      <c r="C732" s="22" t="str">
        <f t="shared" si="11"/>
        <v>https://support.microsoft.com/kb/4096258</v>
      </c>
      <c r="D732" s="3" t="s">
        <v>2095</v>
      </c>
      <c r="E732" s="3" t="s">
        <v>180</v>
      </c>
      <c r="F732" s="3" t="s">
        <v>689</v>
      </c>
      <c r="G732" s="3" t="s">
        <v>102</v>
      </c>
      <c r="H732" s="3">
        <v>2017</v>
      </c>
      <c r="I732" s="3" t="s">
        <v>103</v>
      </c>
      <c r="J732" s="3" t="s">
        <v>71</v>
      </c>
      <c r="K732" s="14">
        <v>43207</v>
      </c>
      <c r="L732" s="3" t="s">
        <v>1481</v>
      </c>
    </row>
    <row r="733" spans="1:12" x14ac:dyDescent="0.3">
      <c r="A733" s="11">
        <v>11701196</v>
      </c>
      <c r="B733" s="11">
        <v>4083949</v>
      </c>
      <c r="C733" s="22" t="str">
        <f t="shared" si="11"/>
        <v>https://support.microsoft.com/kb/4083949</v>
      </c>
      <c r="D733" s="3" t="s">
        <v>2087</v>
      </c>
      <c r="E733" s="3" t="s">
        <v>180</v>
      </c>
      <c r="F733" s="3" t="s">
        <v>689</v>
      </c>
      <c r="G733" s="3" t="s">
        <v>102</v>
      </c>
      <c r="H733" s="3">
        <v>2017</v>
      </c>
      <c r="I733" s="3" t="s">
        <v>103</v>
      </c>
      <c r="J733" s="3" t="s">
        <v>71</v>
      </c>
      <c r="K733" s="14">
        <v>43207</v>
      </c>
      <c r="L733" s="3" t="s">
        <v>1481</v>
      </c>
    </row>
    <row r="734" spans="1:12" x14ac:dyDescent="0.3">
      <c r="A734" s="11">
        <v>11701201</v>
      </c>
      <c r="B734" s="11">
        <v>4086136</v>
      </c>
      <c r="C734" s="22" t="str">
        <f t="shared" si="11"/>
        <v>https://support.microsoft.com/kb/4086136</v>
      </c>
      <c r="D734" s="3" t="s">
        <v>2091</v>
      </c>
      <c r="E734" s="3" t="s">
        <v>180</v>
      </c>
      <c r="F734" s="3" t="s">
        <v>689</v>
      </c>
      <c r="G734" s="3" t="s">
        <v>102</v>
      </c>
      <c r="H734" s="3">
        <v>2017</v>
      </c>
      <c r="I734" s="3" t="s">
        <v>103</v>
      </c>
      <c r="J734" s="3" t="s">
        <v>71</v>
      </c>
      <c r="K734" s="14">
        <v>43207</v>
      </c>
      <c r="L734" s="3" t="s">
        <v>1481</v>
      </c>
    </row>
    <row r="735" spans="1:12" x14ac:dyDescent="0.3">
      <c r="A735" s="11">
        <v>11701140</v>
      </c>
      <c r="B735" s="11">
        <v>4086173</v>
      </c>
      <c r="C735" s="22" t="str">
        <f t="shared" si="11"/>
        <v>https://support.microsoft.com/kb/4086173</v>
      </c>
      <c r="D735" s="3" t="s">
        <v>2094</v>
      </c>
      <c r="E735" s="3" t="s">
        <v>180</v>
      </c>
      <c r="F735" s="3" t="s">
        <v>689</v>
      </c>
      <c r="G735" s="3" t="s">
        <v>102</v>
      </c>
      <c r="H735" s="3">
        <v>2017</v>
      </c>
      <c r="I735" s="3" t="s">
        <v>103</v>
      </c>
      <c r="J735" s="3" t="s">
        <v>71</v>
      </c>
      <c r="K735" s="14">
        <v>43207</v>
      </c>
      <c r="L735" s="3" t="s">
        <v>1481</v>
      </c>
    </row>
    <row r="736" spans="1:12" x14ac:dyDescent="0.3">
      <c r="A736" s="11">
        <v>11701208</v>
      </c>
      <c r="B736" s="11">
        <v>4089623</v>
      </c>
      <c r="C736" s="22" t="str">
        <f t="shared" si="11"/>
        <v>https://support.microsoft.com/kb/4089623</v>
      </c>
      <c r="D736" s="3" t="s">
        <v>2092</v>
      </c>
      <c r="E736" s="3" t="s">
        <v>180</v>
      </c>
      <c r="F736" s="3" t="s">
        <v>689</v>
      </c>
      <c r="G736" s="3" t="s">
        <v>102</v>
      </c>
      <c r="H736" s="3">
        <v>2017</v>
      </c>
      <c r="I736" s="3" t="s">
        <v>103</v>
      </c>
      <c r="J736" s="3" t="s">
        <v>71</v>
      </c>
      <c r="K736" s="14">
        <v>43207</v>
      </c>
      <c r="L736" s="3" t="s">
        <v>1481</v>
      </c>
    </row>
    <row r="737" spans="1:12" x14ac:dyDescent="0.3">
      <c r="A737" s="11">
        <v>11706961</v>
      </c>
      <c r="B737" s="11">
        <v>4090032</v>
      </c>
      <c r="C737" s="22" t="str">
        <f t="shared" si="11"/>
        <v>https://support.microsoft.com/kb/4090032</v>
      </c>
      <c r="D737" s="3" t="s">
        <v>2093</v>
      </c>
      <c r="E737" s="3" t="s">
        <v>180</v>
      </c>
      <c r="F737" s="3" t="s">
        <v>689</v>
      </c>
      <c r="G737" s="3" t="s">
        <v>102</v>
      </c>
      <c r="H737" s="3">
        <v>2017</v>
      </c>
      <c r="I737" s="3" t="s">
        <v>103</v>
      </c>
      <c r="J737" s="3" t="s">
        <v>71</v>
      </c>
      <c r="K737" s="14">
        <v>43207</v>
      </c>
      <c r="L737" s="3" t="s">
        <v>1481</v>
      </c>
    </row>
    <row r="738" spans="1:12" x14ac:dyDescent="0.3">
      <c r="A738" s="11">
        <v>11701179</v>
      </c>
      <c r="B738" s="11">
        <v>4093226</v>
      </c>
      <c r="C738" s="22" t="str">
        <f t="shared" si="11"/>
        <v>https://support.microsoft.com/kb/4093226</v>
      </c>
      <c r="D738" s="3" t="s">
        <v>2088</v>
      </c>
      <c r="E738" s="3" t="s">
        <v>180</v>
      </c>
      <c r="F738" s="3" t="s">
        <v>689</v>
      </c>
      <c r="G738" s="3" t="s">
        <v>102</v>
      </c>
      <c r="H738" s="3">
        <v>2017</v>
      </c>
      <c r="I738" s="3" t="s">
        <v>103</v>
      </c>
      <c r="J738" s="3" t="s">
        <v>71</v>
      </c>
      <c r="K738" s="14">
        <v>43207</v>
      </c>
      <c r="L738" s="3" t="s">
        <v>1481</v>
      </c>
    </row>
    <row r="739" spans="1:12" x14ac:dyDescent="0.3">
      <c r="A739" s="11">
        <v>11701215</v>
      </c>
      <c r="B739" s="11">
        <v>4089276</v>
      </c>
      <c r="C739" s="22" t="str">
        <f t="shared" si="11"/>
        <v>https://support.microsoft.com/kb/4089276</v>
      </c>
      <c r="D739" s="3" t="s">
        <v>2140</v>
      </c>
      <c r="E739" s="3" t="s">
        <v>100</v>
      </c>
      <c r="F739" s="3" t="s">
        <v>113</v>
      </c>
      <c r="G739" s="3" t="s">
        <v>462</v>
      </c>
      <c r="H739" s="3">
        <v>2017</v>
      </c>
      <c r="I739" s="3" t="s">
        <v>103</v>
      </c>
      <c r="J739" s="3" t="s">
        <v>71</v>
      </c>
      <c r="K739" s="14">
        <v>43207</v>
      </c>
      <c r="L739" s="3" t="s">
        <v>1481</v>
      </c>
    </row>
    <row r="740" spans="1:12" x14ac:dyDescent="0.3">
      <c r="A740" s="11">
        <v>11701184</v>
      </c>
      <c r="B740" s="11">
        <v>3192154</v>
      </c>
      <c r="C740" s="22" t="str">
        <f t="shared" si="11"/>
        <v>https://support.microsoft.com/kb/3192154</v>
      </c>
      <c r="D740" s="3" t="s">
        <v>2141</v>
      </c>
      <c r="E740" s="3" t="s">
        <v>100</v>
      </c>
      <c r="F740" s="3" t="s">
        <v>113</v>
      </c>
      <c r="G740" s="3" t="s">
        <v>102</v>
      </c>
      <c r="H740" s="3">
        <v>2017</v>
      </c>
      <c r="I740" s="3" t="s">
        <v>103</v>
      </c>
      <c r="J740" s="3" t="s">
        <v>71</v>
      </c>
      <c r="K740" s="14">
        <v>43207</v>
      </c>
      <c r="L740" s="3" t="s">
        <v>1481</v>
      </c>
    </row>
    <row r="741" spans="1:12" x14ac:dyDescent="0.3">
      <c r="A741" s="11">
        <v>11701193</v>
      </c>
      <c r="B741" s="11">
        <v>4074862</v>
      </c>
      <c r="C741" s="22" t="str">
        <f t="shared" si="11"/>
        <v>https://support.microsoft.com/kb/4074862</v>
      </c>
      <c r="D741" s="3" t="s">
        <v>2090</v>
      </c>
      <c r="E741" s="3" t="s">
        <v>180</v>
      </c>
      <c r="F741" s="3" t="s">
        <v>689</v>
      </c>
      <c r="G741" s="3" t="s">
        <v>102</v>
      </c>
      <c r="H741" s="3">
        <v>2017</v>
      </c>
      <c r="I741" s="3" t="s">
        <v>103</v>
      </c>
      <c r="J741" s="3" t="s">
        <v>71</v>
      </c>
      <c r="K741" s="14">
        <v>43207</v>
      </c>
      <c r="L741" s="3" t="s">
        <v>1481</v>
      </c>
    </row>
    <row r="742" spans="1:12" x14ac:dyDescent="0.3">
      <c r="A742" s="11">
        <v>11447604</v>
      </c>
      <c r="B742" s="11">
        <v>4038881</v>
      </c>
      <c r="C742" s="22" t="str">
        <f t="shared" si="11"/>
        <v>https://support.microsoft.com/kb/4038881</v>
      </c>
      <c r="D742" s="3" t="s">
        <v>2142</v>
      </c>
      <c r="E742" s="3" t="s">
        <v>180</v>
      </c>
      <c r="F742" s="3" t="s">
        <v>180</v>
      </c>
      <c r="G742" s="3" t="s">
        <v>1919</v>
      </c>
      <c r="H742" s="3">
        <v>2017</v>
      </c>
      <c r="I742" s="3" t="s">
        <v>103</v>
      </c>
      <c r="J742" s="3" t="s">
        <v>74</v>
      </c>
      <c r="K742" s="14">
        <v>43179</v>
      </c>
      <c r="L742" s="3" t="s">
        <v>1483</v>
      </c>
    </row>
    <row r="743" spans="1:12" x14ac:dyDescent="0.3">
      <c r="A743" s="11">
        <v>11505194</v>
      </c>
      <c r="B743" s="11">
        <v>4055674</v>
      </c>
      <c r="C743" s="22" t="str">
        <f t="shared" si="11"/>
        <v>https://support.microsoft.com/kb/4055674</v>
      </c>
      <c r="D743" s="3" t="s">
        <v>1931</v>
      </c>
      <c r="E743" s="3" t="s">
        <v>180</v>
      </c>
      <c r="F743" s="3" t="s">
        <v>180</v>
      </c>
      <c r="G743" s="3" t="s">
        <v>102</v>
      </c>
      <c r="H743" s="3">
        <v>2017</v>
      </c>
      <c r="I743" s="3" t="s">
        <v>103</v>
      </c>
      <c r="J743" s="3" t="s">
        <v>74</v>
      </c>
      <c r="K743" s="14">
        <v>43179</v>
      </c>
      <c r="L743" s="3" t="s">
        <v>1483</v>
      </c>
    </row>
    <row r="744" spans="1:12" x14ac:dyDescent="0.3">
      <c r="A744" s="11">
        <v>11578523</v>
      </c>
      <c r="B744" s="11">
        <v>4089718</v>
      </c>
      <c r="C744" s="22" t="str">
        <f t="shared" si="11"/>
        <v>https://support.microsoft.com/kb/4089718</v>
      </c>
      <c r="D744" s="3" t="s">
        <v>2096</v>
      </c>
      <c r="E744" s="3" t="s">
        <v>178</v>
      </c>
      <c r="F744" s="3" t="s">
        <v>689</v>
      </c>
      <c r="G744" s="3" t="s">
        <v>462</v>
      </c>
      <c r="H744" s="3">
        <v>2017</v>
      </c>
      <c r="I744" s="3" t="s">
        <v>103</v>
      </c>
      <c r="J744" s="3" t="s">
        <v>74</v>
      </c>
      <c r="K744" s="14">
        <v>43179</v>
      </c>
      <c r="L744" s="3" t="s">
        <v>1483</v>
      </c>
    </row>
    <row r="745" spans="1:12" x14ac:dyDescent="0.3">
      <c r="A745" s="11">
        <v>11301460</v>
      </c>
      <c r="B745" s="11">
        <v>4058700</v>
      </c>
      <c r="C745" s="22" t="str">
        <f t="shared" si="11"/>
        <v>https://support.microsoft.com/kb/4058700</v>
      </c>
      <c r="D745" s="3" t="s">
        <v>2143</v>
      </c>
      <c r="E745" s="3" t="s">
        <v>100</v>
      </c>
      <c r="F745" s="3" t="s">
        <v>123</v>
      </c>
      <c r="G745" s="3" t="s">
        <v>105</v>
      </c>
      <c r="H745" s="3">
        <v>2017</v>
      </c>
      <c r="I745" s="3" t="s">
        <v>103</v>
      </c>
      <c r="J745" s="3" t="s">
        <v>74</v>
      </c>
      <c r="K745" s="14">
        <v>43179</v>
      </c>
      <c r="L745" s="3" t="s">
        <v>1483</v>
      </c>
    </row>
    <row r="746" spans="1:12" x14ac:dyDescent="0.3">
      <c r="A746" s="11">
        <v>11569472</v>
      </c>
      <c r="B746" s="11">
        <v>4089948</v>
      </c>
      <c r="C746" s="22" t="str">
        <f t="shared" si="11"/>
        <v>https://support.microsoft.com/kb/4089948</v>
      </c>
      <c r="D746" s="3" t="s">
        <v>2144</v>
      </c>
      <c r="E746" s="3" t="s">
        <v>100</v>
      </c>
      <c r="F746" s="3" t="s">
        <v>214</v>
      </c>
      <c r="G746" s="3" t="s">
        <v>105</v>
      </c>
      <c r="H746" s="3">
        <v>2017</v>
      </c>
      <c r="I746" s="3" t="s">
        <v>103</v>
      </c>
      <c r="J746" s="3" t="s">
        <v>74</v>
      </c>
      <c r="K746" s="14">
        <v>43179</v>
      </c>
      <c r="L746" s="3" t="s">
        <v>1483</v>
      </c>
    </row>
    <row r="747" spans="1:12" x14ac:dyDescent="0.3">
      <c r="A747" s="11">
        <v>11569058</v>
      </c>
      <c r="B747" s="11">
        <v>4090789</v>
      </c>
      <c r="C747" s="22" t="str">
        <f t="shared" si="11"/>
        <v>https://support.microsoft.com/kb/4090789</v>
      </c>
      <c r="D747" s="3" t="s">
        <v>2145</v>
      </c>
      <c r="E747" s="3" t="s">
        <v>100</v>
      </c>
      <c r="F747" s="3" t="s">
        <v>116</v>
      </c>
      <c r="G747" s="3" t="s">
        <v>116</v>
      </c>
      <c r="H747" s="3">
        <v>2017</v>
      </c>
      <c r="I747" s="3" t="s">
        <v>103</v>
      </c>
      <c r="J747" s="3" t="s">
        <v>74</v>
      </c>
      <c r="K747" s="14">
        <v>43179</v>
      </c>
      <c r="L747" s="3" t="s">
        <v>1483</v>
      </c>
    </row>
    <row r="748" spans="1:12" x14ac:dyDescent="0.3">
      <c r="A748" s="11">
        <v>11705681</v>
      </c>
      <c r="B748" s="11">
        <v>4093805</v>
      </c>
      <c r="C748" s="22" t="str">
        <f t="shared" si="11"/>
        <v>https://support.microsoft.com/kb/4093805</v>
      </c>
      <c r="D748" s="3" t="s">
        <v>2146</v>
      </c>
      <c r="E748" s="3" t="s">
        <v>100</v>
      </c>
      <c r="F748" s="3" t="s">
        <v>116</v>
      </c>
      <c r="G748" s="3" t="s">
        <v>116</v>
      </c>
      <c r="H748" s="3">
        <v>2017</v>
      </c>
      <c r="I748" s="3" t="s">
        <v>103</v>
      </c>
      <c r="J748" s="3" t="s">
        <v>74</v>
      </c>
      <c r="K748" s="14">
        <v>43179</v>
      </c>
      <c r="L748" s="3" t="s">
        <v>1483</v>
      </c>
    </row>
    <row r="749" spans="1:12" x14ac:dyDescent="0.3">
      <c r="A749" s="11">
        <v>11552950</v>
      </c>
      <c r="B749" s="11">
        <v>4092066</v>
      </c>
      <c r="C749" s="22" t="str">
        <f t="shared" si="11"/>
        <v>https://support.microsoft.com/kb/4092066</v>
      </c>
      <c r="D749" s="3" t="s">
        <v>2147</v>
      </c>
      <c r="E749" s="3" t="s">
        <v>100</v>
      </c>
      <c r="F749" s="3" t="s">
        <v>120</v>
      </c>
      <c r="G749" s="3" t="s">
        <v>102</v>
      </c>
      <c r="H749" s="3">
        <v>2017</v>
      </c>
      <c r="I749" s="3" t="s">
        <v>103</v>
      </c>
      <c r="J749" s="3" t="s">
        <v>74</v>
      </c>
      <c r="K749" s="14">
        <v>43179</v>
      </c>
      <c r="L749" s="3" t="s">
        <v>1483</v>
      </c>
    </row>
    <row r="750" spans="1:12" x14ac:dyDescent="0.3">
      <c r="A750" s="11">
        <v>11561331</v>
      </c>
      <c r="B750" s="11">
        <v>4089946</v>
      </c>
      <c r="C750" s="22" t="str">
        <f t="shared" si="11"/>
        <v>https://support.microsoft.com/kb/4089946</v>
      </c>
      <c r="D750" s="3" t="s">
        <v>2148</v>
      </c>
      <c r="E750" s="3" t="s">
        <v>100</v>
      </c>
      <c r="F750" s="3" t="s">
        <v>101</v>
      </c>
      <c r="G750" s="3" t="s">
        <v>102</v>
      </c>
      <c r="H750" s="3">
        <v>2017</v>
      </c>
      <c r="I750" s="3" t="s">
        <v>103</v>
      </c>
      <c r="J750" s="3" t="s">
        <v>74</v>
      </c>
      <c r="K750" s="14">
        <v>43179</v>
      </c>
      <c r="L750" s="3" t="s">
        <v>1483</v>
      </c>
    </row>
    <row r="751" spans="1:12" x14ac:dyDescent="0.3">
      <c r="A751" s="11">
        <v>11677397</v>
      </c>
      <c r="B751" s="11">
        <v>4091722</v>
      </c>
      <c r="C751" s="22" t="str">
        <f t="shared" si="11"/>
        <v>https://support.microsoft.com/kb/4091722</v>
      </c>
      <c r="D751" s="3" t="s">
        <v>2149</v>
      </c>
      <c r="E751" s="3" t="s">
        <v>100</v>
      </c>
      <c r="F751" s="3" t="s">
        <v>101</v>
      </c>
      <c r="G751" s="3" t="s">
        <v>116</v>
      </c>
      <c r="H751" s="3">
        <v>2017</v>
      </c>
      <c r="I751" s="3" t="s">
        <v>103</v>
      </c>
      <c r="J751" s="3" t="s">
        <v>74</v>
      </c>
      <c r="K751" s="14">
        <v>43179</v>
      </c>
      <c r="L751" s="3" t="s">
        <v>1483</v>
      </c>
    </row>
    <row r="752" spans="1:12" x14ac:dyDescent="0.3">
      <c r="A752" s="11">
        <v>11455785</v>
      </c>
      <c r="B752" s="11">
        <v>4058174</v>
      </c>
      <c r="C752" s="22" t="str">
        <f t="shared" si="11"/>
        <v>https://support.microsoft.com/kb/4058174</v>
      </c>
      <c r="D752" s="3" t="s">
        <v>2150</v>
      </c>
      <c r="E752" s="3" t="s">
        <v>100</v>
      </c>
      <c r="F752" s="3" t="s">
        <v>139</v>
      </c>
      <c r="G752" s="3" t="s">
        <v>1919</v>
      </c>
      <c r="H752" s="3">
        <v>2017</v>
      </c>
      <c r="I752" s="3" t="s">
        <v>103</v>
      </c>
      <c r="J752" s="3" t="s">
        <v>74</v>
      </c>
      <c r="K752" s="14">
        <v>43179</v>
      </c>
      <c r="L752" s="3" t="s">
        <v>1483</v>
      </c>
    </row>
    <row r="753" spans="1:12" x14ac:dyDescent="0.3">
      <c r="A753" s="11">
        <v>11469023</v>
      </c>
      <c r="B753" s="11">
        <v>4088270</v>
      </c>
      <c r="C753" s="22" t="str">
        <f t="shared" si="11"/>
        <v>https://support.microsoft.com/kb/4088270</v>
      </c>
      <c r="D753" s="3" t="s">
        <v>2151</v>
      </c>
      <c r="E753" s="3" t="s">
        <v>100</v>
      </c>
      <c r="F753" s="3" t="s">
        <v>139</v>
      </c>
      <c r="G753" s="3" t="s">
        <v>102</v>
      </c>
      <c r="H753" s="3">
        <v>2017</v>
      </c>
      <c r="I753" s="3" t="s">
        <v>103</v>
      </c>
      <c r="J753" s="3" t="s">
        <v>74</v>
      </c>
      <c r="K753" s="14">
        <v>43179</v>
      </c>
      <c r="L753" s="3" t="s">
        <v>1483</v>
      </c>
    </row>
    <row r="754" spans="1:12" x14ac:dyDescent="0.3">
      <c r="A754" s="11">
        <v>11542851</v>
      </c>
      <c r="B754" s="11">
        <v>4089473</v>
      </c>
      <c r="C754" s="22" t="str">
        <f t="shared" si="11"/>
        <v>https://support.microsoft.com/kb/4089473</v>
      </c>
      <c r="D754" s="3" t="s">
        <v>2152</v>
      </c>
      <c r="E754" s="3" t="s">
        <v>100</v>
      </c>
      <c r="F754" s="3" t="s">
        <v>127</v>
      </c>
      <c r="G754" s="3" t="s">
        <v>105</v>
      </c>
      <c r="H754" s="3">
        <v>2017</v>
      </c>
      <c r="I754" s="3" t="s">
        <v>103</v>
      </c>
      <c r="J754" s="3" t="s">
        <v>74</v>
      </c>
      <c r="K754" s="14">
        <v>43179</v>
      </c>
      <c r="L754" s="3" t="s">
        <v>1483</v>
      </c>
    </row>
    <row r="755" spans="1:12" x14ac:dyDescent="0.3">
      <c r="A755" s="11">
        <v>11686345</v>
      </c>
      <c r="B755" s="11">
        <v>4092667</v>
      </c>
      <c r="C755" s="22" t="str">
        <f t="shared" si="11"/>
        <v>https://support.microsoft.com/kb/4092667</v>
      </c>
      <c r="D755" s="3" t="s">
        <v>2153</v>
      </c>
      <c r="E755" s="3" t="s">
        <v>100</v>
      </c>
      <c r="F755" s="3" t="s">
        <v>127</v>
      </c>
      <c r="G755" s="3" t="s">
        <v>105</v>
      </c>
      <c r="H755" s="3">
        <v>2017</v>
      </c>
      <c r="I755" s="3" t="s">
        <v>103</v>
      </c>
      <c r="J755" s="3" t="s">
        <v>74</v>
      </c>
      <c r="K755" s="14">
        <v>43179</v>
      </c>
      <c r="L755" s="3" t="s">
        <v>1483</v>
      </c>
    </row>
    <row r="756" spans="1:12" x14ac:dyDescent="0.3">
      <c r="A756" s="11">
        <v>11591383</v>
      </c>
      <c r="B756" s="11">
        <v>4091245</v>
      </c>
      <c r="C756" s="22" t="str">
        <f t="shared" si="11"/>
        <v>https://support.microsoft.com/kb/4091245</v>
      </c>
      <c r="D756" s="3" t="s">
        <v>2154</v>
      </c>
      <c r="E756" s="3" t="s">
        <v>100</v>
      </c>
      <c r="F756" s="3" t="s">
        <v>113</v>
      </c>
      <c r="G756" s="3" t="s">
        <v>102</v>
      </c>
      <c r="H756" s="3">
        <v>2017</v>
      </c>
      <c r="I756" s="3" t="s">
        <v>103</v>
      </c>
      <c r="J756" s="3" t="s">
        <v>74</v>
      </c>
      <c r="K756" s="14">
        <v>43179</v>
      </c>
      <c r="L756" s="3" t="s">
        <v>1483</v>
      </c>
    </row>
    <row r="757" spans="1:12" x14ac:dyDescent="0.3">
      <c r="A757" s="11">
        <v>11516257</v>
      </c>
      <c r="B757" s="11">
        <v>4087406</v>
      </c>
      <c r="C757" s="22" t="str">
        <f t="shared" si="11"/>
        <v>https://support.microsoft.com/kb/4087406</v>
      </c>
      <c r="D757" s="3" t="s">
        <v>2155</v>
      </c>
      <c r="E757" s="3" t="s">
        <v>100</v>
      </c>
      <c r="F757" s="3" t="s">
        <v>165</v>
      </c>
      <c r="G757" s="3" t="s">
        <v>462</v>
      </c>
      <c r="H757" s="3">
        <v>2017</v>
      </c>
      <c r="I757" s="3" t="s">
        <v>103</v>
      </c>
      <c r="J757" s="3" t="s">
        <v>74</v>
      </c>
      <c r="K757" s="14">
        <v>43179</v>
      </c>
      <c r="L757" s="3" t="s">
        <v>1483</v>
      </c>
    </row>
    <row r="758" spans="1:12" x14ac:dyDescent="0.3">
      <c r="A758" s="11">
        <v>11789381</v>
      </c>
      <c r="B758" s="11">
        <v>4089276</v>
      </c>
      <c r="C758" s="22" t="str">
        <f t="shared" si="11"/>
        <v>https://support.microsoft.com/kb/4089276</v>
      </c>
      <c r="D758" s="3" t="s">
        <v>2140</v>
      </c>
      <c r="E758" s="3" t="s">
        <v>100</v>
      </c>
      <c r="F758" s="3" t="s">
        <v>113</v>
      </c>
      <c r="G758" s="3" t="s">
        <v>462</v>
      </c>
      <c r="H758" s="3">
        <v>2017</v>
      </c>
      <c r="I758" s="3" t="s">
        <v>103</v>
      </c>
      <c r="J758" s="3" t="s">
        <v>74</v>
      </c>
      <c r="K758" s="14">
        <v>43179</v>
      </c>
      <c r="L758" s="3" t="s">
        <v>1483</v>
      </c>
    </row>
    <row r="759" spans="1:12" x14ac:dyDescent="0.3">
      <c r="A759" s="11">
        <v>11632824</v>
      </c>
      <c r="B759" s="11">
        <v>4091063</v>
      </c>
      <c r="C759" s="22" t="str">
        <f t="shared" si="11"/>
        <v>https://support.microsoft.com/kb/4091063</v>
      </c>
      <c r="D759" s="3" t="s">
        <v>2156</v>
      </c>
      <c r="E759" s="3" t="s">
        <v>100</v>
      </c>
      <c r="F759" s="3" t="s">
        <v>269</v>
      </c>
      <c r="G759" s="3" t="s">
        <v>105</v>
      </c>
      <c r="H759" s="3">
        <v>2017</v>
      </c>
      <c r="I759" s="3" t="s">
        <v>103</v>
      </c>
      <c r="J759" s="3" t="s">
        <v>74</v>
      </c>
      <c r="K759" s="14">
        <v>43179</v>
      </c>
      <c r="L759" s="3" t="s">
        <v>1483</v>
      </c>
    </row>
    <row r="760" spans="1:12" x14ac:dyDescent="0.3">
      <c r="A760" s="11">
        <v>11466444</v>
      </c>
      <c r="B760" s="11">
        <v>4078301</v>
      </c>
      <c r="C760" s="22" t="str">
        <f t="shared" si="11"/>
        <v>https://support.microsoft.com/kb/4078301</v>
      </c>
      <c r="D760" s="3" t="s">
        <v>2157</v>
      </c>
      <c r="E760" s="3" t="s">
        <v>180</v>
      </c>
      <c r="F760" s="3" t="s">
        <v>180</v>
      </c>
      <c r="G760" s="3" t="s">
        <v>102</v>
      </c>
      <c r="H760" s="3">
        <v>2017</v>
      </c>
      <c r="I760" s="3" t="s">
        <v>103</v>
      </c>
      <c r="J760" s="3" t="s">
        <v>77</v>
      </c>
      <c r="K760" s="14">
        <v>43151</v>
      </c>
      <c r="L760" s="3" t="s">
        <v>1485</v>
      </c>
    </row>
    <row r="761" spans="1:12" x14ac:dyDescent="0.3">
      <c r="A761" s="11">
        <v>11290048</v>
      </c>
      <c r="B761" s="11">
        <v>4078302</v>
      </c>
      <c r="C761" s="22" t="str">
        <f t="shared" si="11"/>
        <v>https://support.microsoft.com/kb/4078302</v>
      </c>
      <c r="D761" s="3" t="s">
        <v>2158</v>
      </c>
      <c r="E761" s="3" t="s">
        <v>180</v>
      </c>
      <c r="F761" s="3" t="s">
        <v>180</v>
      </c>
      <c r="G761" s="3" t="s">
        <v>102</v>
      </c>
      <c r="H761" s="3">
        <v>2017</v>
      </c>
      <c r="I761" s="3" t="s">
        <v>103</v>
      </c>
      <c r="J761" s="3" t="s">
        <v>77</v>
      </c>
      <c r="K761" s="14">
        <v>43151</v>
      </c>
      <c r="L761" s="3" t="s">
        <v>1485</v>
      </c>
    </row>
    <row r="762" spans="1:12" x14ac:dyDescent="0.3">
      <c r="A762" s="11">
        <v>11281541</v>
      </c>
      <c r="B762" s="11">
        <v>3010148</v>
      </c>
      <c r="C762" s="22" t="str">
        <f t="shared" si="11"/>
        <v>https://support.microsoft.com/kb/3010148</v>
      </c>
      <c r="D762" s="3" t="s">
        <v>2159</v>
      </c>
      <c r="E762" s="3" t="s">
        <v>180</v>
      </c>
      <c r="F762" s="3" t="s">
        <v>180</v>
      </c>
      <c r="G762" s="3" t="s">
        <v>1919</v>
      </c>
      <c r="H762" s="3">
        <v>2017</v>
      </c>
      <c r="I762" s="3" t="s">
        <v>103</v>
      </c>
      <c r="J762" s="3" t="s">
        <v>77</v>
      </c>
      <c r="K762" s="14">
        <v>43151</v>
      </c>
      <c r="L762" s="3" t="s">
        <v>1485</v>
      </c>
    </row>
    <row r="763" spans="1:12" x14ac:dyDescent="0.3">
      <c r="A763" s="11">
        <v>11455811</v>
      </c>
      <c r="B763" s="11">
        <v>4057759</v>
      </c>
      <c r="C763" s="22" t="str">
        <f t="shared" si="11"/>
        <v>https://support.microsoft.com/kb/4057759</v>
      </c>
      <c r="D763" s="3" t="s">
        <v>2160</v>
      </c>
      <c r="E763" s="3" t="s">
        <v>180</v>
      </c>
      <c r="F763" s="3" t="s">
        <v>180</v>
      </c>
      <c r="G763" s="3" t="s">
        <v>102</v>
      </c>
      <c r="H763" s="3">
        <v>2017</v>
      </c>
      <c r="I763" s="3" t="s">
        <v>103</v>
      </c>
      <c r="J763" s="3" t="s">
        <v>77</v>
      </c>
      <c r="K763" s="14">
        <v>43151</v>
      </c>
      <c r="L763" s="3" t="s">
        <v>1485</v>
      </c>
    </row>
    <row r="764" spans="1:12" x14ac:dyDescent="0.3">
      <c r="A764" s="11">
        <v>11281540</v>
      </c>
      <c r="B764" s="11">
        <v>4052572</v>
      </c>
      <c r="C764" s="22" t="str">
        <f t="shared" si="11"/>
        <v>https://support.microsoft.com/kb/4052572</v>
      </c>
      <c r="D764" s="3" t="s">
        <v>2161</v>
      </c>
      <c r="E764" s="3" t="s">
        <v>180</v>
      </c>
      <c r="F764" s="3" t="s">
        <v>180</v>
      </c>
      <c r="G764" s="3" t="s">
        <v>1919</v>
      </c>
      <c r="H764" s="3">
        <v>2017</v>
      </c>
      <c r="I764" s="3" t="s">
        <v>103</v>
      </c>
      <c r="J764" s="3" t="s">
        <v>77</v>
      </c>
      <c r="K764" s="14">
        <v>43151</v>
      </c>
      <c r="L764" s="3" t="s">
        <v>1485</v>
      </c>
    </row>
    <row r="765" spans="1:12" x14ac:dyDescent="0.3">
      <c r="A765" s="11">
        <v>11296787</v>
      </c>
      <c r="B765" s="11">
        <v>4078303</v>
      </c>
      <c r="C765" s="22" t="str">
        <f t="shared" si="11"/>
        <v>https://support.microsoft.com/kb/4078303</v>
      </c>
      <c r="D765" s="3" t="s">
        <v>2162</v>
      </c>
      <c r="E765" s="3" t="s">
        <v>180</v>
      </c>
      <c r="F765" s="3" t="s">
        <v>180</v>
      </c>
      <c r="G765" s="3" t="s">
        <v>102</v>
      </c>
      <c r="H765" s="3">
        <v>2017</v>
      </c>
      <c r="I765" s="3" t="s">
        <v>103</v>
      </c>
      <c r="J765" s="3" t="s">
        <v>77</v>
      </c>
      <c r="K765" s="14">
        <v>43151</v>
      </c>
      <c r="L765" s="3" t="s">
        <v>1485</v>
      </c>
    </row>
    <row r="766" spans="1:12" x14ac:dyDescent="0.3">
      <c r="A766" s="11">
        <v>11281547</v>
      </c>
      <c r="B766" s="11">
        <v>4049027</v>
      </c>
      <c r="C766" s="22" t="str">
        <f t="shared" si="11"/>
        <v>https://support.microsoft.com/kb/4049027</v>
      </c>
      <c r="D766" s="3" t="s">
        <v>2163</v>
      </c>
      <c r="E766" s="3" t="s">
        <v>180</v>
      </c>
      <c r="F766" s="3" t="s">
        <v>2164</v>
      </c>
      <c r="G766" s="3" t="s">
        <v>102</v>
      </c>
      <c r="H766" s="3">
        <v>2017</v>
      </c>
      <c r="I766" s="3" t="s">
        <v>103</v>
      </c>
      <c r="J766" s="3" t="s">
        <v>77</v>
      </c>
      <c r="K766" s="14">
        <v>43151</v>
      </c>
      <c r="L766" s="3" t="s">
        <v>1485</v>
      </c>
    </row>
    <row r="767" spans="1:12" x14ac:dyDescent="0.3">
      <c r="A767" s="11">
        <v>11281570</v>
      </c>
      <c r="B767" s="11">
        <v>4052123</v>
      </c>
      <c r="C767" s="22" t="str">
        <f t="shared" si="11"/>
        <v>https://support.microsoft.com/kb/4052123</v>
      </c>
      <c r="D767" s="3" t="s">
        <v>2165</v>
      </c>
      <c r="E767" s="3" t="s">
        <v>180</v>
      </c>
      <c r="F767" s="3" t="s">
        <v>2164</v>
      </c>
      <c r="G767" s="3" t="s">
        <v>102</v>
      </c>
      <c r="H767" s="3">
        <v>2017</v>
      </c>
      <c r="I767" s="3" t="s">
        <v>103</v>
      </c>
      <c r="J767" s="3" t="s">
        <v>77</v>
      </c>
      <c r="K767" s="14">
        <v>43151</v>
      </c>
      <c r="L767" s="3" t="s">
        <v>1485</v>
      </c>
    </row>
    <row r="768" spans="1:12" x14ac:dyDescent="0.3">
      <c r="A768" s="11">
        <v>11281513</v>
      </c>
      <c r="B768" s="11">
        <v>4042948</v>
      </c>
      <c r="C768" s="22" t="str">
        <f t="shared" si="11"/>
        <v>https://support.microsoft.com/kb/4042948</v>
      </c>
      <c r="D768" s="3" t="s">
        <v>2166</v>
      </c>
      <c r="E768" s="3" t="s">
        <v>180</v>
      </c>
      <c r="F768" s="3" t="s">
        <v>2164</v>
      </c>
      <c r="G768" s="3" t="s">
        <v>102</v>
      </c>
      <c r="H768" s="3">
        <v>2017</v>
      </c>
      <c r="I768" s="3" t="s">
        <v>103</v>
      </c>
      <c r="J768" s="3" t="s">
        <v>77</v>
      </c>
      <c r="K768" s="14">
        <v>43151</v>
      </c>
      <c r="L768" s="3" t="s">
        <v>1485</v>
      </c>
    </row>
    <row r="769" spans="1:12" x14ac:dyDescent="0.3">
      <c r="A769" s="11">
        <v>11455794</v>
      </c>
      <c r="B769" s="11">
        <v>4055456</v>
      </c>
      <c r="C769" s="22" t="str">
        <f t="shared" si="11"/>
        <v>https://support.microsoft.com/kb/4055456</v>
      </c>
      <c r="D769" s="3" t="s">
        <v>2167</v>
      </c>
      <c r="E769" s="3" t="s">
        <v>217</v>
      </c>
      <c r="F769" s="3" t="s">
        <v>276</v>
      </c>
      <c r="G769" s="3" t="s">
        <v>102</v>
      </c>
      <c r="H769" s="3">
        <v>2017</v>
      </c>
      <c r="I769" s="3" t="s">
        <v>103</v>
      </c>
      <c r="J769" s="3" t="s">
        <v>77</v>
      </c>
      <c r="K769" s="14">
        <v>43151</v>
      </c>
      <c r="L769" s="3" t="s">
        <v>1485</v>
      </c>
    </row>
    <row r="770" spans="1:12" x14ac:dyDescent="0.3">
      <c r="A770" s="11">
        <v>11281542</v>
      </c>
      <c r="B770" s="11">
        <v>4040934</v>
      </c>
      <c r="C770" s="22" t="str">
        <f t="shared" si="11"/>
        <v>https://support.microsoft.com/kb/4040934</v>
      </c>
      <c r="D770" s="3" t="s">
        <v>2168</v>
      </c>
      <c r="E770" s="3" t="s">
        <v>380</v>
      </c>
      <c r="F770" s="3" t="s">
        <v>996</v>
      </c>
      <c r="G770" s="3" t="s">
        <v>102</v>
      </c>
      <c r="H770" s="3">
        <v>2017</v>
      </c>
      <c r="I770" s="3" t="s">
        <v>103</v>
      </c>
      <c r="J770" s="3" t="s">
        <v>77</v>
      </c>
      <c r="K770" s="14">
        <v>43151</v>
      </c>
      <c r="L770" s="3" t="s">
        <v>1485</v>
      </c>
    </row>
    <row r="771" spans="1:12" x14ac:dyDescent="0.3">
      <c r="A771" s="11">
        <v>11281550</v>
      </c>
      <c r="B771" s="11">
        <v>4044064</v>
      </c>
      <c r="C771" s="22" t="str">
        <f t="shared" si="11"/>
        <v>https://support.microsoft.com/kb/4044064</v>
      </c>
      <c r="D771" s="3" t="s">
        <v>2169</v>
      </c>
      <c r="E771" s="3" t="s">
        <v>178</v>
      </c>
      <c r="F771" s="3" t="s">
        <v>775</v>
      </c>
      <c r="G771" s="3" t="s">
        <v>102</v>
      </c>
      <c r="H771" s="3">
        <v>2017</v>
      </c>
      <c r="I771" s="3" t="s">
        <v>103</v>
      </c>
      <c r="J771" s="3" t="s">
        <v>77</v>
      </c>
      <c r="K771" s="14">
        <v>43151</v>
      </c>
      <c r="L771" s="3" t="s">
        <v>1485</v>
      </c>
    </row>
    <row r="772" spans="1:12" x14ac:dyDescent="0.3">
      <c r="A772" s="11">
        <v>11226058</v>
      </c>
      <c r="B772" s="11">
        <v>4057087</v>
      </c>
      <c r="C772" s="22" t="str">
        <f t="shared" si="11"/>
        <v>https://support.microsoft.com/kb/4057087</v>
      </c>
      <c r="D772" s="3" t="s">
        <v>2170</v>
      </c>
      <c r="E772" s="3" t="s">
        <v>100</v>
      </c>
      <c r="F772" s="3" t="s">
        <v>123</v>
      </c>
      <c r="G772" s="3" t="s">
        <v>105</v>
      </c>
      <c r="H772" s="3">
        <v>2017</v>
      </c>
      <c r="I772" s="3" t="s">
        <v>103</v>
      </c>
      <c r="J772" s="3" t="s">
        <v>77</v>
      </c>
      <c r="K772" s="14">
        <v>43151</v>
      </c>
      <c r="L772" s="3" t="s">
        <v>1485</v>
      </c>
    </row>
    <row r="773" spans="1:12" x14ac:dyDescent="0.3">
      <c r="A773" s="11">
        <v>11455809</v>
      </c>
      <c r="B773" s="11">
        <v>4057055</v>
      </c>
      <c r="C773" s="22" t="str">
        <f t="shared" si="11"/>
        <v>https://support.microsoft.com/kb/4057055</v>
      </c>
      <c r="D773" s="3" t="s">
        <v>2171</v>
      </c>
      <c r="E773" s="3" t="s">
        <v>100</v>
      </c>
      <c r="F773" s="3" t="s">
        <v>214</v>
      </c>
      <c r="G773" s="3" t="s">
        <v>102</v>
      </c>
      <c r="H773" s="3">
        <v>2017</v>
      </c>
      <c r="I773" s="3" t="s">
        <v>103</v>
      </c>
      <c r="J773" s="3" t="s">
        <v>77</v>
      </c>
      <c r="K773" s="14">
        <v>43151</v>
      </c>
      <c r="L773" s="3" t="s">
        <v>1485</v>
      </c>
    </row>
    <row r="774" spans="1:12" x14ac:dyDescent="0.3">
      <c r="A774" s="11">
        <v>11453962</v>
      </c>
      <c r="B774" s="11">
        <v>4073670</v>
      </c>
      <c r="C774" s="22" t="str">
        <f t="shared" si="11"/>
        <v>https://support.microsoft.com/kb/4073670</v>
      </c>
      <c r="D774" s="3" t="s">
        <v>2172</v>
      </c>
      <c r="E774" s="3" t="s">
        <v>100</v>
      </c>
      <c r="F774" s="3" t="s">
        <v>137</v>
      </c>
      <c r="G774" s="3" t="s">
        <v>116</v>
      </c>
      <c r="H774" s="3">
        <v>2017</v>
      </c>
      <c r="I774" s="3" t="s">
        <v>103</v>
      </c>
      <c r="J774" s="3" t="s">
        <v>77</v>
      </c>
      <c r="K774" s="14">
        <v>43151</v>
      </c>
      <c r="L774" s="3" t="s">
        <v>1485</v>
      </c>
    </row>
    <row r="775" spans="1:12" x14ac:dyDescent="0.3">
      <c r="A775" s="11">
        <v>11455807</v>
      </c>
      <c r="B775" s="11">
        <v>4056955</v>
      </c>
      <c r="C775" s="22" t="str">
        <f t="shared" ref="C775:C838" si="12">HYPERLINK("https://support.microsoft.com/kb/"&amp;B775)</f>
        <v>https://support.microsoft.com/kb/4056955</v>
      </c>
      <c r="D775" s="3" t="s">
        <v>2173</v>
      </c>
      <c r="E775" s="3" t="s">
        <v>100</v>
      </c>
      <c r="F775" s="3" t="s">
        <v>137</v>
      </c>
      <c r="G775" s="3" t="s">
        <v>105</v>
      </c>
      <c r="H775" s="3">
        <v>2017</v>
      </c>
      <c r="I775" s="3" t="s">
        <v>103</v>
      </c>
      <c r="J775" s="3" t="s">
        <v>77</v>
      </c>
      <c r="K775" s="14">
        <v>43151</v>
      </c>
      <c r="L775" s="3" t="s">
        <v>1485</v>
      </c>
    </row>
    <row r="776" spans="1:12" x14ac:dyDescent="0.3">
      <c r="A776" s="11">
        <v>11524673</v>
      </c>
      <c r="B776" s="11">
        <v>3216543</v>
      </c>
      <c r="C776" s="22" t="str">
        <f t="shared" si="12"/>
        <v>https://support.microsoft.com/kb/3216543</v>
      </c>
      <c r="D776" s="3" t="s">
        <v>2174</v>
      </c>
      <c r="E776" s="3" t="s">
        <v>100</v>
      </c>
      <c r="F776" s="3" t="s">
        <v>137</v>
      </c>
      <c r="G776" s="3" t="s">
        <v>102</v>
      </c>
      <c r="H776" s="3">
        <v>2017</v>
      </c>
      <c r="I776" s="3" t="s">
        <v>103</v>
      </c>
      <c r="J776" s="3" t="s">
        <v>77</v>
      </c>
      <c r="K776" s="14">
        <v>43151</v>
      </c>
      <c r="L776" s="3" t="s">
        <v>1485</v>
      </c>
    </row>
    <row r="777" spans="1:12" x14ac:dyDescent="0.3">
      <c r="A777" s="11">
        <v>11457917</v>
      </c>
      <c r="B777" s="11">
        <v>4077683</v>
      </c>
      <c r="C777" s="22" t="str">
        <f t="shared" si="12"/>
        <v>https://support.microsoft.com/kb/4077683</v>
      </c>
      <c r="D777" s="3" t="s">
        <v>2175</v>
      </c>
      <c r="E777" s="3" t="s">
        <v>100</v>
      </c>
      <c r="F777" s="3" t="s">
        <v>125</v>
      </c>
      <c r="G777" s="3" t="s">
        <v>102</v>
      </c>
      <c r="H777" s="3">
        <v>2017</v>
      </c>
      <c r="I777" s="3" t="s">
        <v>103</v>
      </c>
      <c r="J777" s="3" t="s">
        <v>77</v>
      </c>
      <c r="K777" s="14">
        <v>43151</v>
      </c>
      <c r="L777" s="3" t="s">
        <v>1485</v>
      </c>
    </row>
    <row r="778" spans="1:12" x14ac:dyDescent="0.3">
      <c r="A778" s="11">
        <v>11525703</v>
      </c>
      <c r="B778" s="11">
        <v>4078288</v>
      </c>
      <c r="C778" s="22" t="str">
        <f t="shared" si="12"/>
        <v>https://support.microsoft.com/kb/4078288</v>
      </c>
      <c r="D778" s="3" t="s">
        <v>2176</v>
      </c>
      <c r="E778" s="3" t="s">
        <v>100</v>
      </c>
      <c r="F778" s="3" t="s">
        <v>125</v>
      </c>
      <c r="G778" s="3" t="s">
        <v>102</v>
      </c>
      <c r="H778" s="3">
        <v>2017</v>
      </c>
      <c r="I778" s="3" t="s">
        <v>103</v>
      </c>
      <c r="J778" s="3" t="s">
        <v>77</v>
      </c>
      <c r="K778" s="14">
        <v>43151</v>
      </c>
      <c r="L778" s="3" t="s">
        <v>1485</v>
      </c>
    </row>
    <row r="779" spans="1:12" x14ac:dyDescent="0.3">
      <c r="A779" s="11">
        <v>11455814</v>
      </c>
      <c r="B779" s="11">
        <v>4057280</v>
      </c>
      <c r="C779" s="22" t="str">
        <f t="shared" si="12"/>
        <v>https://support.microsoft.com/kb/4057280</v>
      </c>
      <c r="D779" s="3" t="s">
        <v>2177</v>
      </c>
      <c r="E779" s="3" t="s">
        <v>100</v>
      </c>
      <c r="F779" s="3" t="s">
        <v>233</v>
      </c>
      <c r="G779" s="3" t="s">
        <v>105</v>
      </c>
      <c r="H779" s="3">
        <v>2017</v>
      </c>
      <c r="I779" s="3" t="s">
        <v>103</v>
      </c>
      <c r="J779" s="3" t="s">
        <v>77</v>
      </c>
      <c r="K779" s="14">
        <v>43151</v>
      </c>
      <c r="L779" s="3" t="s">
        <v>1485</v>
      </c>
    </row>
    <row r="780" spans="1:12" x14ac:dyDescent="0.3">
      <c r="A780" s="11">
        <v>11457913</v>
      </c>
      <c r="B780" s="11">
        <v>4077103</v>
      </c>
      <c r="C780" s="22" t="str">
        <f t="shared" si="12"/>
        <v>https://support.microsoft.com/kb/4077103</v>
      </c>
      <c r="D780" s="3" t="s">
        <v>2178</v>
      </c>
      <c r="E780" s="3" t="s">
        <v>100</v>
      </c>
      <c r="F780" s="3" t="s">
        <v>233</v>
      </c>
      <c r="G780" s="3" t="s">
        <v>105</v>
      </c>
      <c r="H780" s="3">
        <v>2017</v>
      </c>
      <c r="I780" s="3" t="s">
        <v>103</v>
      </c>
      <c r="J780" s="3" t="s">
        <v>77</v>
      </c>
      <c r="K780" s="14">
        <v>43151</v>
      </c>
      <c r="L780" s="3" t="s">
        <v>1485</v>
      </c>
    </row>
    <row r="781" spans="1:12" x14ac:dyDescent="0.3">
      <c r="A781" s="11">
        <v>11035710</v>
      </c>
      <c r="B781" s="11">
        <v>4055727</v>
      </c>
      <c r="C781" s="22" t="str">
        <f t="shared" si="12"/>
        <v>https://support.microsoft.com/kb/4055727</v>
      </c>
      <c r="D781" s="3" t="s">
        <v>2179</v>
      </c>
      <c r="E781" s="3" t="s">
        <v>100</v>
      </c>
      <c r="F781" s="3" t="s">
        <v>233</v>
      </c>
      <c r="G781" s="3" t="s">
        <v>105</v>
      </c>
      <c r="H781" s="3">
        <v>2017</v>
      </c>
      <c r="I781" s="3" t="s">
        <v>103</v>
      </c>
      <c r="J781" s="3" t="s">
        <v>77</v>
      </c>
      <c r="K781" s="14">
        <v>43151</v>
      </c>
      <c r="L781" s="3" t="s">
        <v>1485</v>
      </c>
    </row>
    <row r="782" spans="1:12" x14ac:dyDescent="0.3">
      <c r="A782" s="11">
        <v>11305031</v>
      </c>
      <c r="B782" s="11">
        <v>4053439</v>
      </c>
      <c r="C782" s="22" t="str">
        <f t="shared" si="12"/>
        <v>https://support.microsoft.com/kb/4053439</v>
      </c>
      <c r="D782" s="3" t="s">
        <v>2180</v>
      </c>
      <c r="E782" s="3" t="s">
        <v>100</v>
      </c>
      <c r="F782" s="3" t="s">
        <v>116</v>
      </c>
      <c r="G782" s="3" t="s">
        <v>116</v>
      </c>
      <c r="H782" s="3">
        <v>2017</v>
      </c>
      <c r="I782" s="3" t="s">
        <v>103</v>
      </c>
      <c r="J782" s="3" t="s">
        <v>77</v>
      </c>
      <c r="K782" s="14">
        <v>43151</v>
      </c>
      <c r="L782" s="3" t="s">
        <v>1485</v>
      </c>
    </row>
    <row r="783" spans="1:12" x14ac:dyDescent="0.3">
      <c r="A783" s="11">
        <v>11317815</v>
      </c>
      <c r="B783" s="11">
        <v>4078097</v>
      </c>
      <c r="C783" s="22" t="str">
        <f t="shared" si="12"/>
        <v>https://support.microsoft.com/kb/4078097</v>
      </c>
      <c r="D783" s="3" t="s">
        <v>2181</v>
      </c>
      <c r="E783" s="3" t="s">
        <v>100</v>
      </c>
      <c r="F783" s="3" t="s">
        <v>116</v>
      </c>
      <c r="G783" s="3" t="s">
        <v>116</v>
      </c>
      <c r="H783" s="3">
        <v>2017</v>
      </c>
      <c r="I783" s="3" t="s">
        <v>103</v>
      </c>
      <c r="J783" s="3" t="s">
        <v>77</v>
      </c>
      <c r="K783" s="14">
        <v>43151</v>
      </c>
      <c r="L783" s="3" t="s">
        <v>1485</v>
      </c>
    </row>
    <row r="784" spans="1:12" x14ac:dyDescent="0.3">
      <c r="A784" s="11">
        <v>11317816</v>
      </c>
      <c r="B784" s="11">
        <v>4073045</v>
      </c>
      <c r="C784" s="22" t="str">
        <f t="shared" si="12"/>
        <v>https://support.microsoft.com/kb/4073045</v>
      </c>
      <c r="D784" s="3" t="s">
        <v>2182</v>
      </c>
      <c r="E784" s="3" t="s">
        <v>100</v>
      </c>
      <c r="F784" s="3" t="s">
        <v>116</v>
      </c>
      <c r="G784" s="3" t="s">
        <v>116</v>
      </c>
      <c r="H784" s="3">
        <v>2017</v>
      </c>
      <c r="I784" s="3" t="s">
        <v>103</v>
      </c>
      <c r="J784" s="3" t="s">
        <v>77</v>
      </c>
      <c r="K784" s="14">
        <v>43151</v>
      </c>
      <c r="L784" s="3" t="s">
        <v>1485</v>
      </c>
    </row>
    <row r="785" spans="1:12" x14ac:dyDescent="0.3">
      <c r="A785" s="11">
        <v>11448085</v>
      </c>
      <c r="B785" s="11">
        <v>4078098</v>
      </c>
      <c r="C785" s="22" t="str">
        <f t="shared" si="12"/>
        <v>https://support.microsoft.com/kb/4078098</v>
      </c>
      <c r="D785" s="3" t="s">
        <v>2183</v>
      </c>
      <c r="E785" s="3" t="s">
        <v>100</v>
      </c>
      <c r="F785" s="3" t="s">
        <v>116</v>
      </c>
      <c r="G785" s="3" t="s">
        <v>116</v>
      </c>
      <c r="H785" s="3">
        <v>2017</v>
      </c>
      <c r="I785" s="3" t="s">
        <v>103</v>
      </c>
      <c r="J785" s="3" t="s">
        <v>77</v>
      </c>
      <c r="K785" s="14">
        <v>43151</v>
      </c>
      <c r="L785" s="3" t="s">
        <v>1485</v>
      </c>
    </row>
    <row r="786" spans="1:12" x14ac:dyDescent="0.3">
      <c r="A786" s="11">
        <v>11448088</v>
      </c>
      <c r="B786" s="11">
        <v>4078095</v>
      </c>
      <c r="C786" s="22" t="str">
        <f t="shared" si="12"/>
        <v>https://support.microsoft.com/kb/4078095</v>
      </c>
      <c r="D786" s="3" t="s">
        <v>2184</v>
      </c>
      <c r="E786" s="3" t="s">
        <v>100</v>
      </c>
      <c r="F786" s="3" t="s">
        <v>116</v>
      </c>
      <c r="G786" s="3" t="s">
        <v>116</v>
      </c>
      <c r="H786" s="3">
        <v>2017</v>
      </c>
      <c r="I786" s="3" t="s">
        <v>103</v>
      </c>
      <c r="J786" s="3" t="s">
        <v>77</v>
      </c>
      <c r="K786" s="14">
        <v>43151</v>
      </c>
      <c r="L786" s="3" t="s">
        <v>1485</v>
      </c>
    </row>
    <row r="787" spans="1:12" x14ac:dyDescent="0.3">
      <c r="A787" s="11">
        <v>11455797</v>
      </c>
      <c r="B787" s="11">
        <v>4055281</v>
      </c>
      <c r="C787" s="22" t="str">
        <f t="shared" si="12"/>
        <v>https://support.microsoft.com/kb/4055281</v>
      </c>
      <c r="D787" s="3" t="s">
        <v>2185</v>
      </c>
      <c r="E787" s="3" t="s">
        <v>100</v>
      </c>
      <c r="F787" s="3" t="s">
        <v>101</v>
      </c>
      <c r="G787" s="3" t="s">
        <v>102</v>
      </c>
      <c r="H787" s="3">
        <v>2017</v>
      </c>
      <c r="I787" s="3" t="s">
        <v>103</v>
      </c>
      <c r="J787" s="3" t="s">
        <v>77</v>
      </c>
      <c r="K787" s="14">
        <v>43151</v>
      </c>
      <c r="L787" s="3" t="s">
        <v>1485</v>
      </c>
    </row>
    <row r="788" spans="1:12" x14ac:dyDescent="0.3">
      <c r="A788" s="11">
        <v>11441099</v>
      </c>
      <c r="B788" s="11">
        <v>4017445</v>
      </c>
      <c r="C788" s="22" t="str">
        <f t="shared" si="12"/>
        <v>https://support.microsoft.com/kb/4017445</v>
      </c>
      <c r="D788" s="3" t="s">
        <v>2186</v>
      </c>
      <c r="E788" s="3" t="s">
        <v>100</v>
      </c>
      <c r="F788" s="3" t="s">
        <v>101</v>
      </c>
      <c r="G788" s="3" t="s">
        <v>102</v>
      </c>
      <c r="H788" s="3">
        <v>2017</v>
      </c>
      <c r="I788" s="3" t="s">
        <v>103</v>
      </c>
      <c r="J788" s="3" t="s">
        <v>77</v>
      </c>
      <c r="K788" s="14">
        <v>43151</v>
      </c>
      <c r="L788" s="3" t="s">
        <v>1485</v>
      </c>
    </row>
    <row r="789" spans="1:12" x14ac:dyDescent="0.3">
      <c r="A789" s="11">
        <v>11455799</v>
      </c>
      <c r="B789" s="11">
        <v>4056821</v>
      </c>
      <c r="C789" s="22" t="str">
        <f t="shared" si="12"/>
        <v>https://support.microsoft.com/kb/4056821</v>
      </c>
      <c r="D789" s="3" t="s">
        <v>2187</v>
      </c>
      <c r="E789" s="3" t="s">
        <v>100</v>
      </c>
      <c r="F789" s="3" t="s">
        <v>101</v>
      </c>
      <c r="G789" s="3" t="s">
        <v>102</v>
      </c>
      <c r="H789" s="3">
        <v>2017</v>
      </c>
      <c r="I789" s="3" t="s">
        <v>103</v>
      </c>
      <c r="J789" s="3" t="s">
        <v>77</v>
      </c>
      <c r="K789" s="14">
        <v>43151</v>
      </c>
      <c r="L789" s="3" t="s">
        <v>1485</v>
      </c>
    </row>
    <row r="790" spans="1:12" x14ac:dyDescent="0.3">
      <c r="A790" s="11">
        <v>11281548</v>
      </c>
      <c r="B790" s="11">
        <v>4048943</v>
      </c>
      <c r="C790" s="22" t="str">
        <f t="shared" si="12"/>
        <v>https://support.microsoft.com/kb/4048943</v>
      </c>
      <c r="D790" s="3" t="s">
        <v>2188</v>
      </c>
      <c r="E790" s="3" t="s">
        <v>100</v>
      </c>
      <c r="F790" s="3" t="s">
        <v>101</v>
      </c>
      <c r="G790" s="3" t="s">
        <v>102</v>
      </c>
      <c r="H790" s="3">
        <v>2017</v>
      </c>
      <c r="I790" s="3" t="s">
        <v>103</v>
      </c>
      <c r="J790" s="3" t="s">
        <v>77</v>
      </c>
      <c r="K790" s="14">
        <v>43151</v>
      </c>
      <c r="L790" s="3" t="s">
        <v>1485</v>
      </c>
    </row>
    <row r="791" spans="1:12" x14ac:dyDescent="0.3">
      <c r="A791" s="11">
        <v>11281563</v>
      </c>
      <c r="B791" s="11">
        <v>4052121</v>
      </c>
      <c r="C791" s="22" t="str">
        <f t="shared" si="12"/>
        <v>https://support.microsoft.com/kb/4052121</v>
      </c>
      <c r="D791" s="3" t="s">
        <v>2189</v>
      </c>
      <c r="E791" s="3" t="s">
        <v>100</v>
      </c>
      <c r="F791" s="3" t="s">
        <v>101</v>
      </c>
      <c r="G791" s="3" t="s">
        <v>102</v>
      </c>
      <c r="H791" s="3">
        <v>2017</v>
      </c>
      <c r="I791" s="3" t="s">
        <v>103</v>
      </c>
      <c r="J791" s="3" t="s">
        <v>77</v>
      </c>
      <c r="K791" s="14">
        <v>43151</v>
      </c>
      <c r="L791" s="3" t="s">
        <v>1485</v>
      </c>
    </row>
    <row r="792" spans="1:12" x14ac:dyDescent="0.3">
      <c r="A792" s="11">
        <v>11507782</v>
      </c>
      <c r="B792" s="11">
        <v>4076982</v>
      </c>
      <c r="C792" s="22" t="str">
        <f t="shared" si="12"/>
        <v>https://support.microsoft.com/kb/4076982</v>
      </c>
      <c r="D792" s="3" t="s">
        <v>2190</v>
      </c>
      <c r="E792" s="3" t="s">
        <v>100</v>
      </c>
      <c r="F792" s="3" t="s">
        <v>101</v>
      </c>
      <c r="G792" s="3" t="s">
        <v>116</v>
      </c>
      <c r="H792" s="3">
        <v>2017</v>
      </c>
      <c r="I792" s="3" t="s">
        <v>103</v>
      </c>
      <c r="J792" s="3" t="s">
        <v>77</v>
      </c>
      <c r="K792" s="14">
        <v>43151</v>
      </c>
      <c r="L792" s="3" t="s">
        <v>1485</v>
      </c>
    </row>
    <row r="793" spans="1:12" x14ac:dyDescent="0.3">
      <c r="A793" s="11">
        <v>11455813</v>
      </c>
      <c r="B793" s="11">
        <v>4057190</v>
      </c>
      <c r="C793" s="22" t="str">
        <f t="shared" si="12"/>
        <v>https://support.microsoft.com/kb/4057190</v>
      </c>
      <c r="D793" s="3" t="s">
        <v>2191</v>
      </c>
      <c r="E793" s="3" t="s">
        <v>100</v>
      </c>
      <c r="F793" s="3" t="s">
        <v>108</v>
      </c>
      <c r="G793" s="3" t="s">
        <v>102</v>
      </c>
      <c r="H793" s="3">
        <v>2017</v>
      </c>
      <c r="I793" s="3" t="s">
        <v>103</v>
      </c>
      <c r="J793" s="3" t="s">
        <v>77</v>
      </c>
      <c r="K793" s="14">
        <v>43151</v>
      </c>
      <c r="L793" s="3" t="s">
        <v>1485</v>
      </c>
    </row>
    <row r="794" spans="1:12" x14ac:dyDescent="0.3">
      <c r="A794" s="11">
        <v>11454778</v>
      </c>
      <c r="B794" s="11">
        <v>4074661</v>
      </c>
      <c r="C794" s="22" t="str">
        <f t="shared" si="12"/>
        <v>https://support.microsoft.com/kb/4074661</v>
      </c>
      <c r="D794" s="3" t="s">
        <v>2192</v>
      </c>
      <c r="E794" s="3" t="s">
        <v>100</v>
      </c>
      <c r="F794" s="3" t="s">
        <v>108</v>
      </c>
      <c r="G794" s="3" t="s">
        <v>102</v>
      </c>
      <c r="H794" s="3">
        <v>2017</v>
      </c>
      <c r="I794" s="3" t="s">
        <v>103</v>
      </c>
      <c r="J794" s="3" t="s">
        <v>77</v>
      </c>
      <c r="K794" s="14">
        <v>43151</v>
      </c>
      <c r="L794" s="3" t="s">
        <v>1485</v>
      </c>
    </row>
    <row r="795" spans="1:12" x14ac:dyDescent="0.3">
      <c r="A795" s="11">
        <v>11514491</v>
      </c>
      <c r="B795" s="11">
        <v>4077899</v>
      </c>
      <c r="C795" s="22" t="str">
        <f t="shared" si="12"/>
        <v>https://support.microsoft.com/kb/4077899</v>
      </c>
      <c r="D795" s="3" t="s">
        <v>2193</v>
      </c>
      <c r="E795" s="3" t="s">
        <v>100</v>
      </c>
      <c r="F795" s="3" t="s">
        <v>579</v>
      </c>
      <c r="G795" s="3" t="s">
        <v>102</v>
      </c>
      <c r="H795" s="3">
        <v>2017</v>
      </c>
      <c r="I795" s="3" t="s">
        <v>103</v>
      </c>
      <c r="J795" s="3" t="s">
        <v>77</v>
      </c>
      <c r="K795" s="14">
        <v>43151</v>
      </c>
      <c r="L795" s="3" t="s">
        <v>1485</v>
      </c>
    </row>
    <row r="796" spans="1:12" x14ac:dyDescent="0.3">
      <c r="A796" s="11">
        <v>11405622</v>
      </c>
      <c r="B796" s="11">
        <v>4054398</v>
      </c>
      <c r="C796" s="22" t="str">
        <f t="shared" si="12"/>
        <v>https://support.microsoft.com/kb/4054398</v>
      </c>
      <c r="D796" s="3" t="s">
        <v>2194</v>
      </c>
      <c r="E796" s="3" t="s">
        <v>100</v>
      </c>
      <c r="F796" s="3" t="s">
        <v>110</v>
      </c>
      <c r="G796" s="3" t="s">
        <v>102</v>
      </c>
      <c r="H796" s="3">
        <v>2017</v>
      </c>
      <c r="I796" s="3" t="s">
        <v>103</v>
      </c>
      <c r="J796" s="3" t="s">
        <v>77</v>
      </c>
      <c r="K796" s="14">
        <v>43151</v>
      </c>
      <c r="L796" s="3" t="s">
        <v>1485</v>
      </c>
    </row>
    <row r="797" spans="1:12" x14ac:dyDescent="0.3">
      <c r="A797" s="11">
        <v>11455788</v>
      </c>
      <c r="B797" s="11">
        <v>4056117</v>
      </c>
      <c r="C797" s="22" t="str">
        <f t="shared" si="12"/>
        <v>https://support.microsoft.com/kb/4056117</v>
      </c>
      <c r="D797" s="3" t="s">
        <v>2195</v>
      </c>
      <c r="E797" s="3" t="s">
        <v>100</v>
      </c>
      <c r="F797" s="3" t="s">
        <v>110</v>
      </c>
      <c r="G797" s="3" t="s">
        <v>102</v>
      </c>
      <c r="H797" s="3">
        <v>2017</v>
      </c>
      <c r="I797" s="3" t="s">
        <v>103</v>
      </c>
      <c r="J797" s="3" t="s">
        <v>77</v>
      </c>
      <c r="K797" s="14">
        <v>43151</v>
      </c>
      <c r="L797" s="3" t="s">
        <v>1485</v>
      </c>
    </row>
    <row r="798" spans="1:12" x14ac:dyDescent="0.3">
      <c r="A798" s="11">
        <v>11405603</v>
      </c>
      <c r="B798" s="11">
        <v>4046745</v>
      </c>
      <c r="C798" s="22" t="str">
        <f t="shared" si="12"/>
        <v>https://support.microsoft.com/kb/4046745</v>
      </c>
      <c r="D798" s="3" t="s">
        <v>2196</v>
      </c>
      <c r="E798" s="3" t="s">
        <v>100</v>
      </c>
      <c r="F798" s="3" t="s">
        <v>110</v>
      </c>
      <c r="G798" s="3" t="s">
        <v>105</v>
      </c>
      <c r="H798" s="3">
        <v>2017</v>
      </c>
      <c r="I798" s="3" t="s">
        <v>103</v>
      </c>
      <c r="J798" s="3" t="s">
        <v>77</v>
      </c>
      <c r="K798" s="14">
        <v>43151</v>
      </c>
      <c r="L798" s="3" t="s">
        <v>1485</v>
      </c>
    </row>
    <row r="799" spans="1:12" x14ac:dyDescent="0.3">
      <c r="A799" s="11">
        <v>11307676</v>
      </c>
      <c r="B799" s="11">
        <v>4057054</v>
      </c>
      <c r="C799" s="22" t="str">
        <f t="shared" si="12"/>
        <v>https://support.microsoft.com/kb/4057054</v>
      </c>
      <c r="D799" s="3" t="s">
        <v>2197</v>
      </c>
      <c r="E799" s="3" t="s">
        <v>100</v>
      </c>
      <c r="F799" s="3" t="s">
        <v>127</v>
      </c>
      <c r="G799" s="3" t="s">
        <v>105</v>
      </c>
      <c r="H799" s="3">
        <v>2017</v>
      </c>
      <c r="I799" s="3" t="s">
        <v>103</v>
      </c>
      <c r="J799" s="3" t="s">
        <v>77</v>
      </c>
      <c r="K799" s="14">
        <v>43151</v>
      </c>
      <c r="L799" s="3" t="s">
        <v>1485</v>
      </c>
    </row>
    <row r="800" spans="1:12" x14ac:dyDescent="0.3">
      <c r="A800" s="11">
        <v>11511978</v>
      </c>
      <c r="B800" s="11">
        <v>4058565</v>
      </c>
      <c r="C800" s="22" t="str">
        <f t="shared" si="12"/>
        <v>https://support.microsoft.com/kb/4058565</v>
      </c>
      <c r="D800" s="3" t="s">
        <v>2198</v>
      </c>
      <c r="E800" s="3" t="s">
        <v>100</v>
      </c>
      <c r="F800" s="3" t="s">
        <v>127</v>
      </c>
      <c r="G800" s="3" t="s">
        <v>102</v>
      </c>
      <c r="H800" s="3">
        <v>2017</v>
      </c>
      <c r="I800" s="3" t="s">
        <v>103</v>
      </c>
      <c r="J800" s="3" t="s">
        <v>77</v>
      </c>
      <c r="K800" s="14">
        <v>43151</v>
      </c>
      <c r="L800" s="3" t="s">
        <v>1485</v>
      </c>
    </row>
    <row r="801" spans="1:12" x14ac:dyDescent="0.3">
      <c r="A801" s="11">
        <v>11405613</v>
      </c>
      <c r="B801" s="11">
        <v>4055556</v>
      </c>
      <c r="C801" s="22" t="str">
        <f t="shared" si="12"/>
        <v>https://support.microsoft.com/kb/4055556</v>
      </c>
      <c r="D801" s="3" t="s">
        <v>2199</v>
      </c>
      <c r="E801" s="3" t="s">
        <v>100</v>
      </c>
      <c r="F801" s="3" t="s">
        <v>113</v>
      </c>
      <c r="G801" s="3" t="s">
        <v>105</v>
      </c>
      <c r="H801" s="3">
        <v>2017</v>
      </c>
      <c r="I801" s="3" t="s">
        <v>103</v>
      </c>
      <c r="J801" s="3" t="s">
        <v>77</v>
      </c>
      <c r="K801" s="14">
        <v>43151</v>
      </c>
      <c r="L801" s="3" t="s">
        <v>1485</v>
      </c>
    </row>
    <row r="802" spans="1:12" x14ac:dyDescent="0.3">
      <c r="A802" s="11">
        <v>11281552</v>
      </c>
      <c r="B802" s="11">
        <v>4052633</v>
      </c>
      <c r="C802" s="22" t="str">
        <f t="shared" si="12"/>
        <v>https://support.microsoft.com/kb/4052633</v>
      </c>
      <c r="D802" s="3" t="s">
        <v>2200</v>
      </c>
      <c r="E802" s="3" t="s">
        <v>100</v>
      </c>
      <c r="F802" s="3" t="s">
        <v>113</v>
      </c>
      <c r="G802" s="3" t="s">
        <v>105</v>
      </c>
      <c r="H802" s="3">
        <v>2017</v>
      </c>
      <c r="I802" s="3" t="s">
        <v>103</v>
      </c>
      <c r="J802" s="3" t="s">
        <v>77</v>
      </c>
      <c r="K802" s="14">
        <v>43151</v>
      </c>
      <c r="L802" s="3" t="s">
        <v>1485</v>
      </c>
    </row>
    <row r="803" spans="1:12" x14ac:dyDescent="0.3">
      <c r="A803" s="11">
        <v>8898811</v>
      </c>
      <c r="B803" s="11">
        <v>3192154</v>
      </c>
      <c r="C803" s="22" t="str">
        <f t="shared" si="12"/>
        <v>https://support.microsoft.com/kb/3192154</v>
      </c>
      <c r="D803" s="3" t="s">
        <v>2141</v>
      </c>
      <c r="E803" s="3" t="s">
        <v>100</v>
      </c>
      <c r="F803" s="3" t="s">
        <v>113</v>
      </c>
      <c r="G803" s="3" t="s">
        <v>102</v>
      </c>
      <c r="H803" s="3">
        <v>2017</v>
      </c>
      <c r="I803" s="3" t="s">
        <v>103</v>
      </c>
      <c r="J803" s="3" t="s">
        <v>77</v>
      </c>
      <c r="K803" s="14">
        <v>43151</v>
      </c>
      <c r="L803" s="3" t="s">
        <v>1485</v>
      </c>
    </row>
    <row r="804" spans="1:12" x14ac:dyDescent="0.3">
      <c r="A804" s="11">
        <v>11455793</v>
      </c>
      <c r="B804" s="11">
        <v>4037412</v>
      </c>
      <c r="C804" s="22" t="str">
        <f t="shared" si="12"/>
        <v>https://support.microsoft.com/kb/4037412</v>
      </c>
      <c r="D804" s="3" t="s">
        <v>2201</v>
      </c>
      <c r="E804" s="3" t="s">
        <v>100</v>
      </c>
      <c r="F804" s="3" t="s">
        <v>120</v>
      </c>
      <c r="G804" s="3" t="s">
        <v>102</v>
      </c>
      <c r="H804" s="3">
        <v>2017</v>
      </c>
      <c r="I804" s="3" t="s">
        <v>103</v>
      </c>
      <c r="J804" s="3" t="s">
        <v>77</v>
      </c>
      <c r="K804" s="14">
        <v>43151</v>
      </c>
      <c r="L804" s="3" t="s">
        <v>1485</v>
      </c>
    </row>
    <row r="805" spans="1:12" x14ac:dyDescent="0.3">
      <c r="A805" s="11">
        <v>11405608</v>
      </c>
      <c r="B805" s="11">
        <v>4048967</v>
      </c>
      <c r="C805" s="22" t="str">
        <f t="shared" si="12"/>
        <v>https://support.microsoft.com/kb/4048967</v>
      </c>
      <c r="D805" s="3" t="s">
        <v>2202</v>
      </c>
      <c r="E805" s="3" t="s">
        <v>100</v>
      </c>
      <c r="F805" s="3" t="s">
        <v>120</v>
      </c>
      <c r="G805" s="3" t="s">
        <v>102</v>
      </c>
      <c r="H805" s="3">
        <v>2017</v>
      </c>
      <c r="I805" s="3" t="s">
        <v>103</v>
      </c>
      <c r="J805" s="3" t="s">
        <v>77</v>
      </c>
      <c r="K805" s="14">
        <v>43151</v>
      </c>
      <c r="L805" s="3" t="s">
        <v>1485</v>
      </c>
    </row>
    <row r="806" spans="1:12" x14ac:dyDescent="0.3">
      <c r="A806" s="11">
        <v>11415502</v>
      </c>
      <c r="B806" s="11">
        <v>4073684</v>
      </c>
      <c r="C806" s="22" t="str">
        <f t="shared" si="12"/>
        <v>https://support.microsoft.com/kb/4073684</v>
      </c>
      <c r="D806" s="3" t="s">
        <v>2203</v>
      </c>
      <c r="E806" s="3" t="s">
        <v>100</v>
      </c>
      <c r="F806" s="3" t="s">
        <v>120</v>
      </c>
      <c r="G806" s="3" t="s">
        <v>102</v>
      </c>
      <c r="H806" s="3">
        <v>2017</v>
      </c>
      <c r="I806" s="3" t="s">
        <v>103</v>
      </c>
      <c r="J806" s="3" t="s">
        <v>77</v>
      </c>
      <c r="K806" s="14">
        <v>43151</v>
      </c>
      <c r="L806" s="3" t="s">
        <v>1485</v>
      </c>
    </row>
    <row r="807" spans="1:12" x14ac:dyDescent="0.3">
      <c r="A807" s="11">
        <v>11281532</v>
      </c>
      <c r="B807" s="11">
        <v>4053550</v>
      </c>
      <c r="C807" s="22" t="str">
        <f t="shared" si="12"/>
        <v>https://support.microsoft.com/kb/4053550</v>
      </c>
      <c r="D807" s="3" t="s">
        <v>2204</v>
      </c>
      <c r="E807" s="3" t="s">
        <v>100</v>
      </c>
      <c r="F807" s="3" t="s">
        <v>794</v>
      </c>
      <c r="G807" s="3" t="s">
        <v>105</v>
      </c>
      <c r="H807" s="3">
        <v>2017</v>
      </c>
      <c r="I807" s="3" t="s">
        <v>103</v>
      </c>
      <c r="J807" s="3" t="s">
        <v>77</v>
      </c>
      <c r="K807" s="14">
        <v>43151</v>
      </c>
      <c r="L807" s="3" t="s">
        <v>1485</v>
      </c>
    </row>
    <row r="808" spans="1:12" x14ac:dyDescent="0.3">
      <c r="A808" s="11">
        <v>11281551</v>
      </c>
      <c r="B808" s="11">
        <v>4045795</v>
      </c>
      <c r="C808" s="22" t="str">
        <f t="shared" si="12"/>
        <v>https://support.microsoft.com/kb/4045795</v>
      </c>
      <c r="D808" s="3" t="s">
        <v>2205</v>
      </c>
      <c r="E808" s="3" t="s">
        <v>100</v>
      </c>
      <c r="F808" s="3" t="s">
        <v>145</v>
      </c>
      <c r="G808" s="3" t="s">
        <v>105</v>
      </c>
      <c r="H808" s="3">
        <v>2017</v>
      </c>
      <c r="I808" s="3" t="s">
        <v>103</v>
      </c>
      <c r="J808" s="3" t="s">
        <v>77</v>
      </c>
      <c r="K808" s="14">
        <v>43151</v>
      </c>
      <c r="L808" s="3" t="s">
        <v>1485</v>
      </c>
    </row>
    <row r="809" spans="1:12" x14ac:dyDescent="0.3">
      <c r="A809" s="11">
        <v>11281538</v>
      </c>
      <c r="B809" s="11">
        <v>4048942</v>
      </c>
      <c r="C809" s="22" t="str">
        <f t="shared" si="12"/>
        <v>https://support.microsoft.com/kb/4048942</v>
      </c>
      <c r="D809" s="3" t="s">
        <v>2206</v>
      </c>
      <c r="E809" s="3" t="s">
        <v>100</v>
      </c>
      <c r="F809" s="3" t="s">
        <v>145</v>
      </c>
      <c r="G809" s="3" t="s">
        <v>105</v>
      </c>
      <c r="H809" s="3">
        <v>2017</v>
      </c>
      <c r="I809" s="3" t="s">
        <v>103</v>
      </c>
      <c r="J809" s="3" t="s">
        <v>77</v>
      </c>
      <c r="K809" s="14">
        <v>43151</v>
      </c>
      <c r="L809" s="3" t="s">
        <v>1485</v>
      </c>
    </row>
    <row r="810" spans="1:12" x14ac:dyDescent="0.3">
      <c r="A810" s="11">
        <v>11457912</v>
      </c>
      <c r="B810" s="11">
        <v>4078096</v>
      </c>
      <c r="C810" s="22" t="str">
        <f t="shared" si="12"/>
        <v>https://support.microsoft.com/kb/4078096</v>
      </c>
      <c r="D810" s="3" t="s">
        <v>2207</v>
      </c>
      <c r="E810" s="3" t="s">
        <v>100</v>
      </c>
      <c r="F810" s="3" t="s">
        <v>145</v>
      </c>
      <c r="G810" s="3" t="s">
        <v>105</v>
      </c>
      <c r="H810" s="3">
        <v>2017</v>
      </c>
      <c r="I810" s="3" t="s">
        <v>103</v>
      </c>
      <c r="J810" s="3" t="s">
        <v>77</v>
      </c>
      <c r="K810" s="14">
        <v>43151</v>
      </c>
      <c r="L810" s="3" t="s">
        <v>1485</v>
      </c>
    </row>
    <row r="811" spans="1:12" x14ac:dyDescent="0.3">
      <c r="A811" s="11">
        <v>11467181</v>
      </c>
      <c r="B811" s="11">
        <v>4075203</v>
      </c>
      <c r="C811" s="22" t="str">
        <f t="shared" si="12"/>
        <v>https://support.microsoft.com/kb/4075203</v>
      </c>
      <c r="D811" s="3" t="s">
        <v>2208</v>
      </c>
      <c r="E811" s="3" t="s">
        <v>100</v>
      </c>
      <c r="F811" s="3" t="s">
        <v>145</v>
      </c>
      <c r="G811" s="3" t="s">
        <v>116</v>
      </c>
      <c r="H811" s="3">
        <v>2017</v>
      </c>
      <c r="I811" s="3" t="s">
        <v>103</v>
      </c>
      <c r="J811" s="3" t="s">
        <v>77</v>
      </c>
      <c r="K811" s="14">
        <v>43151</v>
      </c>
      <c r="L811" s="3" t="s">
        <v>1485</v>
      </c>
    </row>
    <row r="812" spans="1:12" x14ac:dyDescent="0.3">
      <c r="A812" s="11">
        <v>11511976</v>
      </c>
      <c r="B812" s="11">
        <v>4077105</v>
      </c>
      <c r="C812" s="22" t="str">
        <f t="shared" si="12"/>
        <v>https://support.microsoft.com/kb/4077105</v>
      </c>
      <c r="D812" s="3" t="s">
        <v>2209</v>
      </c>
      <c r="E812" s="3" t="s">
        <v>100</v>
      </c>
      <c r="F812" s="3" t="s">
        <v>145</v>
      </c>
      <c r="G812" s="3" t="s">
        <v>102</v>
      </c>
      <c r="H812" s="3">
        <v>2017</v>
      </c>
      <c r="I812" s="3" t="s">
        <v>103</v>
      </c>
      <c r="J812" s="3" t="s">
        <v>77</v>
      </c>
      <c r="K812" s="14">
        <v>43151</v>
      </c>
      <c r="L812" s="3" t="s">
        <v>1485</v>
      </c>
    </row>
    <row r="813" spans="1:12" x14ac:dyDescent="0.3">
      <c r="A813" s="11">
        <v>11281515</v>
      </c>
      <c r="B813" s="11">
        <v>4052131</v>
      </c>
      <c r="C813" s="22" t="str">
        <f t="shared" si="12"/>
        <v>https://support.microsoft.com/kb/4052131</v>
      </c>
      <c r="D813" s="3" t="s">
        <v>2210</v>
      </c>
      <c r="E813" s="3" t="s">
        <v>100</v>
      </c>
      <c r="F813" s="3" t="s">
        <v>145</v>
      </c>
      <c r="G813" s="3" t="s">
        <v>1919</v>
      </c>
      <c r="H813" s="3">
        <v>2017</v>
      </c>
      <c r="I813" s="3" t="s">
        <v>103</v>
      </c>
      <c r="J813" s="3" t="s">
        <v>77</v>
      </c>
      <c r="K813" s="14">
        <v>43151</v>
      </c>
      <c r="L813" s="3" t="s">
        <v>1485</v>
      </c>
    </row>
    <row r="814" spans="1:12" x14ac:dyDescent="0.3">
      <c r="A814" s="11">
        <v>11272738</v>
      </c>
      <c r="B814" s="11">
        <v>4056328</v>
      </c>
      <c r="C814" s="22" t="str">
        <f t="shared" si="12"/>
        <v>https://support.microsoft.com/kb/4056328</v>
      </c>
      <c r="D814" s="3" t="s">
        <v>2211</v>
      </c>
      <c r="E814" s="3" t="s">
        <v>180</v>
      </c>
      <c r="F814" s="3" t="s">
        <v>180</v>
      </c>
      <c r="G814" s="3" t="s">
        <v>102</v>
      </c>
      <c r="H814" s="3">
        <v>2017</v>
      </c>
      <c r="I814" s="3" t="s">
        <v>103</v>
      </c>
      <c r="J814" s="3" t="s">
        <v>80</v>
      </c>
      <c r="K814" s="14">
        <v>43104</v>
      </c>
      <c r="L814" s="3" t="s">
        <v>1487</v>
      </c>
    </row>
    <row r="815" spans="1:12" x14ac:dyDescent="0.3">
      <c r="A815" s="11">
        <v>11281561</v>
      </c>
      <c r="B815" s="11">
        <v>4051356</v>
      </c>
      <c r="C815" s="22" t="str">
        <f t="shared" si="12"/>
        <v>https://support.microsoft.com/kb/4051356</v>
      </c>
      <c r="D815" s="3" t="s">
        <v>2212</v>
      </c>
      <c r="E815" s="3" t="s">
        <v>100</v>
      </c>
      <c r="F815" s="3" t="s">
        <v>233</v>
      </c>
      <c r="G815" s="3" t="s">
        <v>105</v>
      </c>
      <c r="H815" s="3">
        <v>2017</v>
      </c>
      <c r="I815" s="3" t="s">
        <v>103</v>
      </c>
      <c r="J815" s="3" t="s">
        <v>80</v>
      </c>
      <c r="K815" s="14">
        <v>43104</v>
      </c>
      <c r="L815" s="3" t="s">
        <v>1487</v>
      </c>
    </row>
    <row r="816" spans="1:12" x14ac:dyDescent="0.3">
      <c r="A816" s="11">
        <v>11300802</v>
      </c>
      <c r="B816" s="11">
        <v>4056922</v>
      </c>
      <c r="C816" s="22" t="str">
        <f t="shared" si="12"/>
        <v>https://support.microsoft.com/kb/4056922</v>
      </c>
      <c r="D816" s="3" t="s">
        <v>2213</v>
      </c>
      <c r="E816" s="3" t="s">
        <v>100</v>
      </c>
      <c r="F816" s="3" t="s">
        <v>101</v>
      </c>
      <c r="G816" s="3" t="s">
        <v>116</v>
      </c>
      <c r="H816" s="3">
        <v>2017</v>
      </c>
      <c r="I816" s="3" t="s">
        <v>103</v>
      </c>
      <c r="J816" s="3" t="s">
        <v>80</v>
      </c>
      <c r="K816" s="14">
        <v>43104</v>
      </c>
      <c r="L816" s="3" t="s">
        <v>1487</v>
      </c>
    </row>
    <row r="817" spans="1:12" x14ac:dyDescent="0.3">
      <c r="A817" s="11">
        <v>11230379</v>
      </c>
      <c r="B817" s="11">
        <v>4056354</v>
      </c>
      <c r="C817" s="22" t="str">
        <f t="shared" si="12"/>
        <v>https://support.microsoft.com/kb/4056354</v>
      </c>
      <c r="D817" s="3" t="s">
        <v>2214</v>
      </c>
      <c r="E817" s="3" t="s">
        <v>100</v>
      </c>
      <c r="F817" s="3" t="s">
        <v>101</v>
      </c>
      <c r="G817" s="3" t="s">
        <v>102</v>
      </c>
      <c r="H817" s="3">
        <v>2017</v>
      </c>
      <c r="I817" s="3" t="s">
        <v>103</v>
      </c>
      <c r="J817" s="3" t="s">
        <v>80</v>
      </c>
      <c r="K817" s="14">
        <v>43104</v>
      </c>
      <c r="L817" s="3" t="s">
        <v>1487</v>
      </c>
    </row>
    <row r="818" spans="1:12" x14ac:dyDescent="0.3">
      <c r="A818" s="11">
        <v>11124264</v>
      </c>
      <c r="B818" s="11">
        <v>4052127</v>
      </c>
      <c r="C818" s="22" t="str">
        <f t="shared" si="12"/>
        <v>https://support.microsoft.com/kb/4052127</v>
      </c>
      <c r="D818" s="3" t="s">
        <v>2215</v>
      </c>
      <c r="E818" s="3" t="s">
        <v>100</v>
      </c>
      <c r="F818" s="3" t="s">
        <v>108</v>
      </c>
      <c r="G818" s="3" t="s">
        <v>102</v>
      </c>
      <c r="H818" s="3">
        <v>2017</v>
      </c>
      <c r="I818" s="3" t="s">
        <v>103</v>
      </c>
      <c r="J818" s="3" t="s">
        <v>80</v>
      </c>
      <c r="K818" s="14">
        <v>43104</v>
      </c>
      <c r="L818" s="3" t="s">
        <v>1487</v>
      </c>
    </row>
    <row r="819" spans="1:12" x14ac:dyDescent="0.3">
      <c r="A819" s="11">
        <v>11176915</v>
      </c>
      <c r="B819" s="11">
        <v>4053293</v>
      </c>
      <c r="C819" s="22" t="str">
        <f t="shared" si="12"/>
        <v>https://support.microsoft.com/kb/4053293</v>
      </c>
      <c r="D819" s="3" t="s">
        <v>2216</v>
      </c>
      <c r="E819" s="3" t="s">
        <v>100</v>
      </c>
      <c r="F819" s="3" t="s">
        <v>579</v>
      </c>
      <c r="G819" s="3" t="s">
        <v>102</v>
      </c>
      <c r="H819" s="3">
        <v>2017</v>
      </c>
      <c r="I819" s="3" t="s">
        <v>103</v>
      </c>
      <c r="J819" s="3" t="s">
        <v>80</v>
      </c>
      <c r="K819" s="14">
        <v>43104</v>
      </c>
      <c r="L819" s="3" t="s">
        <v>1487</v>
      </c>
    </row>
    <row r="820" spans="1:12" x14ac:dyDescent="0.3">
      <c r="A820" s="11">
        <v>11061767</v>
      </c>
      <c r="B820" s="11">
        <v>4038419</v>
      </c>
      <c r="C820" s="22" t="str">
        <f t="shared" si="12"/>
        <v>https://support.microsoft.com/kb/4038419</v>
      </c>
      <c r="D820" s="3" t="s">
        <v>2217</v>
      </c>
      <c r="E820" s="3" t="s">
        <v>100</v>
      </c>
      <c r="F820" s="3" t="s">
        <v>127</v>
      </c>
      <c r="G820" s="3" t="s">
        <v>105</v>
      </c>
      <c r="H820" s="3">
        <v>2017</v>
      </c>
      <c r="I820" s="3" t="s">
        <v>103</v>
      </c>
      <c r="J820" s="3" t="s">
        <v>80</v>
      </c>
      <c r="K820" s="14">
        <v>43104</v>
      </c>
      <c r="L820" s="3" t="s">
        <v>1487</v>
      </c>
    </row>
    <row r="821" spans="1:12" x14ac:dyDescent="0.3">
      <c r="A821" s="11">
        <v>11061779</v>
      </c>
      <c r="B821" s="11">
        <v>4041814</v>
      </c>
      <c r="C821" s="22" t="str">
        <f t="shared" si="12"/>
        <v>https://support.microsoft.com/kb/4041814</v>
      </c>
      <c r="D821" s="3" t="s">
        <v>2218</v>
      </c>
      <c r="E821" s="3" t="s">
        <v>100</v>
      </c>
      <c r="F821" s="3" t="s">
        <v>127</v>
      </c>
      <c r="G821" s="3" t="s">
        <v>105</v>
      </c>
      <c r="H821" s="3">
        <v>2017</v>
      </c>
      <c r="I821" s="3" t="s">
        <v>103</v>
      </c>
      <c r="J821" s="3" t="s">
        <v>80</v>
      </c>
      <c r="K821" s="14">
        <v>43104</v>
      </c>
      <c r="L821" s="3" t="s">
        <v>1487</v>
      </c>
    </row>
    <row r="822" spans="1:12" x14ac:dyDescent="0.3">
      <c r="A822" s="11">
        <v>11061723</v>
      </c>
      <c r="B822" s="11">
        <v>4041817</v>
      </c>
      <c r="C822" s="22" t="str">
        <f t="shared" si="12"/>
        <v>https://support.microsoft.com/kb/4041817</v>
      </c>
      <c r="D822" s="3" t="s">
        <v>2219</v>
      </c>
      <c r="E822" s="3" t="s">
        <v>100</v>
      </c>
      <c r="F822" s="3" t="s">
        <v>127</v>
      </c>
      <c r="G822" s="3" t="s">
        <v>105</v>
      </c>
      <c r="H822" s="3">
        <v>2017</v>
      </c>
      <c r="I822" s="3" t="s">
        <v>103</v>
      </c>
      <c r="J822" s="3" t="s">
        <v>80</v>
      </c>
      <c r="K822" s="14">
        <v>43104</v>
      </c>
      <c r="L822" s="3" t="s">
        <v>1487</v>
      </c>
    </row>
    <row r="823" spans="1:12" x14ac:dyDescent="0.3">
      <c r="A823" s="11">
        <v>11061737</v>
      </c>
      <c r="B823" s="11">
        <v>4056154</v>
      </c>
      <c r="C823" s="22" t="str">
        <f t="shared" si="12"/>
        <v>https://support.microsoft.com/kb/4056154</v>
      </c>
      <c r="D823" s="3" t="s">
        <v>2220</v>
      </c>
      <c r="E823" s="3" t="s">
        <v>100</v>
      </c>
      <c r="F823" s="3" t="s">
        <v>127</v>
      </c>
      <c r="G823" s="3" t="s">
        <v>105</v>
      </c>
      <c r="H823" s="3">
        <v>2017</v>
      </c>
      <c r="I823" s="3" t="s">
        <v>103</v>
      </c>
      <c r="J823" s="3" t="s">
        <v>80</v>
      </c>
      <c r="K823" s="14">
        <v>43104</v>
      </c>
      <c r="L823" s="3" t="s">
        <v>1487</v>
      </c>
    </row>
    <row r="824" spans="1:12" x14ac:dyDescent="0.3">
      <c r="A824" s="11">
        <v>11061781</v>
      </c>
      <c r="B824" s="11">
        <v>4046914</v>
      </c>
      <c r="C824" s="22" t="str">
        <f t="shared" si="12"/>
        <v>https://support.microsoft.com/kb/4046914</v>
      </c>
      <c r="D824" s="3" t="s">
        <v>2221</v>
      </c>
      <c r="E824" s="3" t="s">
        <v>100</v>
      </c>
      <c r="F824" s="3" t="s">
        <v>127</v>
      </c>
      <c r="G824" s="3" t="s">
        <v>105</v>
      </c>
      <c r="H824" s="3">
        <v>2017</v>
      </c>
      <c r="I824" s="3" t="s">
        <v>103</v>
      </c>
      <c r="J824" s="3" t="s">
        <v>80</v>
      </c>
      <c r="K824" s="14">
        <v>43104</v>
      </c>
      <c r="L824" s="3" t="s">
        <v>1487</v>
      </c>
    </row>
    <row r="825" spans="1:12" x14ac:dyDescent="0.3">
      <c r="A825" s="11">
        <v>11061785</v>
      </c>
      <c r="B825" s="11">
        <v>4051361</v>
      </c>
      <c r="C825" s="22" t="str">
        <f t="shared" si="12"/>
        <v>https://support.microsoft.com/kb/4051361</v>
      </c>
      <c r="D825" s="3" t="s">
        <v>2222</v>
      </c>
      <c r="E825" s="3" t="s">
        <v>100</v>
      </c>
      <c r="F825" s="3" t="s">
        <v>127</v>
      </c>
      <c r="G825" s="3" t="s">
        <v>105</v>
      </c>
      <c r="H825" s="3">
        <v>2017</v>
      </c>
      <c r="I825" s="3" t="s">
        <v>103</v>
      </c>
      <c r="J825" s="3" t="s">
        <v>80</v>
      </c>
      <c r="K825" s="14">
        <v>43104</v>
      </c>
      <c r="L825" s="3" t="s">
        <v>1487</v>
      </c>
    </row>
    <row r="826" spans="1:12" x14ac:dyDescent="0.3">
      <c r="A826" s="11">
        <v>11061704</v>
      </c>
      <c r="B826" s="11">
        <v>4041809</v>
      </c>
      <c r="C826" s="22" t="str">
        <f t="shared" si="12"/>
        <v>https://support.microsoft.com/kb/4041809</v>
      </c>
      <c r="D826" s="3" t="s">
        <v>2223</v>
      </c>
      <c r="E826" s="3" t="s">
        <v>100</v>
      </c>
      <c r="F826" s="3" t="s">
        <v>113</v>
      </c>
      <c r="G826" s="3" t="s">
        <v>105</v>
      </c>
      <c r="H826" s="3">
        <v>2017</v>
      </c>
      <c r="I826" s="3" t="s">
        <v>103</v>
      </c>
      <c r="J826" s="3" t="s">
        <v>80</v>
      </c>
      <c r="K826" s="14">
        <v>43104</v>
      </c>
      <c r="L826" s="3" t="s">
        <v>1487</v>
      </c>
    </row>
    <row r="827" spans="1:12" x14ac:dyDescent="0.3">
      <c r="A827" s="11">
        <v>11061716</v>
      </c>
      <c r="B827" s="11">
        <v>4041811</v>
      </c>
      <c r="C827" s="22" t="str">
        <f t="shared" si="12"/>
        <v>https://support.microsoft.com/kb/4041811</v>
      </c>
      <c r="D827" s="3" t="s">
        <v>2224</v>
      </c>
      <c r="E827" s="3" t="s">
        <v>100</v>
      </c>
      <c r="F827" s="3" t="s">
        <v>113</v>
      </c>
      <c r="G827" s="3" t="s">
        <v>105</v>
      </c>
      <c r="H827" s="3">
        <v>2017</v>
      </c>
      <c r="I827" s="3" t="s">
        <v>103</v>
      </c>
      <c r="J827" s="3" t="s">
        <v>80</v>
      </c>
      <c r="K827" s="14">
        <v>43104</v>
      </c>
      <c r="L827" s="3" t="s">
        <v>1487</v>
      </c>
    </row>
    <row r="828" spans="1:12" x14ac:dyDescent="0.3">
      <c r="A828" s="11">
        <v>11280500</v>
      </c>
      <c r="B828" s="11">
        <v>4055735</v>
      </c>
      <c r="C828" s="22" t="str">
        <f t="shared" si="12"/>
        <v>https://support.microsoft.com/kb/4055735</v>
      </c>
      <c r="D828" s="3" t="s">
        <v>2225</v>
      </c>
      <c r="E828" s="3" t="s">
        <v>100</v>
      </c>
      <c r="F828" s="3" t="s">
        <v>153</v>
      </c>
      <c r="G828" s="3" t="s">
        <v>105</v>
      </c>
      <c r="H828" s="3">
        <v>2017</v>
      </c>
      <c r="I828" s="3" t="s">
        <v>103</v>
      </c>
      <c r="J828" s="3" t="s">
        <v>80</v>
      </c>
      <c r="K828" s="14">
        <v>43104</v>
      </c>
      <c r="L828" s="3" t="s">
        <v>1487</v>
      </c>
    </row>
    <row r="829" spans="1:12" x14ac:dyDescent="0.3">
      <c r="A829" s="11">
        <v>11309598</v>
      </c>
      <c r="B829" s="11">
        <v>4073393</v>
      </c>
      <c r="C829" s="22" t="str">
        <f t="shared" si="12"/>
        <v>https://support.microsoft.com/kb/4073393</v>
      </c>
      <c r="D829" s="3" t="s">
        <v>2226</v>
      </c>
      <c r="E829" s="3" t="s">
        <v>100</v>
      </c>
      <c r="F829" s="3" t="s">
        <v>332</v>
      </c>
      <c r="G829" s="3" t="s">
        <v>102</v>
      </c>
      <c r="H829" s="3">
        <v>2017</v>
      </c>
      <c r="I829" s="3" t="s">
        <v>103</v>
      </c>
      <c r="J829" s="3" t="s">
        <v>80</v>
      </c>
      <c r="K829" s="14">
        <v>43104</v>
      </c>
      <c r="L829" s="3" t="s">
        <v>1487</v>
      </c>
    </row>
    <row r="830" spans="1:12" x14ac:dyDescent="0.3">
      <c r="A830" s="11">
        <v>11078719</v>
      </c>
      <c r="B830" s="11">
        <v>4043947</v>
      </c>
      <c r="C830" s="22" t="str">
        <f t="shared" si="12"/>
        <v>https://support.microsoft.com/kb/4043947</v>
      </c>
      <c r="D830" s="3" t="s">
        <v>2227</v>
      </c>
      <c r="E830" s="3" t="s">
        <v>180</v>
      </c>
      <c r="F830" s="3" t="s">
        <v>2164</v>
      </c>
      <c r="G830" s="3" t="s">
        <v>102</v>
      </c>
      <c r="H830" s="3">
        <v>2017</v>
      </c>
      <c r="I830" s="3" t="s">
        <v>103</v>
      </c>
      <c r="J830" s="3" t="s">
        <v>83</v>
      </c>
      <c r="K830" s="14">
        <v>43067</v>
      </c>
      <c r="L830" s="3" t="s">
        <v>1495</v>
      </c>
    </row>
    <row r="831" spans="1:12" x14ac:dyDescent="0.3">
      <c r="A831" s="11">
        <v>10970440</v>
      </c>
      <c r="B831" s="11">
        <v>4042962</v>
      </c>
      <c r="C831" s="22" t="str">
        <f t="shared" si="12"/>
        <v>https://support.microsoft.com/kb/4042962</v>
      </c>
      <c r="D831" s="3" t="s">
        <v>2228</v>
      </c>
      <c r="E831" s="3" t="s">
        <v>178</v>
      </c>
      <c r="F831" s="3" t="s">
        <v>775</v>
      </c>
      <c r="G831" s="3" t="s">
        <v>102</v>
      </c>
      <c r="H831" s="3">
        <v>2017</v>
      </c>
      <c r="I831" s="3" t="s">
        <v>103</v>
      </c>
      <c r="J831" s="3" t="s">
        <v>83</v>
      </c>
      <c r="K831" s="14">
        <v>43067</v>
      </c>
      <c r="L831" s="3" t="s">
        <v>1495</v>
      </c>
    </row>
    <row r="832" spans="1:12" x14ac:dyDescent="0.3">
      <c r="A832" s="11">
        <v>11057322</v>
      </c>
      <c r="B832" s="11">
        <v>4052134</v>
      </c>
      <c r="C832" s="22" t="str">
        <f t="shared" si="12"/>
        <v>https://support.microsoft.com/kb/4052134</v>
      </c>
      <c r="D832" s="3" t="s">
        <v>2229</v>
      </c>
      <c r="E832" s="3" t="s">
        <v>100</v>
      </c>
      <c r="F832" s="3" t="s">
        <v>123</v>
      </c>
      <c r="G832" s="3" t="s">
        <v>105</v>
      </c>
      <c r="H832" s="3">
        <v>2017</v>
      </c>
      <c r="I832" s="3" t="s">
        <v>103</v>
      </c>
      <c r="J832" s="3" t="s">
        <v>83</v>
      </c>
      <c r="K832" s="14">
        <v>43067</v>
      </c>
      <c r="L832" s="3" t="s">
        <v>1495</v>
      </c>
    </row>
    <row r="833" spans="1:12" x14ac:dyDescent="0.3">
      <c r="A833" s="11">
        <v>11195379</v>
      </c>
      <c r="B833" s="11">
        <v>4046056</v>
      </c>
      <c r="C833" s="22" t="str">
        <f t="shared" si="12"/>
        <v>https://support.microsoft.com/kb/4046056</v>
      </c>
      <c r="D833" s="3" t="s">
        <v>2230</v>
      </c>
      <c r="E833" s="3" t="s">
        <v>100</v>
      </c>
      <c r="F833" s="3" t="s">
        <v>214</v>
      </c>
      <c r="G833" s="3" t="s">
        <v>102</v>
      </c>
      <c r="H833" s="3">
        <v>2017</v>
      </c>
      <c r="I833" s="3" t="s">
        <v>103</v>
      </c>
      <c r="J833" s="3" t="s">
        <v>83</v>
      </c>
      <c r="K833" s="14">
        <v>43067</v>
      </c>
      <c r="L833" s="3" t="s">
        <v>1495</v>
      </c>
    </row>
    <row r="834" spans="1:12" x14ac:dyDescent="0.3">
      <c r="A834" s="11">
        <v>11187256</v>
      </c>
      <c r="B834" s="11">
        <v>4052625</v>
      </c>
      <c r="C834" s="22" t="str">
        <f t="shared" si="12"/>
        <v>https://support.microsoft.com/kb/4052625</v>
      </c>
      <c r="D834" s="3" t="s">
        <v>2231</v>
      </c>
      <c r="E834" s="3" t="s">
        <v>100</v>
      </c>
      <c r="F834" s="3" t="s">
        <v>214</v>
      </c>
      <c r="G834" s="3" t="s">
        <v>102</v>
      </c>
      <c r="H834" s="3">
        <v>2017</v>
      </c>
      <c r="I834" s="3" t="s">
        <v>103</v>
      </c>
      <c r="J834" s="3" t="s">
        <v>83</v>
      </c>
      <c r="K834" s="14">
        <v>43067</v>
      </c>
      <c r="L834" s="3" t="s">
        <v>1495</v>
      </c>
    </row>
    <row r="835" spans="1:12" x14ac:dyDescent="0.3">
      <c r="A835" s="11">
        <v>11008401</v>
      </c>
      <c r="B835" s="11">
        <v>4035062</v>
      </c>
      <c r="C835" s="22" t="str">
        <f t="shared" si="12"/>
        <v>https://support.microsoft.com/kb/4035062</v>
      </c>
      <c r="D835" s="3" t="s">
        <v>2232</v>
      </c>
      <c r="E835" s="3" t="s">
        <v>100</v>
      </c>
      <c r="F835" s="3" t="s">
        <v>163</v>
      </c>
      <c r="G835" s="3" t="s">
        <v>105</v>
      </c>
      <c r="H835" s="3">
        <v>2017</v>
      </c>
      <c r="I835" s="3" t="s">
        <v>103</v>
      </c>
      <c r="J835" s="3" t="s">
        <v>83</v>
      </c>
      <c r="K835" s="14">
        <v>43067</v>
      </c>
      <c r="L835" s="3" t="s">
        <v>1495</v>
      </c>
    </row>
    <row r="836" spans="1:12" x14ac:dyDescent="0.3">
      <c r="A836" s="11">
        <v>11179674</v>
      </c>
      <c r="B836" s="11">
        <v>4053348</v>
      </c>
      <c r="C836" s="22" t="str">
        <f t="shared" si="12"/>
        <v>https://support.microsoft.com/kb/4053348</v>
      </c>
      <c r="D836" s="3" t="s">
        <v>2233</v>
      </c>
      <c r="E836" s="3" t="s">
        <v>100</v>
      </c>
      <c r="F836" s="3" t="s">
        <v>125</v>
      </c>
      <c r="G836" s="3" t="s">
        <v>102</v>
      </c>
      <c r="H836" s="3">
        <v>2017</v>
      </c>
      <c r="I836" s="3" t="s">
        <v>103</v>
      </c>
      <c r="J836" s="3" t="s">
        <v>83</v>
      </c>
      <c r="K836" s="14">
        <v>43067</v>
      </c>
      <c r="L836" s="3" t="s">
        <v>1495</v>
      </c>
    </row>
    <row r="837" spans="1:12" x14ac:dyDescent="0.3">
      <c r="A837" s="11">
        <v>11179675</v>
      </c>
      <c r="B837" s="11">
        <v>4053349</v>
      </c>
      <c r="C837" s="22" t="str">
        <f t="shared" si="12"/>
        <v>https://support.microsoft.com/kb/4053349</v>
      </c>
      <c r="D837" s="3" t="s">
        <v>2234</v>
      </c>
      <c r="E837" s="3" t="s">
        <v>100</v>
      </c>
      <c r="F837" s="3" t="s">
        <v>125</v>
      </c>
      <c r="G837" s="3" t="s">
        <v>102</v>
      </c>
      <c r="H837" s="3">
        <v>2017</v>
      </c>
      <c r="I837" s="3" t="s">
        <v>103</v>
      </c>
      <c r="J837" s="3" t="s">
        <v>83</v>
      </c>
      <c r="K837" s="14">
        <v>43067</v>
      </c>
      <c r="L837" s="3" t="s">
        <v>1495</v>
      </c>
    </row>
    <row r="838" spans="1:12" x14ac:dyDescent="0.3">
      <c r="A838" s="11">
        <v>11186915</v>
      </c>
      <c r="B838" s="11">
        <v>4053329</v>
      </c>
      <c r="C838" s="22" t="str">
        <f t="shared" si="12"/>
        <v>https://support.microsoft.com/kb/4053329</v>
      </c>
      <c r="D838" s="3" t="s">
        <v>2235</v>
      </c>
      <c r="E838" s="3" t="s">
        <v>100</v>
      </c>
      <c r="F838" s="3" t="s">
        <v>125</v>
      </c>
      <c r="G838" s="3" t="s">
        <v>102</v>
      </c>
      <c r="H838" s="3">
        <v>2017</v>
      </c>
      <c r="I838" s="3" t="s">
        <v>103</v>
      </c>
      <c r="J838" s="3" t="s">
        <v>83</v>
      </c>
      <c r="K838" s="14">
        <v>43067</v>
      </c>
      <c r="L838" s="3" t="s">
        <v>1495</v>
      </c>
    </row>
    <row r="839" spans="1:12" x14ac:dyDescent="0.3">
      <c r="A839" s="11">
        <v>11128694</v>
      </c>
      <c r="B839" s="11">
        <v>4052984</v>
      </c>
      <c r="C839" s="22" t="str">
        <f t="shared" ref="C839:C902" si="13">HYPERLINK("https://support.microsoft.com/kb/"&amp;B839)</f>
        <v>https://support.microsoft.com/kb/4052984</v>
      </c>
      <c r="D839" s="3" t="s">
        <v>2236</v>
      </c>
      <c r="E839" s="3" t="s">
        <v>100</v>
      </c>
      <c r="F839" s="3" t="s">
        <v>233</v>
      </c>
      <c r="G839" s="3" t="s">
        <v>105</v>
      </c>
      <c r="H839" s="3">
        <v>2017</v>
      </c>
      <c r="I839" s="3" t="s">
        <v>103</v>
      </c>
      <c r="J839" s="3" t="s">
        <v>83</v>
      </c>
      <c r="K839" s="14">
        <v>43067</v>
      </c>
      <c r="L839" s="3" t="s">
        <v>1495</v>
      </c>
    </row>
    <row r="840" spans="1:12" x14ac:dyDescent="0.3">
      <c r="A840" s="11">
        <v>11192144</v>
      </c>
      <c r="B840" s="11">
        <v>4053386</v>
      </c>
      <c r="C840" s="22" t="str">
        <f t="shared" si="13"/>
        <v>https://support.microsoft.com/kb/4053386</v>
      </c>
      <c r="D840" s="3" t="s">
        <v>2237</v>
      </c>
      <c r="E840" s="3" t="s">
        <v>100</v>
      </c>
      <c r="F840" s="3" t="s">
        <v>233</v>
      </c>
      <c r="G840" s="3" t="s">
        <v>102</v>
      </c>
      <c r="H840" s="3">
        <v>2017</v>
      </c>
      <c r="I840" s="3" t="s">
        <v>103</v>
      </c>
      <c r="J840" s="3" t="s">
        <v>83</v>
      </c>
      <c r="K840" s="14">
        <v>43067</v>
      </c>
      <c r="L840" s="3" t="s">
        <v>1495</v>
      </c>
    </row>
    <row r="841" spans="1:12" x14ac:dyDescent="0.3">
      <c r="A841" s="11">
        <v>11195380</v>
      </c>
      <c r="B841" s="11">
        <v>4054037</v>
      </c>
      <c r="C841" s="22" t="str">
        <f t="shared" si="13"/>
        <v>https://support.microsoft.com/kb/4054037</v>
      </c>
      <c r="D841" s="3" t="s">
        <v>2238</v>
      </c>
      <c r="E841" s="3" t="s">
        <v>100</v>
      </c>
      <c r="F841" s="3" t="s">
        <v>233</v>
      </c>
      <c r="G841" s="3" t="s">
        <v>102</v>
      </c>
      <c r="H841" s="3">
        <v>2017</v>
      </c>
      <c r="I841" s="3" t="s">
        <v>103</v>
      </c>
      <c r="J841" s="3" t="s">
        <v>83</v>
      </c>
      <c r="K841" s="14">
        <v>43067</v>
      </c>
      <c r="L841" s="3" t="s">
        <v>1495</v>
      </c>
    </row>
    <row r="842" spans="1:12" x14ac:dyDescent="0.3">
      <c r="A842" s="11">
        <v>11078729</v>
      </c>
      <c r="B842" s="11">
        <v>4045814</v>
      </c>
      <c r="C842" s="22" t="str">
        <f t="shared" si="13"/>
        <v>https://support.microsoft.com/kb/4045814</v>
      </c>
      <c r="D842" s="3" t="s">
        <v>2239</v>
      </c>
      <c r="E842" s="3" t="s">
        <v>100</v>
      </c>
      <c r="F842" s="3" t="s">
        <v>214</v>
      </c>
      <c r="G842" s="3" t="s">
        <v>102</v>
      </c>
      <c r="H842" s="3">
        <v>2017</v>
      </c>
      <c r="I842" s="3" t="s">
        <v>103</v>
      </c>
      <c r="J842" s="3" t="s">
        <v>83</v>
      </c>
      <c r="K842" s="14">
        <v>43067</v>
      </c>
      <c r="L842" s="3" t="s">
        <v>1495</v>
      </c>
    </row>
    <row r="843" spans="1:12" x14ac:dyDescent="0.3">
      <c r="A843" s="11">
        <v>11129098</v>
      </c>
      <c r="B843" s="11">
        <v>4052338</v>
      </c>
      <c r="C843" s="22" t="str">
        <f t="shared" si="13"/>
        <v>https://support.microsoft.com/kb/4052338</v>
      </c>
      <c r="D843" s="3" t="s">
        <v>2240</v>
      </c>
      <c r="E843" s="3" t="s">
        <v>100</v>
      </c>
      <c r="F843" s="3" t="s">
        <v>116</v>
      </c>
      <c r="G843" s="3" t="s">
        <v>116</v>
      </c>
      <c r="H843" s="3">
        <v>2017</v>
      </c>
      <c r="I843" s="3" t="s">
        <v>103</v>
      </c>
      <c r="J843" s="3" t="s">
        <v>83</v>
      </c>
      <c r="K843" s="14">
        <v>43067</v>
      </c>
      <c r="L843" s="3" t="s">
        <v>1495</v>
      </c>
    </row>
    <row r="844" spans="1:12" x14ac:dyDescent="0.3">
      <c r="A844" s="11">
        <v>11133453</v>
      </c>
      <c r="B844" s="11">
        <v>4053407</v>
      </c>
      <c r="C844" s="22" t="str">
        <f t="shared" si="13"/>
        <v>https://support.microsoft.com/kb/4053407</v>
      </c>
      <c r="D844" s="3" t="s">
        <v>2241</v>
      </c>
      <c r="E844" s="3" t="s">
        <v>100</v>
      </c>
      <c r="F844" s="3" t="s">
        <v>116</v>
      </c>
      <c r="G844" s="3" t="s">
        <v>116</v>
      </c>
      <c r="H844" s="3">
        <v>2017</v>
      </c>
      <c r="I844" s="3" t="s">
        <v>103</v>
      </c>
      <c r="J844" s="3" t="s">
        <v>83</v>
      </c>
      <c r="K844" s="14">
        <v>43067</v>
      </c>
      <c r="L844" s="3" t="s">
        <v>1495</v>
      </c>
    </row>
    <row r="845" spans="1:12" x14ac:dyDescent="0.3">
      <c r="A845" s="11">
        <v>11188013</v>
      </c>
      <c r="B845" s="11">
        <v>4053392</v>
      </c>
      <c r="C845" s="22" t="str">
        <f t="shared" si="13"/>
        <v>https://support.microsoft.com/kb/4053392</v>
      </c>
      <c r="D845" s="3" t="s">
        <v>2242</v>
      </c>
      <c r="E845" s="3" t="s">
        <v>100</v>
      </c>
      <c r="F845" s="3" t="s">
        <v>116</v>
      </c>
      <c r="G845" s="3" t="s">
        <v>116</v>
      </c>
      <c r="H845" s="3">
        <v>2017</v>
      </c>
      <c r="I845" s="3" t="s">
        <v>103</v>
      </c>
      <c r="J845" s="3" t="s">
        <v>83</v>
      </c>
      <c r="K845" s="14">
        <v>43067</v>
      </c>
      <c r="L845" s="3" t="s">
        <v>1495</v>
      </c>
    </row>
    <row r="846" spans="1:12" x14ac:dyDescent="0.3">
      <c r="A846" s="11">
        <v>11188014</v>
      </c>
      <c r="B846" s="11">
        <v>4053393</v>
      </c>
      <c r="C846" s="22" t="str">
        <f t="shared" si="13"/>
        <v>https://support.microsoft.com/kb/4053393</v>
      </c>
      <c r="D846" s="3" t="s">
        <v>2243</v>
      </c>
      <c r="E846" s="3" t="s">
        <v>100</v>
      </c>
      <c r="F846" s="3" t="s">
        <v>116</v>
      </c>
      <c r="G846" s="3" t="s">
        <v>116</v>
      </c>
      <c r="H846" s="3">
        <v>2017</v>
      </c>
      <c r="I846" s="3" t="s">
        <v>103</v>
      </c>
      <c r="J846" s="3" t="s">
        <v>83</v>
      </c>
      <c r="K846" s="14">
        <v>43067</v>
      </c>
      <c r="L846" s="3" t="s">
        <v>1495</v>
      </c>
    </row>
    <row r="847" spans="1:12" x14ac:dyDescent="0.3">
      <c r="A847" s="11">
        <v>11128807</v>
      </c>
      <c r="B847" s="11">
        <v>4052697</v>
      </c>
      <c r="C847" s="22" t="str">
        <f t="shared" si="13"/>
        <v>https://support.microsoft.com/kb/4052697</v>
      </c>
      <c r="D847" s="3" t="s">
        <v>2244</v>
      </c>
      <c r="E847" s="3" t="s">
        <v>100</v>
      </c>
      <c r="F847" s="3" t="s">
        <v>116</v>
      </c>
      <c r="G847" s="3" t="s">
        <v>116</v>
      </c>
      <c r="H847" s="3">
        <v>2017</v>
      </c>
      <c r="I847" s="3" t="s">
        <v>103</v>
      </c>
      <c r="J847" s="3" t="s">
        <v>83</v>
      </c>
      <c r="K847" s="14">
        <v>43067</v>
      </c>
      <c r="L847" s="3" t="s">
        <v>1495</v>
      </c>
    </row>
    <row r="848" spans="1:12" x14ac:dyDescent="0.3">
      <c r="A848" s="11">
        <v>11076441</v>
      </c>
      <c r="B848" s="11">
        <v>4046858</v>
      </c>
      <c r="C848" s="22" t="str">
        <f t="shared" si="13"/>
        <v>https://support.microsoft.com/kb/4046858</v>
      </c>
      <c r="D848" s="3" t="s">
        <v>2245</v>
      </c>
      <c r="E848" s="3" t="s">
        <v>100</v>
      </c>
      <c r="F848" s="3" t="s">
        <v>127</v>
      </c>
      <c r="G848" s="3" t="s">
        <v>105</v>
      </c>
      <c r="H848" s="3">
        <v>2017</v>
      </c>
      <c r="I848" s="3" t="s">
        <v>103</v>
      </c>
      <c r="J848" s="3" t="s">
        <v>83</v>
      </c>
      <c r="K848" s="14">
        <v>43067</v>
      </c>
      <c r="L848" s="3" t="s">
        <v>1495</v>
      </c>
    </row>
    <row r="849" spans="1:12" x14ac:dyDescent="0.3">
      <c r="A849" s="11">
        <v>11078715</v>
      </c>
      <c r="B849" s="11">
        <v>4042232</v>
      </c>
      <c r="C849" s="22" t="str">
        <f t="shared" si="13"/>
        <v>https://support.microsoft.com/kb/4042232</v>
      </c>
      <c r="D849" s="3" t="s">
        <v>2246</v>
      </c>
      <c r="E849" s="3" t="s">
        <v>100</v>
      </c>
      <c r="F849" s="3" t="s">
        <v>127</v>
      </c>
      <c r="G849" s="3" t="s">
        <v>105</v>
      </c>
      <c r="H849" s="3">
        <v>2017</v>
      </c>
      <c r="I849" s="3" t="s">
        <v>103</v>
      </c>
      <c r="J849" s="3" t="s">
        <v>83</v>
      </c>
      <c r="K849" s="14">
        <v>43067</v>
      </c>
      <c r="L849" s="3" t="s">
        <v>1495</v>
      </c>
    </row>
    <row r="850" spans="1:12" x14ac:dyDescent="0.3">
      <c r="A850" s="11">
        <v>11183519</v>
      </c>
      <c r="B850" s="11">
        <v>4053291</v>
      </c>
      <c r="C850" s="22" t="str">
        <f t="shared" si="13"/>
        <v>https://support.microsoft.com/kb/4053291</v>
      </c>
      <c r="D850" s="3" t="s">
        <v>2247</v>
      </c>
      <c r="E850" s="3" t="s">
        <v>100</v>
      </c>
      <c r="F850" s="3" t="s">
        <v>127</v>
      </c>
      <c r="G850" s="3" t="s">
        <v>105</v>
      </c>
      <c r="H850" s="3">
        <v>2017</v>
      </c>
      <c r="I850" s="3" t="s">
        <v>103</v>
      </c>
      <c r="J850" s="3" t="s">
        <v>83</v>
      </c>
      <c r="K850" s="14">
        <v>43067</v>
      </c>
      <c r="L850" s="3" t="s">
        <v>1495</v>
      </c>
    </row>
    <row r="851" spans="1:12" x14ac:dyDescent="0.3">
      <c r="A851" s="11">
        <v>11195381</v>
      </c>
      <c r="B851" s="11">
        <v>4054035</v>
      </c>
      <c r="C851" s="22" t="str">
        <f t="shared" si="13"/>
        <v>https://support.microsoft.com/kb/4054035</v>
      </c>
      <c r="D851" s="3" t="s">
        <v>2248</v>
      </c>
      <c r="E851" s="3" t="s">
        <v>100</v>
      </c>
      <c r="F851" s="3" t="s">
        <v>113</v>
      </c>
      <c r="G851" s="3" t="s">
        <v>105</v>
      </c>
      <c r="H851" s="3">
        <v>2017</v>
      </c>
      <c r="I851" s="3" t="s">
        <v>103</v>
      </c>
      <c r="J851" s="3" t="s">
        <v>83</v>
      </c>
      <c r="K851" s="14">
        <v>43067</v>
      </c>
      <c r="L851" s="3" t="s">
        <v>1495</v>
      </c>
    </row>
    <row r="852" spans="1:12" x14ac:dyDescent="0.3">
      <c r="A852" s="11">
        <v>11195382</v>
      </c>
      <c r="B852" s="11">
        <v>4054036</v>
      </c>
      <c r="C852" s="22" t="str">
        <f t="shared" si="13"/>
        <v>https://support.microsoft.com/kb/4054036</v>
      </c>
      <c r="D852" s="3" t="s">
        <v>2249</v>
      </c>
      <c r="E852" s="3" t="s">
        <v>100</v>
      </c>
      <c r="F852" s="3" t="s">
        <v>113</v>
      </c>
      <c r="G852" s="3" t="s">
        <v>105</v>
      </c>
      <c r="H852" s="3">
        <v>2017</v>
      </c>
      <c r="I852" s="3" t="s">
        <v>103</v>
      </c>
      <c r="J852" s="3" t="s">
        <v>83</v>
      </c>
      <c r="K852" s="14">
        <v>43067</v>
      </c>
      <c r="L852" s="3" t="s">
        <v>1495</v>
      </c>
    </row>
    <row r="853" spans="1:12" x14ac:dyDescent="0.3">
      <c r="A853" s="11">
        <v>11076653</v>
      </c>
      <c r="B853" s="11">
        <v>4052129</v>
      </c>
      <c r="C853" s="22" t="str">
        <f t="shared" si="13"/>
        <v>https://support.microsoft.com/kb/4052129</v>
      </c>
      <c r="D853" s="3" t="s">
        <v>2250</v>
      </c>
      <c r="E853" s="3" t="s">
        <v>100</v>
      </c>
      <c r="F853" s="3" t="s">
        <v>120</v>
      </c>
      <c r="G853" s="3" t="s">
        <v>102</v>
      </c>
      <c r="H853" s="3">
        <v>2017</v>
      </c>
      <c r="I853" s="3" t="s">
        <v>103</v>
      </c>
      <c r="J853" s="3" t="s">
        <v>83</v>
      </c>
      <c r="K853" s="14">
        <v>43067</v>
      </c>
      <c r="L853" s="3" t="s">
        <v>1495</v>
      </c>
    </row>
    <row r="854" spans="1:12" x14ac:dyDescent="0.3">
      <c r="A854" s="11">
        <v>11229737</v>
      </c>
      <c r="B854" s="11">
        <v>4054842</v>
      </c>
      <c r="C854" s="22" t="str">
        <f t="shared" si="13"/>
        <v>https://support.microsoft.com/kb/4054842</v>
      </c>
      <c r="D854" s="3" t="s">
        <v>2251</v>
      </c>
      <c r="E854" s="3" t="s">
        <v>100</v>
      </c>
      <c r="F854" s="3" t="s">
        <v>120</v>
      </c>
      <c r="G854" s="3" t="s">
        <v>102</v>
      </c>
      <c r="H854" s="3">
        <v>2017</v>
      </c>
      <c r="I854" s="3" t="s">
        <v>103</v>
      </c>
      <c r="J854" s="3" t="s">
        <v>83</v>
      </c>
      <c r="K854" s="14">
        <v>43067</v>
      </c>
      <c r="L854" s="3" t="s">
        <v>1495</v>
      </c>
    </row>
    <row r="855" spans="1:12" x14ac:dyDescent="0.3">
      <c r="A855" s="11">
        <v>10966006</v>
      </c>
      <c r="B855" s="11">
        <v>4037412</v>
      </c>
      <c r="C855" s="22" t="str">
        <f t="shared" si="13"/>
        <v>https://support.microsoft.com/kb/4037412</v>
      </c>
      <c r="D855" s="3" t="s">
        <v>2252</v>
      </c>
      <c r="E855" s="3" t="s">
        <v>100</v>
      </c>
      <c r="F855" s="3" t="s">
        <v>120</v>
      </c>
      <c r="G855" s="3" t="s">
        <v>105</v>
      </c>
      <c r="H855" s="3">
        <v>2017</v>
      </c>
      <c r="I855" s="3" t="s">
        <v>103</v>
      </c>
      <c r="J855" s="3" t="s">
        <v>83</v>
      </c>
      <c r="K855" s="14">
        <v>43067</v>
      </c>
      <c r="L855" s="3" t="s">
        <v>1495</v>
      </c>
    </row>
    <row r="856" spans="1:12" x14ac:dyDescent="0.3">
      <c r="A856" s="11">
        <v>11123810</v>
      </c>
      <c r="B856" s="11">
        <v>4052122</v>
      </c>
      <c r="C856" s="22" t="str">
        <f t="shared" si="13"/>
        <v>https://support.microsoft.com/kb/4052122</v>
      </c>
      <c r="D856" s="3" t="s">
        <v>2253</v>
      </c>
      <c r="E856" s="3" t="s">
        <v>100</v>
      </c>
      <c r="F856" s="3" t="s">
        <v>782</v>
      </c>
      <c r="G856" s="3" t="s">
        <v>1919</v>
      </c>
      <c r="H856" s="3">
        <v>2017</v>
      </c>
      <c r="I856" s="3" t="s">
        <v>103</v>
      </c>
      <c r="J856" s="3" t="s">
        <v>83</v>
      </c>
      <c r="K856" s="14">
        <v>43067</v>
      </c>
      <c r="L856" s="3" t="s">
        <v>1495</v>
      </c>
    </row>
    <row r="857" spans="1:12" x14ac:dyDescent="0.3">
      <c r="A857" s="11">
        <v>11182963</v>
      </c>
      <c r="B857" s="11">
        <v>4052969</v>
      </c>
      <c r="C857" s="22" t="str">
        <f t="shared" si="13"/>
        <v>https://support.microsoft.com/kb/4052969</v>
      </c>
      <c r="D857" s="3" t="s">
        <v>2254</v>
      </c>
      <c r="E857" s="3" t="s">
        <v>100</v>
      </c>
      <c r="F857" s="3" t="s">
        <v>145</v>
      </c>
      <c r="G857" s="3" t="s">
        <v>116</v>
      </c>
      <c r="H857" s="3">
        <v>2017</v>
      </c>
      <c r="I857" s="3" t="s">
        <v>103</v>
      </c>
      <c r="J857" s="3" t="s">
        <v>83</v>
      </c>
      <c r="K857" s="14">
        <v>43067</v>
      </c>
      <c r="L857" s="3" t="s">
        <v>1495</v>
      </c>
    </row>
    <row r="858" spans="1:12" x14ac:dyDescent="0.3">
      <c r="A858" s="11">
        <v>11076285</v>
      </c>
      <c r="B858" s="11">
        <v>4052126</v>
      </c>
      <c r="C858" s="22" t="str">
        <f t="shared" si="13"/>
        <v>https://support.microsoft.com/kb/4052126</v>
      </c>
      <c r="D858" s="3" t="s">
        <v>2255</v>
      </c>
      <c r="E858" s="3" t="s">
        <v>100</v>
      </c>
      <c r="F858" s="3" t="s">
        <v>165</v>
      </c>
      <c r="G858" s="3" t="s">
        <v>105</v>
      </c>
      <c r="H858" s="3">
        <v>2017</v>
      </c>
      <c r="I858" s="3" t="s">
        <v>103</v>
      </c>
      <c r="J858" s="3" t="s">
        <v>83</v>
      </c>
      <c r="K858" s="14">
        <v>43067</v>
      </c>
      <c r="L858" s="3" t="s">
        <v>1495</v>
      </c>
    </row>
    <row r="859" spans="1:12" x14ac:dyDescent="0.3">
      <c r="A859" s="11">
        <v>11003332</v>
      </c>
      <c r="B859" s="11">
        <v>4046102</v>
      </c>
      <c r="C859" s="22" t="str">
        <f t="shared" si="13"/>
        <v>https://support.microsoft.com/kb/4046102</v>
      </c>
      <c r="D859" s="3" t="s">
        <v>2256</v>
      </c>
      <c r="E859" s="3" t="s">
        <v>100</v>
      </c>
      <c r="F859" s="3" t="s">
        <v>269</v>
      </c>
      <c r="G859" s="3" t="s">
        <v>105</v>
      </c>
      <c r="H859" s="3">
        <v>2017</v>
      </c>
      <c r="I859" s="3" t="s">
        <v>103</v>
      </c>
      <c r="J859" s="3" t="s">
        <v>83</v>
      </c>
      <c r="K859" s="14">
        <v>43067</v>
      </c>
      <c r="L859" s="3" t="s">
        <v>1495</v>
      </c>
    </row>
    <row r="860" spans="1:12" x14ac:dyDescent="0.3">
      <c r="A860" s="11">
        <v>11195748</v>
      </c>
      <c r="B860" s="11">
        <v>4053447</v>
      </c>
      <c r="C860" s="22" t="str">
        <f t="shared" si="13"/>
        <v>https://support.microsoft.com/kb/4053447</v>
      </c>
      <c r="D860" s="3" t="s">
        <v>2257</v>
      </c>
      <c r="E860" s="3" t="s">
        <v>107</v>
      </c>
      <c r="F860" s="3" t="s">
        <v>118</v>
      </c>
      <c r="G860" s="3" t="s">
        <v>116</v>
      </c>
      <c r="H860" s="3">
        <v>2017</v>
      </c>
      <c r="I860" s="3" t="s">
        <v>103</v>
      </c>
      <c r="J860" s="3" t="s">
        <v>83</v>
      </c>
      <c r="K860" s="14">
        <v>43067</v>
      </c>
      <c r="L860" s="3" t="s">
        <v>1495</v>
      </c>
    </row>
    <row r="861" spans="1:12" x14ac:dyDescent="0.3">
      <c r="A861" s="11">
        <v>11281561</v>
      </c>
      <c r="B861" s="11">
        <v>4055758</v>
      </c>
      <c r="C861" s="22" t="str">
        <f t="shared" si="13"/>
        <v>https://support.microsoft.com/kb/4055758</v>
      </c>
      <c r="D861" s="3" t="s">
        <v>2212</v>
      </c>
      <c r="E861" s="3" t="s">
        <v>100</v>
      </c>
      <c r="F861" s="3" t="s">
        <v>2258</v>
      </c>
      <c r="G861" s="3" t="s">
        <v>462</v>
      </c>
      <c r="H861" s="3">
        <v>2017</v>
      </c>
      <c r="I861" s="3" t="s">
        <v>103</v>
      </c>
      <c r="J861" s="3" t="s">
        <v>83</v>
      </c>
      <c r="K861" s="14">
        <v>43067</v>
      </c>
      <c r="L861" s="3" t="s">
        <v>1495</v>
      </c>
    </row>
    <row r="862" spans="1:12" x14ac:dyDescent="0.3">
      <c r="A862" s="11">
        <v>11133452</v>
      </c>
      <c r="B862" s="11">
        <v>4037454</v>
      </c>
      <c r="C862" s="22" t="str">
        <f t="shared" si="13"/>
        <v>https://support.microsoft.com/kb/4037454</v>
      </c>
      <c r="D862" s="3" t="s">
        <v>2259</v>
      </c>
      <c r="E862" s="3" t="s">
        <v>107</v>
      </c>
      <c r="F862" s="3" t="s">
        <v>2260</v>
      </c>
      <c r="G862" s="3" t="s">
        <v>105</v>
      </c>
      <c r="H862" s="3">
        <v>2017</v>
      </c>
      <c r="I862" s="3" t="s">
        <v>103</v>
      </c>
      <c r="J862" s="3" t="s">
        <v>83</v>
      </c>
      <c r="K862" s="14">
        <v>43067</v>
      </c>
      <c r="L862" s="3" t="s">
        <v>1495</v>
      </c>
    </row>
    <row r="863" spans="1:12" x14ac:dyDescent="0.3">
      <c r="A863" s="11">
        <v>11078705</v>
      </c>
      <c r="B863" s="11">
        <v>4039592</v>
      </c>
      <c r="C863" s="22" t="str">
        <f t="shared" si="13"/>
        <v>https://support.microsoft.com/kb/4039592</v>
      </c>
      <c r="D863" s="3" t="s">
        <v>2261</v>
      </c>
      <c r="E863" s="3" t="s">
        <v>107</v>
      </c>
      <c r="F863" s="3" t="s">
        <v>1557</v>
      </c>
      <c r="G863" s="3" t="s">
        <v>102</v>
      </c>
      <c r="H863" s="3">
        <v>2017</v>
      </c>
      <c r="I863" s="3" t="s">
        <v>103</v>
      </c>
      <c r="J863" s="3" t="s">
        <v>83</v>
      </c>
      <c r="K863" s="14">
        <v>43067</v>
      </c>
      <c r="L863" s="3" t="s">
        <v>1495</v>
      </c>
    </row>
    <row r="864" spans="1:12" x14ac:dyDescent="0.3">
      <c r="A864" s="11">
        <v>10868777</v>
      </c>
      <c r="B864" s="11">
        <v>3208545</v>
      </c>
      <c r="C864" s="22" t="str">
        <f t="shared" si="13"/>
        <v>https://support.microsoft.com/kb/3208545</v>
      </c>
      <c r="D864" s="3" t="s">
        <v>2262</v>
      </c>
      <c r="E864" s="3" t="s">
        <v>180</v>
      </c>
      <c r="F864" s="3" t="s">
        <v>180</v>
      </c>
      <c r="G864" s="3" t="s">
        <v>1919</v>
      </c>
      <c r="H864" s="3">
        <v>2017</v>
      </c>
      <c r="I864" s="3" t="s">
        <v>103</v>
      </c>
      <c r="J864" s="3" t="s">
        <v>86</v>
      </c>
      <c r="K864" s="14">
        <v>43032</v>
      </c>
      <c r="L864" s="3" t="s">
        <v>1497</v>
      </c>
    </row>
    <row r="865" spans="1:12" x14ac:dyDescent="0.3">
      <c r="A865" s="11">
        <v>10965958</v>
      </c>
      <c r="B865" s="11">
        <v>4034789</v>
      </c>
      <c r="C865" s="22" t="str">
        <f t="shared" si="13"/>
        <v>https://support.microsoft.com/kb/4034789</v>
      </c>
      <c r="D865" s="3" t="s">
        <v>2263</v>
      </c>
      <c r="E865" s="3" t="s">
        <v>180</v>
      </c>
      <c r="F865" s="3" t="s">
        <v>180</v>
      </c>
      <c r="G865" s="3" t="s">
        <v>1919</v>
      </c>
      <c r="H865" s="3">
        <v>2017</v>
      </c>
      <c r="I865" s="3" t="s">
        <v>103</v>
      </c>
      <c r="J865" s="3" t="s">
        <v>86</v>
      </c>
      <c r="K865" s="14">
        <v>43032</v>
      </c>
      <c r="L865" s="3" t="s">
        <v>1497</v>
      </c>
    </row>
    <row r="866" spans="1:12" x14ac:dyDescent="0.3">
      <c r="A866" s="11">
        <v>10868754</v>
      </c>
      <c r="B866" s="11">
        <v>4033789</v>
      </c>
      <c r="C866" s="22" t="str">
        <f t="shared" si="13"/>
        <v>https://support.microsoft.com/kb/4033789</v>
      </c>
      <c r="D866" s="3" t="s">
        <v>2264</v>
      </c>
      <c r="E866" s="3" t="s">
        <v>180</v>
      </c>
      <c r="F866" s="3" t="s">
        <v>180</v>
      </c>
      <c r="G866" s="3" t="s">
        <v>1932</v>
      </c>
      <c r="H866" s="3">
        <v>2017</v>
      </c>
      <c r="I866" s="3" t="s">
        <v>103</v>
      </c>
      <c r="J866" s="3" t="s">
        <v>86</v>
      </c>
      <c r="K866" s="14">
        <v>43032</v>
      </c>
      <c r="L866" s="3" t="s">
        <v>1497</v>
      </c>
    </row>
    <row r="867" spans="1:12" x14ac:dyDescent="0.3">
      <c r="A867" s="11">
        <v>10965991</v>
      </c>
      <c r="B867" s="11">
        <v>4040085</v>
      </c>
      <c r="C867" s="22" t="str">
        <f t="shared" si="13"/>
        <v>https://support.microsoft.com/kb/4040085</v>
      </c>
      <c r="D867" s="3" t="s">
        <v>2265</v>
      </c>
      <c r="E867" s="3" t="s">
        <v>180</v>
      </c>
      <c r="F867" s="3" t="s">
        <v>180</v>
      </c>
      <c r="G867" s="3" t="s">
        <v>1919</v>
      </c>
      <c r="H867" s="3">
        <v>2017</v>
      </c>
      <c r="I867" s="3" t="s">
        <v>103</v>
      </c>
      <c r="J867" s="3" t="s">
        <v>86</v>
      </c>
      <c r="K867" s="14">
        <v>43032</v>
      </c>
      <c r="L867" s="3" t="s">
        <v>1497</v>
      </c>
    </row>
    <row r="868" spans="1:12" x14ac:dyDescent="0.3">
      <c r="A868" s="11">
        <v>10868739</v>
      </c>
      <c r="B868" s="11">
        <v>4039509</v>
      </c>
      <c r="C868" s="22" t="str">
        <f t="shared" si="13"/>
        <v>https://support.microsoft.com/kb/4039509</v>
      </c>
      <c r="D868" s="3" t="s">
        <v>2266</v>
      </c>
      <c r="E868" s="3" t="s">
        <v>180</v>
      </c>
      <c r="F868" s="3" t="s">
        <v>180</v>
      </c>
      <c r="G868" s="3" t="s">
        <v>1919</v>
      </c>
      <c r="H868" s="3">
        <v>2017</v>
      </c>
      <c r="I868" s="3" t="s">
        <v>103</v>
      </c>
      <c r="J868" s="3" t="s">
        <v>86</v>
      </c>
      <c r="K868" s="14">
        <v>43032</v>
      </c>
      <c r="L868" s="3" t="s">
        <v>1497</v>
      </c>
    </row>
    <row r="869" spans="1:12" x14ac:dyDescent="0.3">
      <c r="A869" s="11">
        <v>10965994</v>
      </c>
      <c r="B869" s="11">
        <v>4043478</v>
      </c>
      <c r="C869" s="22" t="str">
        <f t="shared" si="13"/>
        <v>https://support.microsoft.com/kb/4043478</v>
      </c>
      <c r="D869" s="3" t="s">
        <v>2267</v>
      </c>
      <c r="E869" s="3" t="s">
        <v>180</v>
      </c>
      <c r="F869" s="3" t="s">
        <v>2164</v>
      </c>
      <c r="G869" s="3" t="s">
        <v>1919</v>
      </c>
      <c r="H869" s="3">
        <v>2017</v>
      </c>
      <c r="I869" s="3" t="s">
        <v>103</v>
      </c>
      <c r="J869" s="3" t="s">
        <v>86</v>
      </c>
      <c r="K869" s="14">
        <v>43032</v>
      </c>
      <c r="L869" s="3" t="s">
        <v>1497</v>
      </c>
    </row>
    <row r="870" spans="1:12" x14ac:dyDescent="0.3">
      <c r="A870" s="11">
        <v>10729322</v>
      </c>
      <c r="B870" s="11">
        <v>4017827</v>
      </c>
      <c r="C870" s="22" t="str">
        <f t="shared" si="13"/>
        <v>https://support.microsoft.com/kb/4017827</v>
      </c>
      <c r="D870" s="3" t="s">
        <v>2268</v>
      </c>
      <c r="E870" s="3" t="s">
        <v>180</v>
      </c>
      <c r="F870" s="3" t="s">
        <v>2164</v>
      </c>
      <c r="G870" s="3" t="s">
        <v>1919</v>
      </c>
      <c r="H870" s="3">
        <v>2017</v>
      </c>
      <c r="I870" s="3" t="s">
        <v>103</v>
      </c>
      <c r="J870" s="3" t="s">
        <v>86</v>
      </c>
      <c r="K870" s="14">
        <v>43032</v>
      </c>
      <c r="L870" s="3" t="s">
        <v>1497</v>
      </c>
    </row>
    <row r="871" spans="1:12" x14ac:dyDescent="0.3">
      <c r="A871" s="11">
        <v>10965982</v>
      </c>
      <c r="B871" s="11">
        <v>4039124</v>
      </c>
      <c r="C871" s="22" t="str">
        <f t="shared" si="13"/>
        <v>https://support.microsoft.com/kb/4039124</v>
      </c>
      <c r="D871" s="3" t="s">
        <v>2269</v>
      </c>
      <c r="E871" s="3" t="s">
        <v>180</v>
      </c>
      <c r="F871" s="3" t="s">
        <v>2164</v>
      </c>
      <c r="G871" s="3" t="s">
        <v>1932</v>
      </c>
      <c r="H871" s="3">
        <v>2017</v>
      </c>
      <c r="I871" s="3" t="s">
        <v>103</v>
      </c>
      <c r="J871" s="3" t="s">
        <v>86</v>
      </c>
      <c r="K871" s="14">
        <v>43032</v>
      </c>
      <c r="L871" s="3" t="s">
        <v>1497</v>
      </c>
    </row>
    <row r="872" spans="1:12" x14ac:dyDescent="0.3">
      <c r="A872" s="11">
        <v>10965999</v>
      </c>
      <c r="B872" s="11">
        <v>4039125</v>
      </c>
      <c r="C872" s="22" t="str">
        <f t="shared" si="13"/>
        <v>https://support.microsoft.com/kb/4039125</v>
      </c>
      <c r="D872" s="3" t="s">
        <v>2270</v>
      </c>
      <c r="E872" s="3" t="s">
        <v>180</v>
      </c>
      <c r="F872" s="3" t="s">
        <v>2164</v>
      </c>
      <c r="G872" s="3" t="s">
        <v>1919</v>
      </c>
      <c r="H872" s="3">
        <v>2017</v>
      </c>
      <c r="I872" s="3" t="s">
        <v>103</v>
      </c>
      <c r="J872" s="3" t="s">
        <v>86</v>
      </c>
      <c r="K872" s="14">
        <v>43032</v>
      </c>
      <c r="L872" s="3" t="s">
        <v>1497</v>
      </c>
    </row>
    <row r="873" spans="1:12" x14ac:dyDescent="0.3">
      <c r="A873" s="11">
        <v>10965998</v>
      </c>
      <c r="B873" s="11">
        <v>4039126</v>
      </c>
      <c r="C873" s="22" t="str">
        <f t="shared" si="13"/>
        <v>https://support.microsoft.com/kb/4039126</v>
      </c>
      <c r="D873" s="3" t="s">
        <v>2271</v>
      </c>
      <c r="E873" s="3" t="s">
        <v>180</v>
      </c>
      <c r="F873" s="3" t="s">
        <v>2164</v>
      </c>
      <c r="G873" s="3" t="s">
        <v>1919</v>
      </c>
      <c r="H873" s="3">
        <v>2017</v>
      </c>
      <c r="I873" s="3" t="s">
        <v>103</v>
      </c>
      <c r="J873" s="3" t="s">
        <v>86</v>
      </c>
      <c r="K873" s="14">
        <v>43032</v>
      </c>
      <c r="L873" s="3" t="s">
        <v>1497</v>
      </c>
    </row>
    <row r="874" spans="1:12" x14ac:dyDescent="0.3">
      <c r="A874" s="11">
        <v>10966008</v>
      </c>
      <c r="B874" s="11">
        <v>4039058</v>
      </c>
      <c r="C874" s="22" t="str">
        <f t="shared" si="13"/>
        <v>https://support.microsoft.com/kb/4039058</v>
      </c>
      <c r="D874" s="3" t="s">
        <v>2272</v>
      </c>
      <c r="E874" s="3" t="s">
        <v>180</v>
      </c>
      <c r="F874" s="3" t="s">
        <v>2164</v>
      </c>
      <c r="G874" s="3" t="s">
        <v>1919</v>
      </c>
      <c r="H874" s="3">
        <v>2017</v>
      </c>
      <c r="I874" s="3" t="s">
        <v>103</v>
      </c>
      <c r="J874" s="3" t="s">
        <v>86</v>
      </c>
      <c r="K874" s="14">
        <v>43032</v>
      </c>
      <c r="L874" s="3" t="s">
        <v>1497</v>
      </c>
    </row>
    <row r="875" spans="1:12" x14ac:dyDescent="0.3">
      <c r="A875" s="11">
        <v>10868736</v>
      </c>
      <c r="B875" s="11">
        <v>4022483</v>
      </c>
      <c r="C875" s="22" t="str">
        <f t="shared" si="13"/>
        <v>https://support.microsoft.com/kb/4022483</v>
      </c>
      <c r="D875" s="3" t="s">
        <v>2273</v>
      </c>
      <c r="E875" s="3" t="s">
        <v>455</v>
      </c>
      <c r="F875" s="3" t="s">
        <v>2274</v>
      </c>
      <c r="G875" s="3" t="s">
        <v>1919</v>
      </c>
      <c r="H875" s="3">
        <v>2017</v>
      </c>
      <c r="I875" s="3" t="s">
        <v>103</v>
      </c>
      <c r="J875" s="3" t="s">
        <v>86</v>
      </c>
      <c r="K875" s="14">
        <v>43032</v>
      </c>
      <c r="L875" s="3" t="s">
        <v>1497</v>
      </c>
    </row>
    <row r="876" spans="1:12" x14ac:dyDescent="0.3">
      <c r="A876" s="11">
        <v>10998673</v>
      </c>
      <c r="B876" s="11">
        <v>4046044</v>
      </c>
      <c r="C876" s="22" t="str">
        <f t="shared" si="13"/>
        <v>https://support.microsoft.com/kb/4046044</v>
      </c>
      <c r="D876" s="3" t="s">
        <v>2275</v>
      </c>
      <c r="E876" s="3" t="s">
        <v>217</v>
      </c>
      <c r="F876" s="3" t="s">
        <v>218</v>
      </c>
      <c r="G876" s="3" t="s">
        <v>1919</v>
      </c>
      <c r="H876" s="3">
        <v>2017</v>
      </c>
      <c r="I876" s="3" t="s">
        <v>103</v>
      </c>
      <c r="J876" s="3" t="s">
        <v>86</v>
      </c>
      <c r="K876" s="14">
        <v>43032</v>
      </c>
      <c r="L876" s="3" t="s">
        <v>1497</v>
      </c>
    </row>
    <row r="877" spans="1:12" x14ac:dyDescent="0.3">
      <c r="A877" s="11">
        <v>10966015</v>
      </c>
      <c r="B877" s="11">
        <v>4038590</v>
      </c>
      <c r="C877" s="22" t="str">
        <f t="shared" si="13"/>
        <v>https://support.microsoft.com/kb/4038590</v>
      </c>
      <c r="D877" s="3" t="s">
        <v>2276</v>
      </c>
      <c r="E877" s="3" t="s">
        <v>380</v>
      </c>
      <c r="F877" s="3" t="s">
        <v>992</v>
      </c>
      <c r="G877" s="3" t="s">
        <v>1919</v>
      </c>
      <c r="H877" s="3">
        <v>2017</v>
      </c>
      <c r="I877" s="3" t="s">
        <v>103</v>
      </c>
      <c r="J877" s="3" t="s">
        <v>86</v>
      </c>
      <c r="K877" s="14">
        <v>43032</v>
      </c>
      <c r="L877" s="3" t="s">
        <v>1497</v>
      </c>
    </row>
    <row r="878" spans="1:12" x14ac:dyDescent="0.3">
      <c r="A878" s="11">
        <v>10867556</v>
      </c>
      <c r="B878" s="11">
        <v>4022895</v>
      </c>
      <c r="C878" s="22" t="str">
        <f t="shared" si="13"/>
        <v>https://support.microsoft.com/kb/4022895</v>
      </c>
      <c r="D878" s="3" t="s">
        <v>2277</v>
      </c>
      <c r="E878" s="3" t="s">
        <v>178</v>
      </c>
      <c r="F878" s="3" t="s">
        <v>775</v>
      </c>
      <c r="G878" s="3" t="s">
        <v>1919</v>
      </c>
      <c r="H878" s="3">
        <v>2017</v>
      </c>
      <c r="I878" s="3" t="s">
        <v>103</v>
      </c>
      <c r="J878" s="3" t="s">
        <v>86</v>
      </c>
      <c r="K878" s="14">
        <v>43032</v>
      </c>
      <c r="L878" s="3" t="s">
        <v>1497</v>
      </c>
    </row>
    <row r="879" spans="1:12" x14ac:dyDescent="0.3">
      <c r="A879" s="11">
        <v>10868723</v>
      </c>
      <c r="B879" s="11">
        <v>4038882</v>
      </c>
      <c r="C879" s="22" t="str">
        <f t="shared" si="13"/>
        <v>https://support.microsoft.com/kb/4038882</v>
      </c>
      <c r="D879" s="3" t="s">
        <v>2278</v>
      </c>
      <c r="E879" s="3" t="s">
        <v>100</v>
      </c>
      <c r="F879" s="3" t="s">
        <v>123</v>
      </c>
      <c r="G879" s="3" t="s">
        <v>1919</v>
      </c>
      <c r="H879" s="3">
        <v>2017</v>
      </c>
      <c r="I879" s="3" t="s">
        <v>103</v>
      </c>
      <c r="J879" s="3" t="s">
        <v>86</v>
      </c>
      <c r="K879" s="14">
        <v>43032</v>
      </c>
      <c r="L879" s="3" t="s">
        <v>1497</v>
      </c>
    </row>
    <row r="880" spans="1:12" x14ac:dyDescent="0.3">
      <c r="A880" s="11">
        <v>10868726</v>
      </c>
      <c r="B880" s="11">
        <v>4039511</v>
      </c>
      <c r="C880" s="22" t="str">
        <f t="shared" si="13"/>
        <v>https://support.microsoft.com/kb/4039511</v>
      </c>
      <c r="D880" s="3" t="s">
        <v>2279</v>
      </c>
      <c r="E880" s="3" t="s">
        <v>100</v>
      </c>
      <c r="F880" s="3" t="s">
        <v>123</v>
      </c>
      <c r="G880" s="3" t="s">
        <v>1919</v>
      </c>
      <c r="H880" s="3">
        <v>2017</v>
      </c>
      <c r="I880" s="3" t="s">
        <v>103</v>
      </c>
      <c r="J880" s="3" t="s">
        <v>86</v>
      </c>
      <c r="K880" s="14">
        <v>43032</v>
      </c>
      <c r="L880" s="3" t="s">
        <v>1497</v>
      </c>
    </row>
    <row r="881" spans="1:12" x14ac:dyDescent="0.3">
      <c r="A881" s="11">
        <v>10868733</v>
      </c>
      <c r="B881" s="11">
        <v>4040376</v>
      </c>
      <c r="C881" s="22" t="str">
        <f t="shared" si="13"/>
        <v>https://support.microsoft.com/kb/4040376</v>
      </c>
      <c r="D881" s="3" t="s">
        <v>2280</v>
      </c>
      <c r="E881" s="3" t="s">
        <v>100</v>
      </c>
      <c r="F881" s="3" t="s">
        <v>123</v>
      </c>
      <c r="G881" s="3" t="s">
        <v>1919</v>
      </c>
      <c r="H881" s="3">
        <v>2017</v>
      </c>
      <c r="I881" s="3" t="s">
        <v>103</v>
      </c>
      <c r="J881" s="3" t="s">
        <v>86</v>
      </c>
      <c r="K881" s="14">
        <v>43032</v>
      </c>
      <c r="L881" s="3" t="s">
        <v>1497</v>
      </c>
    </row>
    <row r="882" spans="1:12" x14ac:dyDescent="0.3">
      <c r="A882" s="11">
        <v>10966001</v>
      </c>
      <c r="B882" s="11">
        <v>4040531</v>
      </c>
      <c r="C882" s="22" t="str">
        <f t="shared" si="13"/>
        <v>https://support.microsoft.com/kb/4040531</v>
      </c>
      <c r="D882" s="3" t="s">
        <v>2281</v>
      </c>
      <c r="E882" s="3" t="s">
        <v>100</v>
      </c>
      <c r="F882" s="3" t="s">
        <v>123</v>
      </c>
      <c r="G882" s="3" t="s">
        <v>1919</v>
      </c>
      <c r="H882" s="3">
        <v>2017</v>
      </c>
      <c r="I882" s="3" t="s">
        <v>103</v>
      </c>
      <c r="J882" s="3" t="s">
        <v>86</v>
      </c>
      <c r="K882" s="14">
        <v>43032</v>
      </c>
      <c r="L882" s="3" t="s">
        <v>1497</v>
      </c>
    </row>
    <row r="883" spans="1:12" x14ac:dyDescent="0.3">
      <c r="A883" s="11">
        <v>10966019</v>
      </c>
      <c r="B883" s="11">
        <v>4040535</v>
      </c>
      <c r="C883" s="22" t="str">
        <f t="shared" si="13"/>
        <v>https://support.microsoft.com/kb/4040535</v>
      </c>
      <c r="D883" s="3" t="s">
        <v>2282</v>
      </c>
      <c r="E883" s="3" t="s">
        <v>100</v>
      </c>
      <c r="F883" s="3" t="s">
        <v>123</v>
      </c>
      <c r="G883" s="3" t="s">
        <v>1919</v>
      </c>
      <c r="H883" s="3">
        <v>2017</v>
      </c>
      <c r="I883" s="3" t="s">
        <v>103</v>
      </c>
      <c r="J883" s="3" t="s">
        <v>86</v>
      </c>
      <c r="K883" s="14">
        <v>43032</v>
      </c>
      <c r="L883" s="3" t="s">
        <v>1497</v>
      </c>
    </row>
    <row r="884" spans="1:12" x14ac:dyDescent="0.3">
      <c r="A884" s="11">
        <v>10867553</v>
      </c>
      <c r="B884" s="11">
        <v>4025020</v>
      </c>
      <c r="C884" s="22" t="str">
        <f t="shared" si="13"/>
        <v>https://support.microsoft.com/kb/4025020</v>
      </c>
      <c r="D884" s="3" t="s">
        <v>2283</v>
      </c>
      <c r="E884" s="3" t="s">
        <v>100</v>
      </c>
      <c r="F884" s="3" t="s">
        <v>137</v>
      </c>
      <c r="G884" s="3" t="s">
        <v>1919</v>
      </c>
      <c r="H884" s="3">
        <v>2017</v>
      </c>
      <c r="I884" s="3" t="s">
        <v>103</v>
      </c>
      <c r="J884" s="3" t="s">
        <v>86</v>
      </c>
      <c r="K884" s="14">
        <v>43032</v>
      </c>
      <c r="L884" s="3" t="s">
        <v>1497</v>
      </c>
    </row>
    <row r="885" spans="1:12" x14ac:dyDescent="0.3">
      <c r="A885" s="11">
        <v>11000432</v>
      </c>
      <c r="B885" s="11">
        <v>4046099</v>
      </c>
      <c r="C885" s="22" t="str">
        <f t="shared" si="13"/>
        <v>https://support.microsoft.com/kb/4046099</v>
      </c>
      <c r="D885" s="3" t="s">
        <v>2284</v>
      </c>
      <c r="E885" s="3" t="s">
        <v>100</v>
      </c>
      <c r="F885" s="3" t="s">
        <v>233</v>
      </c>
      <c r="G885" s="3" t="s">
        <v>1919</v>
      </c>
      <c r="H885" s="3">
        <v>2017</v>
      </c>
      <c r="I885" s="3" t="s">
        <v>103</v>
      </c>
      <c r="J885" s="3" t="s">
        <v>86</v>
      </c>
      <c r="K885" s="14">
        <v>43032</v>
      </c>
      <c r="L885" s="3" t="s">
        <v>1497</v>
      </c>
    </row>
    <row r="886" spans="1:12" x14ac:dyDescent="0.3">
      <c r="A886" s="11">
        <v>10936183</v>
      </c>
      <c r="B886" s="11">
        <v>4039868</v>
      </c>
      <c r="C886" s="22" t="str">
        <f t="shared" si="13"/>
        <v>https://support.microsoft.com/kb/4039868</v>
      </c>
      <c r="D886" s="3" t="s">
        <v>2285</v>
      </c>
      <c r="E886" s="3" t="s">
        <v>100</v>
      </c>
      <c r="F886" s="3" t="s">
        <v>233</v>
      </c>
      <c r="G886" s="3" t="s">
        <v>1919</v>
      </c>
      <c r="H886" s="3">
        <v>2017</v>
      </c>
      <c r="I886" s="3" t="s">
        <v>103</v>
      </c>
      <c r="J886" s="3" t="s">
        <v>86</v>
      </c>
      <c r="K886" s="14">
        <v>43032</v>
      </c>
      <c r="L886" s="3" t="s">
        <v>1497</v>
      </c>
    </row>
    <row r="887" spans="1:12" x14ac:dyDescent="0.3">
      <c r="A887" s="11">
        <v>10985578</v>
      </c>
      <c r="B887" s="11">
        <v>4045329</v>
      </c>
      <c r="C887" s="22" t="str">
        <f t="shared" si="13"/>
        <v>https://support.microsoft.com/kb/4045329</v>
      </c>
      <c r="D887" s="3" t="s">
        <v>2286</v>
      </c>
      <c r="E887" s="3" t="s">
        <v>100</v>
      </c>
      <c r="F887" s="3" t="s">
        <v>233</v>
      </c>
      <c r="G887" s="3" t="s">
        <v>1919</v>
      </c>
      <c r="H887" s="3">
        <v>2017</v>
      </c>
      <c r="I887" s="3" t="s">
        <v>103</v>
      </c>
      <c r="J887" s="3" t="s">
        <v>86</v>
      </c>
      <c r="K887" s="14">
        <v>43032</v>
      </c>
      <c r="L887" s="3" t="s">
        <v>1497</v>
      </c>
    </row>
    <row r="888" spans="1:12" x14ac:dyDescent="0.3">
      <c r="A888" s="11">
        <v>10936185</v>
      </c>
      <c r="B888" s="11">
        <v>4039776</v>
      </c>
      <c r="C888" s="22" t="str">
        <f t="shared" si="13"/>
        <v>https://support.microsoft.com/kb/4039776</v>
      </c>
      <c r="D888" s="3" t="s">
        <v>2287</v>
      </c>
      <c r="E888" s="3" t="s">
        <v>100</v>
      </c>
      <c r="F888" s="3" t="s">
        <v>233</v>
      </c>
      <c r="G888" s="3" t="s">
        <v>1919</v>
      </c>
      <c r="H888" s="3">
        <v>2017</v>
      </c>
      <c r="I888" s="3" t="s">
        <v>103</v>
      </c>
      <c r="J888" s="3" t="s">
        <v>86</v>
      </c>
      <c r="K888" s="14">
        <v>43032</v>
      </c>
      <c r="L888" s="3" t="s">
        <v>1497</v>
      </c>
    </row>
    <row r="889" spans="1:12" x14ac:dyDescent="0.3">
      <c r="A889" s="11">
        <v>10749795</v>
      </c>
      <c r="B889" s="11">
        <v>4043455</v>
      </c>
      <c r="C889" s="22" t="str">
        <f t="shared" si="13"/>
        <v>https://support.microsoft.com/kb/4043455</v>
      </c>
      <c r="D889" s="3" t="s">
        <v>2288</v>
      </c>
      <c r="E889" s="3" t="s">
        <v>100</v>
      </c>
      <c r="F889" s="3" t="s">
        <v>116</v>
      </c>
      <c r="G889" s="3" t="s">
        <v>116</v>
      </c>
      <c r="H889" s="3">
        <v>2017</v>
      </c>
      <c r="I889" s="3" t="s">
        <v>103</v>
      </c>
      <c r="J889" s="3" t="s">
        <v>86</v>
      </c>
      <c r="K889" s="14">
        <v>43032</v>
      </c>
      <c r="L889" s="3" t="s">
        <v>1497</v>
      </c>
    </row>
    <row r="890" spans="1:12" x14ac:dyDescent="0.3">
      <c r="A890" s="11">
        <v>11080104</v>
      </c>
      <c r="B890" s="11">
        <v>4052938</v>
      </c>
      <c r="C890" s="22" t="str">
        <f t="shared" si="13"/>
        <v>https://support.microsoft.com/kb/4052938</v>
      </c>
      <c r="D890" s="3" t="s">
        <v>2289</v>
      </c>
      <c r="E890" s="3" t="s">
        <v>100</v>
      </c>
      <c r="F890" s="3" t="s">
        <v>116</v>
      </c>
      <c r="G890" s="3" t="s">
        <v>116</v>
      </c>
      <c r="H890" s="3">
        <v>2017</v>
      </c>
      <c r="I890" s="3" t="s">
        <v>103</v>
      </c>
      <c r="J890" s="3" t="s">
        <v>86</v>
      </c>
      <c r="K890" s="14">
        <v>43032</v>
      </c>
      <c r="L890" s="3" t="s">
        <v>1497</v>
      </c>
    </row>
    <row r="891" spans="1:12" x14ac:dyDescent="0.3">
      <c r="A891" s="11">
        <v>10921835</v>
      </c>
      <c r="B891" s="11">
        <v>4046065</v>
      </c>
      <c r="C891" s="22" t="str">
        <f t="shared" si="13"/>
        <v>https://support.microsoft.com/kb/4046065</v>
      </c>
      <c r="D891" s="3" t="s">
        <v>2290</v>
      </c>
      <c r="E891" s="3" t="s">
        <v>100</v>
      </c>
      <c r="F891" s="3" t="s">
        <v>101</v>
      </c>
      <c r="G891" s="3" t="s">
        <v>1919</v>
      </c>
      <c r="H891" s="3">
        <v>2017</v>
      </c>
      <c r="I891" s="3" t="s">
        <v>103</v>
      </c>
      <c r="J891" s="3" t="s">
        <v>86</v>
      </c>
      <c r="K891" s="14">
        <v>43032</v>
      </c>
      <c r="L891" s="3" t="s">
        <v>1497</v>
      </c>
    </row>
    <row r="892" spans="1:12" x14ac:dyDescent="0.3">
      <c r="A892" s="11">
        <v>10936097</v>
      </c>
      <c r="B892" s="11">
        <v>4046066</v>
      </c>
      <c r="C892" s="22" t="str">
        <f t="shared" si="13"/>
        <v>https://support.microsoft.com/kb/4046066</v>
      </c>
      <c r="D892" s="3" t="s">
        <v>2291</v>
      </c>
      <c r="E892" s="3" t="s">
        <v>100</v>
      </c>
      <c r="F892" s="3" t="s">
        <v>101</v>
      </c>
      <c r="G892" s="3" t="s">
        <v>1919</v>
      </c>
      <c r="H892" s="3">
        <v>2017</v>
      </c>
      <c r="I892" s="3" t="s">
        <v>103</v>
      </c>
      <c r="J892" s="3" t="s">
        <v>86</v>
      </c>
      <c r="K892" s="14">
        <v>43032</v>
      </c>
      <c r="L892" s="3" t="s">
        <v>1497</v>
      </c>
    </row>
    <row r="893" spans="1:12" x14ac:dyDescent="0.3">
      <c r="A893" s="11">
        <v>10936099</v>
      </c>
      <c r="B893" s="11">
        <v>4045687</v>
      </c>
      <c r="C893" s="22" t="str">
        <f t="shared" si="13"/>
        <v>https://support.microsoft.com/kb/4045687</v>
      </c>
      <c r="D893" s="3" t="s">
        <v>2292</v>
      </c>
      <c r="E893" s="3" t="s">
        <v>100</v>
      </c>
      <c r="F893" s="3" t="s">
        <v>101</v>
      </c>
      <c r="G893" s="3" t="s">
        <v>1919</v>
      </c>
      <c r="H893" s="3">
        <v>2017</v>
      </c>
      <c r="I893" s="3" t="s">
        <v>103</v>
      </c>
      <c r="J893" s="3" t="s">
        <v>86</v>
      </c>
      <c r="K893" s="14">
        <v>43032</v>
      </c>
      <c r="L893" s="3" t="s">
        <v>1497</v>
      </c>
    </row>
    <row r="894" spans="1:12" x14ac:dyDescent="0.3">
      <c r="A894" s="11">
        <v>10965980</v>
      </c>
      <c r="B894" s="11">
        <v>4042251</v>
      </c>
      <c r="C894" s="22" t="str">
        <f t="shared" si="13"/>
        <v>https://support.microsoft.com/kb/4042251</v>
      </c>
      <c r="D894" s="3" t="s">
        <v>2293</v>
      </c>
      <c r="E894" s="3" t="s">
        <v>100</v>
      </c>
      <c r="F894" s="3" t="s">
        <v>101</v>
      </c>
      <c r="G894" s="3" t="s">
        <v>1919</v>
      </c>
      <c r="H894" s="3">
        <v>2017</v>
      </c>
      <c r="I894" s="3" t="s">
        <v>103</v>
      </c>
      <c r="J894" s="3" t="s">
        <v>86</v>
      </c>
      <c r="K894" s="14">
        <v>43032</v>
      </c>
      <c r="L894" s="3" t="s">
        <v>1497</v>
      </c>
    </row>
    <row r="895" spans="1:12" x14ac:dyDescent="0.3">
      <c r="A895" s="11">
        <v>10966010</v>
      </c>
      <c r="B895" s="11">
        <v>4040530</v>
      </c>
      <c r="C895" s="22" t="str">
        <f t="shared" si="13"/>
        <v>https://support.microsoft.com/kb/4040530</v>
      </c>
      <c r="D895" s="3" t="s">
        <v>2294</v>
      </c>
      <c r="E895" s="3" t="s">
        <v>100</v>
      </c>
      <c r="F895" s="3" t="s">
        <v>108</v>
      </c>
      <c r="G895" s="3" t="s">
        <v>1919</v>
      </c>
      <c r="H895" s="3">
        <v>2017</v>
      </c>
      <c r="I895" s="3" t="s">
        <v>103</v>
      </c>
      <c r="J895" s="3" t="s">
        <v>86</v>
      </c>
      <c r="K895" s="14">
        <v>43032</v>
      </c>
      <c r="L895" s="3" t="s">
        <v>1497</v>
      </c>
    </row>
    <row r="896" spans="1:12" x14ac:dyDescent="0.3">
      <c r="A896" s="11">
        <v>10938809</v>
      </c>
      <c r="B896" s="11">
        <v>4044009</v>
      </c>
      <c r="C896" s="22" t="str">
        <f t="shared" si="13"/>
        <v>https://support.microsoft.com/kb/4044009</v>
      </c>
      <c r="D896" s="3" t="s">
        <v>2295</v>
      </c>
      <c r="E896" s="3" t="s">
        <v>100</v>
      </c>
      <c r="F896" s="3" t="s">
        <v>139</v>
      </c>
      <c r="G896" s="3" t="s">
        <v>1919</v>
      </c>
      <c r="H896" s="3">
        <v>2017</v>
      </c>
      <c r="I896" s="3" t="s">
        <v>103</v>
      </c>
      <c r="J896" s="3" t="s">
        <v>86</v>
      </c>
      <c r="K896" s="14">
        <v>43032</v>
      </c>
      <c r="L896" s="3" t="s">
        <v>1497</v>
      </c>
    </row>
    <row r="897" spans="1:12" x14ac:dyDescent="0.3">
      <c r="A897" s="11">
        <v>10965984</v>
      </c>
      <c r="B897" s="11">
        <v>4039966</v>
      </c>
      <c r="C897" s="22" t="str">
        <f t="shared" si="13"/>
        <v>https://support.microsoft.com/kb/4039966</v>
      </c>
      <c r="D897" s="3" t="s">
        <v>2296</v>
      </c>
      <c r="E897" s="3" t="s">
        <v>100</v>
      </c>
      <c r="F897" s="3" t="s">
        <v>579</v>
      </c>
      <c r="G897" s="3" t="s">
        <v>1919</v>
      </c>
      <c r="H897" s="3">
        <v>2017</v>
      </c>
      <c r="I897" s="3" t="s">
        <v>103</v>
      </c>
      <c r="J897" s="3" t="s">
        <v>86</v>
      </c>
      <c r="K897" s="14">
        <v>43032</v>
      </c>
      <c r="L897" s="3" t="s">
        <v>1497</v>
      </c>
    </row>
    <row r="898" spans="1:12" x14ac:dyDescent="0.3">
      <c r="A898" s="11">
        <v>10867554</v>
      </c>
      <c r="B898" s="11">
        <v>4043459</v>
      </c>
      <c r="C898" s="22" t="str">
        <f t="shared" si="13"/>
        <v>https://support.microsoft.com/kb/4043459</v>
      </c>
      <c r="D898" s="3" t="s">
        <v>2297</v>
      </c>
      <c r="E898" s="3" t="s">
        <v>100</v>
      </c>
      <c r="F898" s="3" t="s">
        <v>110</v>
      </c>
      <c r="G898" s="3" t="s">
        <v>1919</v>
      </c>
      <c r="H898" s="3">
        <v>2017</v>
      </c>
      <c r="I898" s="3" t="s">
        <v>103</v>
      </c>
      <c r="J898" s="3" t="s">
        <v>86</v>
      </c>
      <c r="K898" s="14">
        <v>43032</v>
      </c>
      <c r="L898" s="3" t="s">
        <v>1497</v>
      </c>
    </row>
    <row r="899" spans="1:12" x14ac:dyDescent="0.3">
      <c r="A899" s="11">
        <v>10966016</v>
      </c>
      <c r="B899" s="11">
        <v>4039736</v>
      </c>
      <c r="C899" s="22" t="str">
        <f t="shared" si="13"/>
        <v>https://support.microsoft.com/kb/4039736</v>
      </c>
      <c r="D899" s="3" t="s">
        <v>2298</v>
      </c>
      <c r="E899" s="3" t="s">
        <v>100</v>
      </c>
      <c r="F899" s="3" t="s">
        <v>110</v>
      </c>
      <c r="G899" s="3" t="s">
        <v>1919</v>
      </c>
      <c r="H899" s="3">
        <v>2017</v>
      </c>
      <c r="I899" s="3" t="s">
        <v>103</v>
      </c>
      <c r="J899" s="3" t="s">
        <v>86</v>
      </c>
      <c r="K899" s="14">
        <v>43032</v>
      </c>
      <c r="L899" s="3" t="s">
        <v>1497</v>
      </c>
    </row>
    <row r="900" spans="1:12" x14ac:dyDescent="0.3">
      <c r="A900" s="11">
        <v>10966009</v>
      </c>
      <c r="B900" s="11">
        <v>4038113</v>
      </c>
      <c r="C900" s="22" t="str">
        <f t="shared" si="13"/>
        <v>https://support.microsoft.com/kb/4038113</v>
      </c>
      <c r="D900" s="3" t="s">
        <v>2299</v>
      </c>
      <c r="E900" s="3" t="s">
        <v>100</v>
      </c>
      <c r="F900" s="3" t="s">
        <v>127</v>
      </c>
      <c r="G900" s="3" t="s">
        <v>1919</v>
      </c>
      <c r="H900" s="3">
        <v>2017</v>
      </c>
      <c r="I900" s="3" t="s">
        <v>103</v>
      </c>
      <c r="J900" s="3" t="s">
        <v>86</v>
      </c>
      <c r="K900" s="14">
        <v>43032</v>
      </c>
      <c r="L900" s="3" t="s">
        <v>1497</v>
      </c>
    </row>
    <row r="901" spans="1:12" x14ac:dyDescent="0.3">
      <c r="A901" s="11">
        <v>10889338</v>
      </c>
      <c r="B901" s="11">
        <v>4042885</v>
      </c>
      <c r="C901" s="22" t="str">
        <f t="shared" si="13"/>
        <v>https://support.microsoft.com/kb/4042885</v>
      </c>
      <c r="D901" s="3" t="s">
        <v>2300</v>
      </c>
      <c r="E901" s="3" t="s">
        <v>100</v>
      </c>
      <c r="F901" s="3" t="s">
        <v>113</v>
      </c>
      <c r="G901" s="3" t="s">
        <v>1919</v>
      </c>
      <c r="H901" s="3">
        <v>2017</v>
      </c>
      <c r="I901" s="3" t="s">
        <v>103</v>
      </c>
      <c r="J901" s="3" t="s">
        <v>86</v>
      </c>
      <c r="K901" s="14">
        <v>43032</v>
      </c>
      <c r="L901" s="3" t="s">
        <v>1497</v>
      </c>
    </row>
    <row r="902" spans="1:12" x14ac:dyDescent="0.3">
      <c r="A902" s="11">
        <v>10691456</v>
      </c>
      <c r="B902" s="11">
        <v>4023926</v>
      </c>
      <c r="C902" s="22" t="str">
        <f t="shared" si="13"/>
        <v>https://support.microsoft.com/kb/4023926</v>
      </c>
      <c r="D902" s="3" t="s">
        <v>2301</v>
      </c>
      <c r="E902" s="3" t="s">
        <v>100</v>
      </c>
      <c r="F902" s="3" t="s">
        <v>120</v>
      </c>
      <c r="G902" s="3" t="s">
        <v>1919</v>
      </c>
      <c r="H902" s="3">
        <v>2017</v>
      </c>
      <c r="I902" s="3" t="s">
        <v>103</v>
      </c>
      <c r="J902" s="3" t="s">
        <v>86</v>
      </c>
      <c r="K902" s="14">
        <v>43032</v>
      </c>
      <c r="L902" s="3" t="s">
        <v>1497</v>
      </c>
    </row>
    <row r="903" spans="1:12" x14ac:dyDescent="0.3">
      <c r="A903" s="11">
        <v>10691460</v>
      </c>
      <c r="B903" s="11">
        <v>4034376</v>
      </c>
      <c r="C903" s="22" t="str">
        <f t="shared" ref="C903:C934" si="14">HYPERLINK("https://support.microsoft.com/kb/"&amp;B903)</f>
        <v>https://support.microsoft.com/kb/4034376</v>
      </c>
      <c r="D903" s="3" t="s">
        <v>133</v>
      </c>
      <c r="E903" s="3" t="s">
        <v>100</v>
      </c>
      <c r="F903" s="3" t="s">
        <v>120</v>
      </c>
      <c r="G903" s="3" t="s">
        <v>1057</v>
      </c>
      <c r="H903" s="3">
        <v>2017</v>
      </c>
      <c r="I903" s="3" t="s">
        <v>103</v>
      </c>
      <c r="J903" s="3" t="s">
        <v>86</v>
      </c>
      <c r="K903" s="14">
        <v>43032</v>
      </c>
      <c r="L903" s="3" t="s">
        <v>1497</v>
      </c>
    </row>
    <row r="904" spans="1:12" x14ac:dyDescent="0.3">
      <c r="A904" s="11">
        <v>10868749</v>
      </c>
      <c r="B904" s="11">
        <v>4040401</v>
      </c>
      <c r="C904" s="22" t="str">
        <f t="shared" si="14"/>
        <v>https://support.microsoft.com/kb/4040401</v>
      </c>
      <c r="D904" s="3" t="s">
        <v>2302</v>
      </c>
      <c r="E904" s="3" t="s">
        <v>100</v>
      </c>
      <c r="F904" s="3" t="s">
        <v>145</v>
      </c>
      <c r="G904" s="3" t="s">
        <v>1919</v>
      </c>
      <c r="H904" s="3">
        <v>2017</v>
      </c>
      <c r="I904" s="3" t="s">
        <v>103</v>
      </c>
      <c r="J904" s="3" t="s">
        <v>86</v>
      </c>
      <c r="K904" s="14">
        <v>43032</v>
      </c>
      <c r="L904" s="3" t="s">
        <v>1497</v>
      </c>
    </row>
    <row r="905" spans="1:12" x14ac:dyDescent="0.3">
      <c r="A905" s="11">
        <v>11008122</v>
      </c>
      <c r="B905" s="11">
        <v>4046638</v>
      </c>
      <c r="C905" s="22" t="str">
        <f t="shared" si="14"/>
        <v>https://support.microsoft.com/kb/4046638</v>
      </c>
      <c r="D905" s="3" t="s">
        <v>2303</v>
      </c>
      <c r="E905" s="3" t="s">
        <v>100</v>
      </c>
      <c r="F905" s="3" t="s">
        <v>153</v>
      </c>
      <c r="G905" s="3" t="s">
        <v>1919</v>
      </c>
      <c r="H905" s="3">
        <v>2017</v>
      </c>
      <c r="I905" s="3" t="s">
        <v>103</v>
      </c>
      <c r="J905" s="3" t="s">
        <v>86</v>
      </c>
      <c r="K905" s="14">
        <v>43032</v>
      </c>
      <c r="L905" s="3" t="s">
        <v>1497</v>
      </c>
    </row>
    <row r="906" spans="1:12" x14ac:dyDescent="0.3">
      <c r="A906" s="11">
        <v>10870647</v>
      </c>
      <c r="B906" s="11">
        <v>4024622</v>
      </c>
      <c r="C906" s="22" t="str">
        <f t="shared" si="14"/>
        <v>https://support.microsoft.com/kb/4024622</v>
      </c>
      <c r="D906" s="3" t="s">
        <v>2304</v>
      </c>
      <c r="E906" s="3" t="s">
        <v>100</v>
      </c>
      <c r="F906" s="3" t="s">
        <v>159</v>
      </c>
      <c r="G906" s="3" t="s">
        <v>1919</v>
      </c>
      <c r="H906" s="3">
        <v>2017</v>
      </c>
      <c r="I906" s="3" t="s">
        <v>103</v>
      </c>
      <c r="J906" s="3" t="s">
        <v>86</v>
      </c>
      <c r="K906" s="14">
        <v>43032</v>
      </c>
      <c r="L906" s="3" t="s">
        <v>1497</v>
      </c>
    </row>
    <row r="907" spans="1:12" x14ac:dyDescent="0.3">
      <c r="A907" s="11">
        <v>10998915</v>
      </c>
      <c r="B907" s="11">
        <v>4046744</v>
      </c>
      <c r="C907" s="22" t="str">
        <f t="shared" si="14"/>
        <v>https://support.microsoft.com/kb/4046744</v>
      </c>
      <c r="D907" s="3" t="s">
        <v>2305</v>
      </c>
      <c r="E907" s="3" t="s">
        <v>100</v>
      </c>
      <c r="F907" s="3" t="s">
        <v>1009</v>
      </c>
      <c r="G907" s="3" t="s">
        <v>1919</v>
      </c>
      <c r="H907" s="3">
        <v>2017</v>
      </c>
      <c r="I907" s="3" t="s">
        <v>103</v>
      </c>
      <c r="J907" s="3" t="s">
        <v>86</v>
      </c>
      <c r="K907" s="14">
        <v>43032</v>
      </c>
      <c r="L907" s="3" t="s">
        <v>1497</v>
      </c>
    </row>
    <row r="908" spans="1:12" x14ac:dyDescent="0.3">
      <c r="A908" s="11">
        <v>10936411</v>
      </c>
      <c r="B908" s="11">
        <v>4040276</v>
      </c>
      <c r="C908" s="22" t="str">
        <f t="shared" si="14"/>
        <v>https://support.microsoft.com/kb/4040276</v>
      </c>
      <c r="D908" s="3" t="s">
        <v>2306</v>
      </c>
      <c r="E908" s="3" t="s">
        <v>100</v>
      </c>
      <c r="F908" s="3" t="s">
        <v>165</v>
      </c>
      <c r="G908" s="3" t="s">
        <v>1919</v>
      </c>
      <c r="H908" s="3">
        <v>2017</v>
      </c>
      <c r="I908" s="3" t="s">
        <v>103</v>
      </c>
      <c r="J908" s="3" t="s">
        <v>86</v>
      </c>
      <c r="K908" s="14">
        <v>43032</v>
      </c>
      <c r="L908" s="3" t="s">
        <v>1497</v>
      </c>
    </row>
    <row r="909" spans="1:12" x14ac:dyDescent="0.3">
      <c r="A909" s="11">
        <v>10865727</v>
      </c>
      <c r="B909" s="11">
        <v>4024393</v>
      </c>
      <c r="C909" s="22" t="str">
        <f t="shared" si="14"/>
        <v>https://support.microsoft.com/kb/4024393</v>
      </c>
      <c r="D909" s="3" t="s">
        <v>2307</v>
      </c>
      <c r="E909" s="3" t="s">
        <v>100</v>
      </c>
      <c r="F909" s="3" t="s">
        <v>165</v>
      </c>
      <c r="G909" s="3" t="s">
        <v>1919</v>
      </c>
      <c r="H909" s="3">
        <v>2017</v>
      </c>
      <c r="I909" s="3" t="s">
        <v>103</v>
      </c>
      <c r="J909" s="3" t="s">
        <v>86</v>
      </c>
      <c r="K909" s="14">
        <v>43032</v>
      </c>
      <c r="L909" s="3" t="s">
        <v>1497</v>
      </c>
    </row>
    <row r="910" spans="1:12" x14ac:dyDescent="0.3">
      <c r="A910" s="11">
        <v>11003299</v>
      </c>
      <c r="B910" s="11">
        <v>4046055</v>
      </c>
      <c r="C910" s="22" t="str">
        <f t="shared" si="14"/>
        <v>https://support.microsoft.com/kb/4046055</v>
      </c>
      <c r="D910" s="3" t="s">
        <v>2308</v>
      </c>
      <c r="E910" s="3" t="s">
        <v>100</v>
      </c>
      <c r="F910" s="3" t="s">
        <v>269</v>
      </c>
      <c r="G910" s="3" t="s">
        <v>1919</v>
      </c>
      <c r="H910" s="3">
        <v>2017</v>
      </c>
      <c r="I910" s="3" t="s">
        <v>103</v>
      </c>
      <c r="J910" s="3" t="s">
        <v>86</v>
      </c>
      <c r="K910" s="14">
        <v>43032</v>
      </c>
      <c r="L910" s="3" t="s">
        <v>1497</v>
      </c>
    </row>
    <row r="911" spans="1:12" x14ac:dyDescent="0.3">
      <c r="A911" s="11">
        <v>11003402</v>
      </c>
      <c r="B911" s="11">
        <v>4046022</v>
      </c>
      <c r="C911" s="22" t="str">
        <f t="shared" si="14"/>
        <v>https://support.microsoft.com/kb/4046022</v>
      </c>
      <c r="D911" s="3" t="s">
        <v>2309</v>
      </c>
      <c r="E911" s="3" t="s">
        <v>100</v>
      </c>
      <c r="F911" s="3" t="s">
        <v>269</v>
      </c>
      <c r="G911" s="3" t="s">
        <v>1919</v>
      </c>
      <c r="H911" s="3">
        <v>2017</v>
      </c>
      <c r="I911" s="3" t="s">
        <v>103</v>
      </c>
      <c r="J911" s="3" t="s">
        <v>86</v>
      </c>
      <c r="K911" s="14">
        <v>43032</v>
      </c>
      <c r="L911" s="3" t="s">
        <v>1497</v>
      </c>
    </row>
    <row r="912" spans="1:12" x14ac:dyDescent="0.3">
      <c r="A912" s="11">
        <v>10868768</v>
      </c>
      <c r="B912" s="11">
        <v>4039510</v>
      </c>
      <c r="C912" s="22" t="str">
        <f t="shared" si="14"/>
        <v>https://support.microsoft.com/kb/4039510</v>
      </c>
      <c r="D912" s="3" t="s">
        <v>2310</v>
      </c>
      <c r="E912" s="3" t="s">
        <v>100</v>
      </c>
      <c r="F912" s="3" t="s">
        <v>725</v>
      </c>
      <c r="G912" s="3" t="s">
        <v>1919</v>
      </c>
      <c r="H912" s="3">
        <v>2017</v>
      </c>
      <c r="I912" s="3" t="s">
        <v>103</v>
      </c>
      <c r="J912" s="3" t="s">
        <v>86</v>
      </c>
      <c r="K912" s="14">
        <v>43032</v>
      </c>
      <c r="L912" s="3" t="s">
        <v>1497</v>
      </c>
    </row>
    <row r="913" spans="1:12" x14ac:dyDescent="0.3">
      <c r="A913" s="11">
        <v>10986691</v>
      </c>
      <c r="B913" s="11">
        <v>4045678</v>
      </c>
      <c r="C913" s="22" t="str">
        <f t="shared" si="14"/>
        <v>https://support.microsoft.com/kb/4045678</v>
      </c>
      <c r="D913" s="3" t="s">
        <v>2311</v>
      </c>
      <c r="E913" s="3" t="s">
        <v>107</v>
      </c>
      <c r="F913" s="3" t="s">
        <v>770</v>
      </c>
      <c r="G913" s="3" t="s">
        <v>1919</v>
      </c>
      <c r="H913" s="3">
        <v>2017</v>
      </c>
      <c r="I913" s="3" t="s">
        <v>103</v>
      </c>
      <c r="J913" s="3" t="s">
        <v>86</v>
      </c>
      <c r="K913" s="14">
        <v>43032</v>
      </c>
      <c r="L913" s="3" t="s">
        <v>1497</v>
      </c>
    </row>
    <row r="914" spans="1:12" x14ac:dyDescent="0.3">
      <c r="A914" s="11">
        <v>10868755</v>
      </c>
      <c r="B914" s="11">
        <v>4040512</v>
      </c>
      <c r="C914" s="22" t="str">
        <f t="shared" si="14"/>
        <v>https://support.microsoft.com/kb/4040512</v>
      </c>
      <c r="D914" s="3" t="s">
        <v>2312</v>
      </c>
      <c r="E914" s="3" t="s">
        <v>180</v>
      </c>
      <c r="F914" s="3" t="s">
        <v>2164</v>
      </c>
      <c r="G914" s="3" t="s">
        <v>462</v>
      </c>
      <c r="H914" s="3">
        <v>2017</v>
      </c>
      <c r="I914" s="3" t="s">
        <v>103</v>
      </c>
      <c r="J914" s="3" t="s">
        <v>86</v>
      </c>
      <c r="K914" s="14">
        <v>43032</v>
      </c>
      <c r="L914" s="3" t="s">
        <v>1497</v>
      </c>
    </row>
    <row r="915" spans="1:12" x14ac:dyDescent="0.3">
      <c r="A915" s="11">
        <v>10978904</v>
      </c>
      <c r="B915" s="11">
        <v>4043624</v>
      </c>
      <c r="C915" s="22" t="str">
        <f t="shared" si="14"/>
        <v>https://support.microsoft.com/kb/4043624</v>
      </c>
      <c r="D915" s="3" t="s">
        <v>2313</v>
      </c>
      <c r="E915" s="3" t="s">
        <v>100</v>
      </c>
      <c r="F915" s="3" t="s">
        <v>120</v>
      </c>
      <c r="G915" s="3" t="s">
        <v>462</v>
      </c>
      <c r="H915" s="3">
        <v>2017</v>
      </c>
      <c r="I915" s="3" t="s">
        <v>103</v>
      </c>
      <c r="J915" s="3" t="s">
        <v>86</v>
      </c>
      <c r="K915" s="14">
        <v>43032</v>
      </c>
      <c r="L915" s="3" t="s">
        <v>1497</v>
      </c>
    </row>
    <row r="916" spans="1:12" x14ac:dyDescent="0.3">
      <c r="A916" s="11">
        <v>10965952</v>
      </c>
      <c r="B916" s="11">
        <v>4024860</v>
      </c>
      <c r="C916" s="22" t="str">
        <f t="shared" si="14"/>
        <v>https://support.microsoft.com/kb/4024860</v>
      </c>
      <c r="D916" s="3" t="s">
        <v>2314</v>
      </c>
      <c r="E916" s="3" t="s">
        <v>100</v>
      </c>
      <c r="F916" s="3" t="s">
        <v>214</v>
      </c>
      <c r="G916" s="3" t="s">
        <v>462</v>
      </c>
      <c r="H916" s="3">
        <v>2017</v>
      </c>
      <c r="I916" s="3" t="s">
        <v>103</v>
      </c>
      <c r="J916" s="3" t="s">
        <v>86</v>
      </c>
      <c r="K916" s="14">
        <v>43032</v>
      </c>
      <c r="L916" s="3" t="s">
        <v>1497</v>
      </c>
    </row>
    <row r="917" spans="1:12" x14ac:dyDescent="0.3">
      <c r="A917" s="11">
        <v>10965988</v>
      </c>
      <c r="B917" s="11">
        <v>4040519</v>
      </c>
      <c r="C917" s="22" t="str">
        <f t="shared" si="14"/>
        <v>https://support.microsoft.com/kb/4040519</v>
      </c>
      <c r="D917" s="3" t="s">
        <v>2315</v>
      </c>
      <c r="E917" s="3" t="s">
        <v>100</v>
      </c>
      <c r="F917" s="3" t="s">
        <v>101</v>
      </c>
      <c r="G917" s="3" t="s">
        <v>462</v>
      </c>
      <c r="H917" s="3">
        <v>2017</v>
      </c>
      <c r="I917" s="3" t="s">
        <v>103</v>
      </c>
      <c r="J917" s="3" t="s">
        <v>86</v>
      </c>
      <c r="K917" s="14">
        <v>43032</v>
      </c>
      <c r="L917" s="3" t="s">
        <v>1497</v>
      </c>
    </row>
    <row r="918" spans="1:12" x14ac:dyDescent="0.3">
      <c r="A918" s="11">
        <v>10965968</v>
      </c>
      <c r="B918" s="11">
        <v>4040533</v>
      </c>
      <c r="C918" s="22" t="str">
        <f t="shared" si="14"/>
        <v>https://support.microsoft.com/kb/4040533</v>
      </c>
      <c r="D918" s="3" t="s">
        <v>2316</v>
      </c>
      <c r="E918" s="3" t="s">
        <v>100</v>
      </c>
      <c r="F918" s="3" t="s">
        <v>110</v>
      </c>
      <c r="G918" s="3" t="s">
        <v>462</v>
      </c>
      <c r="H918" s="3">
        <v>2017</v>
      </c>
      <c r="I918" s="3" t="s">
        <v>103</v>
      </c>
      <c r="J918" s="3" t="s">
        <v>86</v>
      </c>
      <c r="K918" s="14">
        <v>43032</v>
      </c>
      <c r="L918" s="3" t="s">
        <v>1497</v>
      </c>
    </row>
    <row r="919" spans="1:12" x14ac:dyDescent="0.3">
      <c r="A919" s="11">
        <v>10936563</v>
      </c>
      <c r="B919" s="11">
        <v>4039089</v>
      </c>
      <c r="C919" s="22" t="str">
        <f t="shared" si="14"/>
        <v>https://support.microsoft.com/kb/4039089</v>
      </c>
      <c r="D919" s="3" t="s">
        <v>2317</v>
      </c>
      <c r="E919" s="3" t="s">
        <v>100</v>
      </c>
      <c r="F919" s="3" t="s">
        <v>139</v>
      </c>
      <c r="G919" s="3" t="s">
        <v>462</v>
      </c>
      <c r="H919" s="3">
        <v>2017</v>
      </c>
      <c r="I919" s="3" t="s">
        <v>103</v>
      </c>
      <c r="J919" s="3" t="s">
        <v>86</v>
      </c>
      <c r="K919" s="14">
        <v>43032</v>
      </c>
      <c r="L919" s="3" t="s">
        <v>1497</v>
      </c>
    </row>
    <row r="920" spans="1:12" x14ac:dyDescent="0.3">
      <c r="A920" s="11">
        <v>10682356</v>
      </c>
      <c r="B920" s="11">
        <v>3212541</v>
      </c>
      <c r="C920" s="22" t="str">
        <f t="shared" si="14"/>
        <v>https://support.microsoft.com/kb/3212541</v>
      </c>
      <c r="D920" s="3" t="s">
        <v>2318</v>
      </c>
      <c r="E920" s="3" t="s">
        <v>180</v>
      </c>
      <c r="F920" s="3" t="s">
        <v>180</v>
      </c>
      <c r="G920" s="3" t="s">
        <v>462</v>
      </c>
      <c r="H920" s="3">
        <v>2017</v>
      </c>
      <c r="I920" s="3" t="s">
        <v>103</v>
      </c>
      <c r="J920" s="3" t="s">
        <v>86</v>
      </c>
      <c r="K920" s="14">
        <v>43032</v>
      </c>
      <c r="L920" s="3" t="s">
        <v>1497</v>
      </c>
    </row>
    <row r="921" spans="1:12" x14ac:dyDescent="0.3">
      <c r="A921" s="11">
        <v>10687745</v>
      </c>
      <c r="B921" s="11">
        <v>4018908</v>
      </c>
      <c r="C921" s="22" t="str">
        <f t="shared" si="14"/>
        <v>https://support.microsoft.com/kb/4018908</v>
      </c>
      <c r="D921" s="3" t="s">
        <v>2319</v>
      </c>
      <c r="E921" s="3" t="s">
        <v>180</v>
      </c>
      <c r="F921" s="3" t="s">
        <v>180</v>
      </c>
      <c r="G921" s="3" t="s">
        <v>462</v>
      </c>
      <c r="H921" s="3">
        <v>2017</v>
      </c>
      <c r="I921" s="3" t="s">
        <v>103</v>
      </c>
      <c r="J921" s="3" t="s">
        <v>86</v>
      </c>
      <c r="K921" s="14">
        <v>43032</v>
      </c>
      <c r="L921" s="3" t="s">
        <v>1497</v>
      </c>
    </row>
    <row r="922" spans="1:12" x14ac:dyDescent="0.3">
      <c r="A922" s="11">
        <v>10070694</v>
      </c>
      <c r="B922" s="11">
        <v>4019840</v>
      </c>
      <c r="C922" s="22" t="str">
        <f t="shared" si="14"/>
        <v>https://support.microsoft.com/kb/4019840</v>
      </c>
      <c r="D922" s="3" t="s">
        <v>2320</v>
      </c>
      <c r="E922" s="3" t="s">
        <v>100</v>
      </c>
      <c r="F922" s="3" t="s">
        <v>579</v>
      </c>
      <c r="G922" s="3" t="s">
        <v>462</v>
      </c>
      <c r="H922" s="3">
        <v>2017</v>
      </c>
      <c r="I922" s="3" t="s">
        <v>103</v>
      </c>
      <c r="J922" s="3" t="s">
        <v>86</v>
      </c>
      <c r="K922" s="14">
        <v>43032</v>
      </c>
      <c r="L922" s="3" t="s">
        <v>1497</v>
      </c>
    </row>
    <row r="923" spans="1:12" x14ac:dyDescent="0.3">
      <c r="A923" s="11">
        <v>10682343</v>
      </c>
      <c r="B923" s="11">
        <v>4021994</v>
      </c>
      <c r="C923" s="22" t="str">
        <f t="shared" si="14"/>
        <v>https://support.microsoft.com/kb/4021994</v>
      </c>
      <c r="D923" s="3" t="s">
        <v>2321</v>
      </c>
      <c r="E923" s="3" t="s">
        <v>180</v>
      </c>
      <c r="F923" s="3" t="s">
        <v>180</v>
      </c>
      <c r="G923" s="3" t="s">
        <v>462</v>
      </c>
      <c r="H923" s="3">
        <v>2017</v>
      </c>
      <c r="I923" s="3" t="s">
        <v>103</v>
      </c>
      <c r="J923" s="3" t="s">
        <v>86</v>
      </c>
      <c r="K923" s="14">
        <v>43032</v>
      </c>
      <c r="L923" s="3" t="s">
        <v>1497</v>
      </c>
    </row>
    <row r="924" spans="1:12" x14ac:dyDescent="0.3">
      <c r="A924" s="11">
        <v>10682338</v>
      </c>
      <c r="B924" s="11">
        <v>4022594</v>
      </c>
      <c r="C924" s="22" t="str">
        <f t="shared" si="14"/>
        <v>https://support.microsoft.com/kb/4022594</v>
      </c>
      <c r="D924" s="3" t="s">
        <v>2322</v>
      </c>
      <c r="E924" s="3" t="s">
        <v>180</v>
      </c>
      <c r="F924" s="3" t="s">
        <v>180</v>
      </c>
      <c r="G924" s="3" t="s">
        <v>462</v>
      </c>
      <c r="H924" s="3">
        <v>2017</v>
      </c>
      <c r="I924" s="3" t="s">
        <v>103</v>
      </c>
      <c r="J924" s="3" t="s">
        <v>86</v>
      </c>
      <c r="K924" s="14">
        <v>43032</v>
      </c>
      <c r="L924" s="3" t="s">
        <v>1497</v>
      </c>
    </row>
    <row r="925" spans="1:12" x14ac:dyDescent="0.3">
      <c r="A925" s="11">
        <v>10687757</v>
      </c>
      <c r="B925" s="11">
        <v>4022753</v>
      </c>
      <c r="C925" s="22" t="str">
        <f t="shared" si="14"/>
        <v>https://support.microsoft.com/kb/4022753</v>
      </c>
      <c r="D925" s="3" t="s">
        <v>2323</v>
      </c>
      <c r="E925" s="3" t="s">
        <v>180</v>
      </c>
      <c r="F925" s="3" t="s">
        <v>180</v>
      </c>
      <c r="G925" s="3" t="s">
        <v>462</v>
      </c>
      <c r="H925" s="3">
        <v>2017</v>
      </c>
      <c r="I925" s="3" t="s">
        <v>103</v>
      </c>
      <c r="J925" s="3" t="s">
        <v>86</v>
      </c>
      <c r="K925" s="14">
        <v>43032</v>
      </c>
      <c r="L925" s="3" t="s">
        <v>1497</v>
      </c>
    </row>
    <row r="926" spans="1:12" x14ac:dyDescent="0.3">
      <c r="A926" s="11">
        <v>10687776</v>
      </c>
      <c r="B926" s="11">
        <v>4023865</v>
      </c>
      <c r="C926" s="22" t="str">
        <f t="shared" si="14"/>
        <v>https://support.microsoft.com/kb/4023865</v>
      </c>
      <c r="D926" s="3" t="s">
        <v>2324</v>
      </c>
      <c r="E926" s="3" t="s">
        <v>178</v>
      </c>
      <c r="F926" s="3" t="s">
        <v>689</v>
      </c>
      <c r="G926" s="3" t="s">
        <v>462</v>
      </c>
      <c r="H926" s="3">
        <v>2017</v>
      </c>
      <c r="I926" s="3" t="s">
        <v>103</v>
      </c>
      <c r="J926" s="3" t="s">
        <v>86</v>
      </c>
      <c r="K926" s="14">
        <v>43032</v>
      </c>
      <c r="L926" s="3" t="s">
        <v>1497</v>
      </c>
    </row>
    <row r="927" spans="1:12" x14ac:dyDescent="0.3">
      <c r="A927" s="11">
        <v>10687780</v>
      </c>
      <c r="B927" s="11">
        <v>4023995</v>
      </c>
      <c r="C927" s="22" t="str">
        <f t="shared" si="14"/>
        <v>https://support.microsoft.com/kb/4023995</v>
      </c>
      <c r="D927" s="3" t="s">
        <v>2325</v>
      </c>
      <c r="E927" s="3" t="s">
        <v>100</v>
      </c>
      <c r="F927" s="3" t="s">
        <v>137</v>
      </c>
      <c r="G927" s="3" t="s">
        <v>462</v>
      </c>
      <c r="H927" s="3">
        <v>2017</v>
      </c>
      <c r="I927" s="3" t="s">
        <v>103</v>
      </c>
      <c r="J927" s="3" t="s">
        <v>86</v>
      </c>
      <c r="K927" s="14">
        <v>43032</v>
      </c>
      <c r="L927" s="3" t="s">
        <v>1497</v>
      </c>
    </row>
    <row r="928" spans="1:12" x14ac:dyDescent="0.3">
      <c r="A928" s="11">
        <v>10682349</v>
      </c>
      <c r="B928" s="11">
        <v>4024023</v>
      </c>
      <c r="C928" s="22" t="str">
        <f t="shared" si="14"/>
        <v>https://support.microsoft.com/kb/4024023</v>
      </c>
      <c r="D928" s="3" t="s">
        <v>2326</v>
      </c>
      <c r="E928" s="3" t="s">
        <v>180</v>
      </c>
      <c r="F928" s="3" t="s">
        <v>180</v>
      </c>
      <c r="G928" s="3" t="s">
        <v>462</v>
      </c>
      <c r="H928" s="3">
        <v>2017</v>
      </c>
      <c r="I928" s="3" t="s">
        <v>103</v>
      </c>
      <c r="J928" s="3" t="s">
        <v>86</v>
      </c>
      <c r="K928" s="14">
        <v>43032</v>
      </c>
      <c r="L928" s="3" t="s">
        <v>1497</v>
      </c>
    </row>
    <row r="929" spans="1:12" x14ac:dyDescent="0.3">
      <c r="A929" s="11">
        <v>10687784</v>
      </c>
      <c r="B929" s="11">
        <v>4025402</v>
      </c>
      <c r="C929" s="22" t="str">
        <f t="shared" si="14"/>
        <v>https://support.microsoft.com/kb/4025402</v>
      </c>
      <c r="D929" s="3" t="s">
        <v>2327</v>
      </c>
      <c r="E929" s="3" t="s">
        <v>180</v>
      </c>
      <c r="F929" s="3" t="s">
        <v>180</v>
      </c>
      <c r="G929" s="3" t="s">
        <v>462</v>
      </c>
      <c r="H929" s="3">
        <v>2017</v>
      </c>
      <c r="I929" s="3" t="s">
        <v>103</v>
      </c>
      <c r="J929" s="3" t="s">
        <v>86</v>
      </c>
      <c r="K929" s="14">
        <v>43032</v>
      </c>
      <c r="L929" s="3" t="s">
        <v>1497</v>
      </c>
    </row>
    <row r="930" spans="1:12" x14ac:dyDescent="0.3">
      <c r="A930" s="11">
        <v>10682367</v>
      </c>
      <c r="B930" s="11">
        <v>4032543</v>
      </c>
      <c r="C930" s="22" t="str">
        <f t="shared" si="14"/>
        <v>https://support.microsoft.com/kb/4032543</v>
      </c>
      <c r="D930" s="3" t="s">
        <v>2328</v>
      </c>
      <c r="E930" s="3" t="s">
        <v>180</v>
      </c>
      <c r="F930" s="3" t="s">
        <v>180</v>
      </c>
      <c r="G930" s="3" t="s">
        <v>462</v>
      </c>
      <c r="H930" s="3">
        <v>2017</v>
      </c>
      <c r="I930" s="3" t="s">
        <v>103</v>
      </c>
      <c r="J930" s="3" t="s">
        <v>86</v>
      </c>
      <c r="K930" s="14">
        <v>43032</v>
      </c>
      <c r="L930" s="3" t="s">
        <v>1497</v>
      </c>
    </row>
    <row r="931" spans="1:12" x14ac:dyDescent="0.3">
      <c r="A931" s="11">
        <v>10682313</v>
      </c>
      <c r="B931" s="11">
        <v>4043103</v>
      </c>
      <c r="C931" s="22" t="str">
        <f t="shared" si="14"/>
        <v>https://support.microsoft.com/kb/4043103</v>
      </c>
      <c r="D931" s="3" t="s">
        <v>2329</v>
      </c>
      <c r="E931" s="3" t="s">
        <v>178</v>
      </c>
      <c r="F931" s="3" t="s">
        <v>689</v>
      </c>
      <c r="G931" s="3" t="s">
        <v>462</v>
      </c>
      <c r="H931" s="3">
        <v>2017</v>
      </c>
      <c r="I931" s="3" t="s">
        <v>103</v>
      </c>
      <c r="J931" s="3" t="s">
        <v>86</v>
      </c>
      <c r="K931" s="14">
        <v>43032</v>
      </c>
      <c r="L931" s="3" t="s">
        <v>1497</v>
      </c>
    </row>
    <row r="932" spans="1:12" x14ac:dyDescent="0.3">
      <c r="A932" s="11">
        <v>10982548</v>
      </c>
      <c r="B932" s="11">
        <v>4046918</v>
      </c>
      <c r="C932" s="22" t="str">
        <f t="shared" si="14"/>
        <v>https://support.microsoft.com/kb/4046918</v>
      </c>
      <c r="D932" s="3" t="s">
        <v>2330</v>
      </c>
      <c r="E932" s="3" t="s">
        <v>100</v>
      </c>
      <c r="F932" s="3" t="s">
        <v>137</v>
      </c>
      <c r="G932" s="3" t="s">
        <v>462</v>
      </c>
      <c r="H932" s="3">
        <v>2017</v>
      </c>
      <c r="I932" s="3" t="s">
        <v>103</v>
      </c>
      <c r="J932" s="3" t="s">
        <v>86</v>
      </c>
      <c r="K932" s="14">
        <v>43032</v>
      </c>
      <c r="L932" s="3" t="s">
        <v>1497</v>
      </c>
    </row>
    <row r="933" spans="1:12" x14ac:dyDescent="0.3">
      <c r="A933" s="11">
        <v>10270905</v>
      </c>
      <c r="B933" s="11">
        <v>4040108</v>
      </c>
      <c r="C933" s="22" t="str">
        <f t="shared" si="14"/>
        <v>https://support.microsoft.com/kb/4040108</v>
      </c>
      <c r="D933" s="3" t="s">
        <v>2331</v>
      </c>
      <c r="E933" s="3" t="s">
        <v>100</v>
      </c>
      <c r="F933" s="3" t="s">
        <v>123</v>
      </c>
      <c r="G933" s="3" t="s">
        <v>462</v>
      </c>
      <c r="H933" s="3">
        <v>2017</v>
      </c>
      <c r="I933" s="3" t="s">
        <v>103</v>
      </c>
      <c r="J933" s="3" t="s">
        <v>86</v>
      </c>
      <c r="K933" s="14">
        <v>43032</v>
      </c>
      <c r="L933" s="3" t="s">
        <v>1497</v>
      </c>
    </row>
    <row r="934" spans="1:12" x14ac:dyDescent="0.3">
      <c r="A934" s="11">
        <v>9704947</v>
      </c>
      <c r="B934" s="11">
        <v>4039284</v>
      </c>
      <c r="C934" s="22" t="str">
        <f t="shared" si="14"/>
        <v>https://support.microsoft.com/kb/4039284</v>
      </c>
      <c r="D934" s="3" t="s">
        <v>2332</v>
      </c>
      <c r="E934" s="3" t="s">
        <v>100</v>
      </c>
      <c r="F934" s="3" t="s">
        <v>113</v>
      </c>
      <c r="G934" s="3" t="s">
        <v>462</v>
      </c>
      <c r="H934" s="3">
        <v>2017</v>
      </c>
      <c r="I934" s="3" t="s">
        <v>103</v>
      </c>
      <c r="J934" s="3" t="s">
        <v>86</v>
      </c>
      <c r="K934" s="14">
        <v>43032</v>
      </c>
      <c r="L934" s="3" t="s">
        <v>1497</v>
      </c>
    </row>
    <row r="937" spans="1:12" x14ac:dyDescent="0.3">
      <c r="A937"/>
      <c r="B937"/>
      <c r="C937" s="11"/>
      <c r="G937"/>
    </row>
    <row r="938" spans="1:12" x14ac:dyDescent="0.3">
      <c r="A938"/>
      <c r="B938"/>
      <c r="G938"/>
    </row>
    <row r="939" spans="1:12" x14ac:dyDescent="0.3">
      <c r="A939"/>
      <c r="B939"/>
      <c r="G939"/>
    </row>
    <row r="940" spans="1:12" x14ac:dyDescent="0.3">
      <c r="A940"/>
      <c r="B940"/>
      <c r="G940"/>
    </row>
    <row r="941" spans="1:12" x14ac:dyDescent="0.3">
      <c r="A941"/>
      <c r="B941"/>
      <c r="G941"/>
    </row>
    <row r="942" spans="1:12" x14ac:dyDescent="0.3">
      <c r="A942"/>
      <c r="B942"/>
      <c r="G942"/>
    </row>
    <row r="943" spans="1:12" x14ac:dyDescent="0.3">
      <c r="A943"/>
      <c r="B943"/>
      <c r="G943"/>
    </row>
    <row r="944" spans="1:12" x14ac:dyDescent="0.3">
      <c r="A944"/>
      <c r="B944"/>
      <c r="G944"/>
    </row>
    <row r="945" spans="1:7" x14ac:dyDescent="0.3">
      <c r="A945"/>
      <c r="B945"/>
      <c r="G945"/>
    </row>
    <row r="946" spans="1:7" x14ac:dyDescent="0.3">
      <c r="A946"/>
      <c r="B946"/>
      <c r="G946"/>
    </row>
    <row r="947" spans="1:7" x14ac:dyDescent="0.3">
      <c r="A947"/>
      <c r="B947"/>
      <c r="G947"/>
    </row>
    <row r="948" spans="1:7" x14ac:dyDescent="0.3">
      <c r="A948"/>
      <c r="B948"/>
      <c r="G948"/>
    </row>
    <row r="949" spans="1:7" x14ac:dyDescent="0.3">
      <c r="A949"/>
      <c r="B949"/>
      <c r="G949"/>
    </row>
    <row r="950" spans="1:7" x14ac:dyDescent="0.3">
      <c r="A950"/>
      <c r="B950"/>
      <c r="G950"/>
    </row>
    <row r="951" spans="1:7" x14ac:dyDescent="0.3">
      <c r="A951"/>
      <c r="B951"/>
      <c r="G951"/>
    </row>
    <row r="952" spans="1:7" x14ac:dyDescent="0.3">
      <c r="A952"/>
      <c r="B952"/>
      <c r="G952"/>
    </row>
    <row r="953" spans="1:7" x14ac:dyDescent="0.3">
      <c r="A953"/>
      <c r="B953"/>
      <c r="G953"/>
    </row>
    <row r="954" spans="1:7" x14ac:dyDescent="0.3">
      <c r="A954"/>
      <c r="B954"/>
      <c r="G954"/>
    </row>
    <row r="955" spans="1:7" x14ac:dyDescent="0.3">
      <c r="A955"/>
      <c r="B955"/>
      <c r="G955"/>
    </row>
    <row r="956" spans="1:7" x14ac:dyDescent="0.3">
      <c r="A956"/>
      <c r="B956"/>
      <c r="G956"/>
    </row>
    <row r="957" spans="1:7" x14ac:dyDescent="0.3">
      <c r="B957"/>
      <c r="G957"/>
    </row>
    <row r="958" spans="1:7" x14ac:dyDescent="0.3">
      <c r="B958"/>
      <c r="G958"/>
    </row>
    <row r="959" spans="1:7" x14ac:dyDescent="0.3">
      <c r="B959"/>
      <c r="G959"/>
    </row>
    <row r="960" spans="1:7" x14ac:dyDescent="0.3">
      <c r="B960"/>
      <c r="G960"/>
    </row>
    <row r="961" spans="1:7" x14ac:dyDescent="0.3">
      <c r="B961"/>
      <c r="G961"/>
    </row>
    <row r="962" spans="1:7" x14ac:dyDescent="0.3">
      <c r="A962"/>
      <c r="B962"/>
      <c r="D962" s="11"/>
      <c r="G962"/>
    </row>
    <row r="963" spans="1:7" x14ac:dyDescent="0.3">
      <c r="A963"/>
      <c r="B963"/>
      <c r="D963" s="11"/>
      <c r="G963"/>
    </row>
    <row r="964" spans="1:7" x14ac:dyDescent="0.3">
      <c r="A964"/>
      <c r="B964"/>
      <c r="D964" s="11"/>
      <c r="G964"/>
    </row>
  </sheetData>
  <hyperlinks>
    <hyperlink ref="C599" r:id="rId1" xr:uid="{43FFAE40-7665-4F48-8922-3B22D8A6BA4B}"/>
  </hyperlinks>
  <pageMargins left="0.7" right="0.7" top="0.75" bottom="0.75" header="0.3" footer="0.3"/>
  <pageSetup paperSize="9" orientation="portrait" r:id="rId2"/>
  <customProperties>
    <customPr name="EpmWorksheetKeyString_GUID" r:id="rId3"/>
  </customProperties>
  <tableParts count="1">
    <tablePart r:id="rId4"/>
  </tablePart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B395EC-C046-4B26-9647-6F6B570AD0CF}">
  <sheetPr>
    <tabColor rgb="FF00B050"/>
  </sheetPr>
  <dimension ref="A1:J78"/>
  <sheetViews>
    <sheetView workbookViewId="0">
      <pane ySplit="1" topLeftCell="A2" activePane="bottomLeft" state="frozen"/>
      <selection pane="bottomLeft"/>
    </sheetView>
  </sheetViews>
  <sheetFormatPr defaultColWidth="9" defaultRowHeight="14.4" x14ac:dyDescent="0.3"/>
  <cols>
    <col min="1" max="1" width="16.6640625" style="3" customWidth="1"/>
    <col min="2" max="2" width="12.44140625" style="20" customWidth="1"/>
    <col min="3" max="3" width="41.88671875" style="3" customWidth="1"/>
    <col min="4" max="4" width="15.88671875" style="14" customWidth="1"/>
    <col min="5" max="5" width="29.5546875" style="3" customWidth="1"/>
    <col min="6" max="6" width="35" style="3" customWidth="1"/>
    <col min="7" max="7" width="28.33203125" style="3" customWidth="1"/>
    <col min="8" max="8" width="43" style="16" customWidth="1"/>
  </cols>
  <sheetData>
    <row r="1" spans="1:9" s="59" customFormat="1" ht="16.5" customHeight="1" x14ac:dyDescent="0.3">
      <c r="A1" s="69" t="s">
        <v>20</v>
      </c>
      <c r="B1" s="69" t="s">
        <v>21</v>
      </c>
      <c r="C1" s="69" t="s">
        <v>22</v>
      </c>
      <c r="D1" s="70" t="s">
        <v>23</v>
      </c>
      <c r="E1" s="70" t="s">
        <v>24</v>
      </c>
      <c r="F1" s="69" t="s">
        <v>25</v>
      </c>
      <c r="G1" s="69" t="s">
        <v>26</v>
      </c>
      <c r="H1" s="69" t="s">
        <v>27</v>
      </c>
      <c r="I1" s="71"/>
    </row>
    <row r="2" spans="1:9" ht="16.5" customHeight="1" x14ac:dyDescent="0.3">
      <c r="A2" s="36" t="s">
        <v>2333</v>
      </c>
      <c r="B2" s="11">
        <v>5040946</v>
      </c>
      <c r="C2" s="83" t="s">
        <v>2334</v>
      </c>
      <c r="D2" s="17">
        <v>45482</v>
      </c>
      <c r="E2" s="76" t="s">
        <v>2335</v>
      </c>
      <c r="F2" s="76" t="s">
        <v>2336</v>
      </c>
      <c r="G2" s="76" t="s">
        <v>2337</v>
      </c>
      <c r="H2" s="37"/>
    </row>
    <row r="3" spans="1:9" ht="16.5" customHeight="1" x14ac:dyDescent="0.3">
      <c r="A3" s="36" t="s">
        <v>2338</v>
      </c>
      <c r="B3" s="11">
        <v>5040944</v>
      </c>
      <c r="C3" s="83" t="s">
        <v>2339</v>
      </c>
      <c r="D3" s="17">
        <v>45482</v>
      </c>
      <c r="E3" s="13" t="s">
        <v>2340</v>
      </c>
      <c r="F3" s="36" t="s">
        <v>2341</v>
      </c>
      <c r="G3" s="13" t="s">
        <v>2342</v>
      </c>
      <c r="H3" s="37"/>
    </row>
    <row r="4" spans="1:9" ht="16.5" customHeight="1" x14ac:dyDescent="0.3">
      <c r="A4" s="36" t="s">
        <v>2343</v>
      </c>
      <c r="B4" s="11">
        <v>5029186</v>
      </c>
      <c r="C4" s="74" t="str">
        <f t="shared" ref="C4:C5" si="0">HYPERLINK("https://support.microsoft.com/kb/"&amp;B4)</f>
        <v>https://support.microsoft.com/kb/5029186</v>
      </c>
      <c r="D4" s="17">
        <v>45209</v>
      </c>
      <c r="E4" s="76" t="s">
        <v>2335</v>
      </c>
      <c r="F4" s="76" t="s">
        <v>2336</v>
      </c>
      <c r="G4" s="76" t="s">
        <v>2337</v>
      </c>
      <c r="H4" s="37"/>
    </row>
    <row r="5" spans="1:9" ht="16.5" customHeight="1" x14ac:dyDescent="0.3">
      <c r="A5" s="36" t="s">
        <v>2344</v>
      </c>
      <c r="B5" s="11">
        <v>5029187</v>
      </c>
      <c r="C5" s="74" t="str">
        <f t="shared" si="0"/>
        <v>https://support.microsoft.com/kb/5029187</v>
      </c>
      <c r="D5" s="17">
        <v>45209</v>
      </c>
      <c r="E5" s="13" t="s">
        <v>2340</v>
      </c>
      <c r="F5" s="36" t="s">
        <v>2341</v>
      </c>
      <c r="G5" s="13" t="s">
        <v>2342</v>
      </c>
      <c r="H5" s="37"/>
    </row>
    <row r="6" spans="1:9" s="59" customFormat="1" ht="16.5" customHeight="1" x14ac:dyDescent="0.3">
      <c r="A6" s="72" t="s">
        <v>2345</v>
      </c>
      <c r="B6" s="73">
        <v>5021129</v>
      </c>
      <c r="C6" s="74" t="str">
        <f>HYPERLINK("https://support.microsoft.com/kb/"&amp;B6)</f>
        <v>https://support.microsoft.com/kb/5021129</v>
      </c>
      <c r="D6" s="75">
        <v>44971</v>
      </c>
      <c r="E6" s="76" t="s">
        <v>2335</v>
      </c>
      <c r="F6" s="76" t="s">
        <v>2336</v>
      </c>
      <c r="G6" s="76" t="s">
        <v>2337</v>
      </c>
      <c r="H6" s="77"/>
    </row>
    <row r="7" spans="1:9" ht="16.5" customHeight="1" x14ac:dyDescent="0.3">
      <c r="A7" s="36" t="s">
        <v>2346</v>
      </c>
      <c r="B7" s="11">
        <v>5021128</v>
      </c>
      <c r="C7" s="9" t="str">
        <f>HYPERLINK("https://support.microsoft.com/kb/"&amp;B7)</f>
        <v>https://support.microsoft.com/kb/5021128</v>
      </c>
      <c r="D7" s="17">
        <v>44971</v>
      </c>
      <c r="E7" s="13" t="s">
        <v>2340</v>
      </c>
      <c r="F7" s="36" t="s">
        <v>2341</v>
      </c>
      <c r="G7" s="13" t="s">
        <v>2342</v>
      </c>
      <c r="H7" s="37"/>
    </row>
    <row r="8" spans="1:9" ht="16.5" customHeight="1" x14ac:dyDescent="0.3">
      <c r="A8" s="36" t="s">
        <v>2347</v>
      </c>
      <c r="B8" s="11">
        <v>5015371</v>
      </c>
      <c r="C8" s="9" t="str">
        <f>HYPERLINK("https://support.microsoft.com/kb/"&amp;B8)</f>
        <v>https://support.microsoft.com/kb/5015371</v>
      </c>
      <c r="D8" s="17">
        <v>44726</v>
      </c>
      <c r="E8" s="13" t="s">
        <v>2340</v>
      </c>
      <c r="F8" s="36" t="s">
        <v>2341</v>
      </c>
      <c r="G8" s="13" t="s">
        <v>2342</v>
      </c>
      <c r="H8" s="37"/>
    </row>
    <row r="9" spans="1:9" x14ac:dyDescent="0.3">
      <c r="A9" s="13" t="s">
        <v>2348</v>
      </c>
      <c r="B9" s="11">
        <v>5014355</v>
      </c>
      <c r="C9" s="10" t="str">
        <f t="shared" ref="C9:C41" si="1">HYPERLINK("https://support.microsoft.com/kb/"&amp;B9)</f>
        <v>https://support.microsoft.com/kb/5014355</v>
      </c>
      <c r="D9" s="17">
        <v>44726</v>
      </c>
      <c r="E9" s="13" t="s">
        <v>2335</v>
      </c>
      <c r="F9" s="13" t="s">
        <v>2336</v>
      </c>
      <c r="G9" s="13" t="s">
        <v>2337</v>
      </c>
    </row>
    <row r="10" spans="1:9" ht="13.5" customHeight="1" x14ac:dyDescent="0.3">
      <c r="A10" s="13" t="s">
        <v>2349</v>
      </c>
      <c r="B10" s="11">
        <v>5014351</v>
      </c>
      <c r="C10" s="10" t="str">
        <f t="shared" si="1"/>
        <v>https://support.microsoft.com/kb/5014351</v>
      </c>
      <c r="D10" s="17">
        <v>44726</v>
      </c>
      <c r="E10" s="13" t="s">
        <v>2350</v>
      </c>
      <c r="F10" s="13" t="s">
        <v>2351</v>
      </c>
      <c r="G10" s="13" t="s">
        <v>35</v>
      </c>
    </row>
    <row r="11" spans="1:9" x14ac:dyDescent="0.3">
      <c r="A11" s="13" t="s">
        <v>2352</v>
      </c>
      <c r="B11" s="11">
        <v>5014365</v>
      </c>
      <c r="C11" s="10" t="str">
        <f t="shared" si="1"/>
        <v>https://support.microsoft.com/kb/5014365</v>
      </c>
      <c r="D11" s="17">
        <v>44726</v>
      </c>
      <c r="E11" s="13" t="s">
        <v>2350</v>
      </c>
      <c r="F11" s="13" t="s">
        <v>2353</v>
      </c>
      <c r="G11" s="13" t="s">
        <v>2337</v>
      </c>
    </row>
    <row r="12" spans="1:9" x14ac:dyDescent="0.3">
      <c r="A12" s="38" t="s">
        <v>2354</v>
      </c>
      <c r="B12" s="11">
        <v>5014242</v>
      </c>
      <c r="C12" s="10" t="str">
        <f t="shared" si="1"/>
        <v>https://support.microsoft.com/kb/5014242</v>
      </c>
      <c r="D12" s="17">
        <v>44700</v>
      </c>
      <c r="E12" s="3" t="s">
        <v>2335</v>
      </c>
      <c r="F12" s="38" t="s">
        <v>2340</v>
      </c>
      <c r="G12" s="38" t="s">
        <v>2340</v>
      </c>
    </row>
    <row r="13" spans="1:9" x14ac:dyDescent="0.3">
      <c r="A13" s="3" t="s">
        <v>2355</v>
      </c>
      <c r="B13" s="11">
        <v>5003279</v>
      </c>
      <c r="C13" s="10" t="str">
        <f t="shared" si="1"/>
        <v>https://support.microsoft.com/kb/5003279</v>
      </c>
      <c r="D13" s="17">
        <v>44454</v>
      </c>
      <c r="E13" s="3" t="s">
        <v>2335</v>
      </c>
      <c r="F13" s="3" t="s">
        <v>30</v>
      </c>
      <c r="G13" s="3" t="s">
        <v>2356</v>
      </c>
    </row>
    <row r="14" spans="1:9" x14ac:dyDescent="0.3">
      <c r="A14" s="3" t="s">
        <v>2357</v>
      </c>
      <c r="B14" s="11">
        <v>5001092</v>
      </c>
      <c r="C14" s="10" t="str">
        <f t="shared" si="1"/>
        <v>https://support.microsoft.com/kb/5001092</v>
      </c>
      <c r="D14" s="17">
        <v>44284</v>
      </c>
      <c r="E14" s="3" t="s">
        <v>2350</v>
      </c>
      <c r="F14" s="3" t="s">
        <v>517</v>
      </c>
      <c r="G14" s="3" t="s">
        <v>32</v>
      </c>
    </row>
    <row r="15" spans="1:9" x14ac:dyDescent="0.3">
      <c r="A15" s="3" t="s">
        <v>2358</v>
      </c>
      <c r="B15" s="11">
        <v>5000645</v>
      </c>
      <c r="C15" s="10" t="str">
        <f t="shared" si="1"/>
        <v>https://support.microsoft.com/kb/5000645</v>
      </c>
      <c r="D15" s="17">
        <v>44238</v>
      </c>
      <c r="E15" s="3" t="s">
        <v>2350</v>
      </c>
      <c r="F15" s="3" t="s">
        <v>522</v>
      </c>
      <c r="G15" s="3" t="s">
        <v>32</v>
      </c>
    </row>
    <row r="16" spans="1:9" x14ac:dyDescent="0.3">
      <c r="A16" s="3" t="s">
        <v>2359</v>
      </c>
      <c r="B16" s="11">
        <v>4583461</v>
      </c>
      <c r="C16" s="10" t="str">
        <f t="shared" si="1"/>
        <v>https://support.microsoft.com/kb/4583461</v>
      </c>
      <c r="D16" s="17">
        <v>44208</v>
      </c>
      <c r="E16" s="3" t="s">
        <v>2350</v>
      </c>
      <c r="F16" s="3" t="s">
        <v>1450</v>
      </c>
      <c r="G16" s="3" t="s">
        <v>35</v>
      </c>
    </row>
    <row r="17" spans="1:10" x14ac:dyDescent="0.3">
      <c r="A17" s="3" t="s">
        <v>2360</v>
      </c>
      <c r="B17" s="11">
        <v>4583460</v>
      </c>
      <c r="C17" s="10" t="str">
        <f t="shared" si="1"/>
        <v>https://support.microsoft.com/kb/4583460</v>
      </c>
      <c r="D17" s="17">
        <v>44208</v>
      </c>
      <c r="E17" s="3" t="s">
        <v>2350</v>
      </c>
      <c r="F17" s="3" t="s">
        <v>2353</v>
      </c>
      <c r="G17" s="3" t="s">
        <v>2337</v>
      </c>
    </row>
    <row r="18" spans="1:10" ht="15.75" customHeight="1" x14ac:dyDescent="0.3">
      <c r="A18" s="3" t="s">
        <v>2361</v>
      </c>
      <c r="B18" s="11">
        <v>4577775</v>
      </c>
      <c r="C18" s="10" t="str">
        <f t="shared" si="1"/>
        <v>https://support.microsoft.com/kb/4577775</v>
      </c>
      <c r="D18" s="17">
        <v>44102</v>
      </c>
      <c r="E18" s="3" t="s">
        <v>2350</v>
      </c>
      <c r="F18" s="3" t="s">
        <v>524</v>
      </c>
      <c r="G18" s="3" t="s">
        <v>32</v>
      </c>
      <c r="I18" s="5"/>
      <c r="J18" s="5"/>
    </row>
    <row r="19" spans="1:10" x14ac:dyDescent="0.3">
      <c r="A19" s="3" t="s">
        <v>2362</v>
      </c>
      <c r="B19" s="11">
        <v>4564903</v>
      </c>
      <c r="C19" s="10" t="str">
        <f t="shared" si="1"/>
        <v>https://support.microsoft.com/kb/4564903</v>
      </c>
      <c r="D19" s="17">
        <v>44049</v>
      </c>
      <c r="E19" s="3" t="s">
        <v>2350</v>
      </c>
      <c r="F19" s="3" t="s">
        <v>31</v>
      </c>
      <c r="G19" s="3" t="s">
        <v>32</v>
      </c>
    </row>
    <row r="20" spans="1:10" x14ac:dyDescent="0.3">
      <c r="A20" s="3" t="s">
        <v>2363</v>
      </c>
      <c r="B20" s="11">
        <v>4549825</v>
      </c>
      <c r="C20" s="10" t="str">
        <f t="shared" si="1"/>
        <v>https://support.microsoft.com/kb/4549825</v>
      </c>
      <c r="D20" s="17">
        <v>43979</v>
      </c>
      <c r="E20" s="3" t="s">
        <v>2350</v>
      </c>
      <c r="F20" s="3" t="s">
        <v>41</v>
      </c>
      <c r="G20" s="3" t="s">
        <v>32</v>
      </c>
    </row>
    <row r="21" spans="1:10" x14ac:dyDescent="0.3">
      <c r="A21" s="3" t="s">
        <v>2364</v>
      </c>
      <c r="B21" s="11">
        <v>4536648</v>
      </c>
      <c r="C21" s="10" t="str">
        <f t="shared" si="1"/>
        <v>https://support.microsoft.com/kb/4536648</v>
      </c>
      <c r="D21" s="17">
        <v>43886</v>
      </c>
      <c r="E21" s="3" t="s">
        <v>2350</v>
      </c>
      <c r="F21" s="3" t="s">
        <v>47</v>
      </c>
      <c r="G21" s="3" t="s">
        <v>32</v>
      </c>
    </row>
    <row r="22" spans="1:10" x14ac:dyDescent="0.3">
      <c r="A22" s="3" t="s">
        <v>2365</v>
      </c>
      <c r="B22" s="11">
        <v>4535706</v>
      </c>
      <c r="C22" s="10" t="str">
        <f t="shared" si="1"/>
        <v>https://support.microsoft.com/kb/4535706</v>
      </c>
      <c r="D22" s="17">
        <v>43872</v>
      </c>
      <c r="E22" s="3" t="s">
        <v>2350</v>
      </c>
      <c r="F22" s="3" t="s">
        <v>2366</v>
      </c>
      <c r="G22" s="3" t="s">
        <v>35</v>
      </c>
    </row>
    <row r="23" spans="1:10" x14ac:dyDescent="0.3">
      <c r="A23" s="3" t="s">
        <v>2367</v>
      </c>
      <c r="B23" s="11">
        <v>4532097</v>
      </c>
      <c r="C23" s="10" t="str">
        <f t="shared" si="1"/>
        <v>https://support.microsoft.com/kb/4532097</v>
      </c>
      <c r="D23" s="17">
        <v>43872</v>
      </c>
      <c r="E23" s="3" t="s">
        <v>2350</v>
      </c>
      <c r="F23" s="3" t="s">
        <v>2353</v>
      </c>
      <c r="G23" s="3" t="s">
        <v>2337</v>
      </c>
    </row>
    <row r="24" spans="1:10" x14ac:dyDescent="0.3">
      <c r="A24" s="3" t="s">
        <v>2368</v>
      </c>
      <c r="B24" s="11">
        <v>4527378</v>
      </c>
      <c r="C24" s="10" t="str">
        <f t="shared" si="1"/>
        <v>https://support.microsoft.com/kb/4527378</v>
      </c>
      <c r="D24" s="17">
        <v>43808</v>
      </c>
      <c r="E24" s="3" t="s">
        <v>2350</v>
      </c>
      <c r="F24" s="3" t="s">
        <v>50</v>
      </c>
      <c r="G24" s="3" t="s">
        <v>32</v>
      </c>
    </row>
    <row r="25" spans="1:10" x14ac:dyDescent="0.3">
      <c r="A25" s="3" t="s">
        <v>2369</v>
      </c>
      <c r="B25" s="11">
        <v>4524334</v>
      </c>
      <c r="C25" s="10" t="str">
        <f t="shared" si="1"/>
        <v>https://support.microsoft.com/kb/4524334</v>
      </c>
      <c r="D25" s="17">
        <v>43746</v>
      </c>
      <c r="E25" s="3" t="s">
        <v>2350</v>
      </c>
      <c r="F25" s="3" t="s">
        <v>56</v>
      </c>
      <c r="G25" s="3" t="s">
        <v>32</v>
      </c>
      <c r="H25" s="16" t="s">
        <v>2370</v>
      </c>
    </row>
    <row r="26" spans="1:10" x14ac:dyDescent="0.3">
      <c r="A26" s="3" t="s">
        <v>2371</v>
      </c>
      <c r="B26" s="11">
        <v>4505830</v>
      </c>
      <c r="C26" s="10" t="str">
        <f t="shared" si="1"/>
        <v>https://support.microsoft.com/kb/4505830</v>
      </c>
      <c r="D26" s="17">
        <v>43677</v>
      </c>
      <c r="E26" s="3" t="s">
        <v>2350</v>
      </c>
      <c r="F26" s="3" t="s">
        <v>65</v>
      </c>
      <c r="G26" s="3" t="s">
        <v>32</v>
      </c>
    </row>
    <row r="27" spans="1:10" x14ac:dyDescent="0.3">
      <c r="A27" s="3" t="s">
        <v>2372</v>
      </c>
      <c r="B27" s="11">
        <v>4505222</v>
      </c>
      <c r="C27" s="10" t="str">
        <f t="shared" si="1"/>
        <v>https://support.microsoft.com/kb/4505222</v>
      </c>
      <c r="D27" s="17">
        <v>43655</v>
      </c>
      <c r="E27" s="3" t="s">
        <v>2350</v>
      </c>
      <c r="F27" s="3" t="s">
        <v>2373</v>
      </c>
      <c r="G27" s="3" t="s">
        <v>35</v>
      </c>
    </row>
    <row r="28" spans="1:10" x14ac:dyDescent="0.3">
      <c r="A28" s="3" t="s">
        <v>2374</v>
      </c>
      <c r="B28" s="11">
        <v>4505220</v>
      </c>
      <c r="C28" s="10" t="str">
        <f t="shared" si="1"/>
        <v>https://support.microsoft.com/kb/4505220</v>
      </c>
      <c r="D28" s="17">
        <v>43655</v>
      </c>
      <c r="E28" s="3" t="s">
        <v>2350</v>
      </c>
      <c r="F28" s="3" t="s">
        <v>2353</v>
      </c>
      <c r="G28" s="3" t="s">
        <v>2337</v>
      </c>
    </row>
    <row r="29" spans="1:10" x14ac:dyDescent="0.3">
      <c r="A29" s="3" t="s">
        <v>2375</v>
      </c>
      <c r="B29" s="11">
        <v>4505221</v>
      </c>
      <c r="C29" s="10" t="str">
        <f t="shared" si="1"/>
        <v>https://support.microsoft.com/kb/4505221</v>
      </c>
      <c r="D29" s="17">
        <v>43655</v>
      </c>
      <c r="E29" s="3" t="s">
        <v>2376</v>
      </c>
      <c r="F29" s="3" t="s">
        <v>1450</v>
      </c>
      <c r="G29" s="3" t="s">
        <v>35</v>
      </c>
    </row>
    <row r="30" spans="1:10" x14ac:dyDescent="0.3">
      <c r="A30" s="3" t="s">
        <v>2377</v>
      </c>
      <c r="B30" s="11">
        <v>4505219</v>
      </c>
      <c r="C30" s="10" t="str">
        <f t="shared" si="1"/>
        <v>https://support.microsoft.com/kb/4505219</v>
      </c>
      <c r="D30" s="17">
        <v>43655</v>
      </c>
      <c r="E30" s="3" t="s">
        <v>2376</v>
      </c>
      <c r="F30" s="3" t="s">
        <v>2378</v>
      </c>
      <c r="G30" s="3" t="s">
        <v>2337</v>
      </c>
    </row>
    <row r="31" spans="1:10" x14ac:dyDescent="0.3">
      <c r="A31" s="3" t="s">
        <v>2379</v>
      </c>
      <c r="B31" s="11">
        <v>4495256</v>
      </c>
      <c r="C31" s="10" t="str">
        <f t="shared" si="1"/>
        <v>https://support.microsoft.com/kb/4495256</v>
      </c>
      <c r="D31" s="17">
        <v>43607</v>
      </c>
      <c r="E31" s="3" t="s">
        <v>2350</v>
      </c>
      <c r="F31" s="3" t="s">
        <v>68</v>
      </c>
      <c r="G31" s="3" t="s">
        <v>32</v>
      </c>
    </row>
    <row r="32" spans="1:10" x14ac:dyDescent="0.3">
      <c r="A32" s="3" t="s">
        <v>2380</v>
      </c>
      <c r="B32" s="11">
        <v>4495257</v>
      </c>
      <c r="C32" s="10" t="str">
        <f t="shared" si="1"/>
        <v>https://support.microsoft.com/kb/4495257</v>
      </c>
      <c r="D32" s="17">
        <v>43601</v>
      </c>
      <c r="E32" s="3" t="s">
        <v>2376</v>
      </c>
      <c r="F32" s="3" t="s">
        <v>524</v>
      </c>
      <c r="G32" s="3" t="s">
        <v>32</v>
      </c>
      <c r="H32" s="16" t="s">
        <v>2381</v>
      </c>
    </row>
    <row r="33" spans="1:8" x14ac:dyDescent="0.3">
      <c r="A33" s="3" t="s">
        <v>2382</v>
      </c>
      <c r="B33" s="11">
        <v>4488536</v>
      </c>
      <c r="C33" s="10" t="str">
        <f t="shared" si="1"/>
        <v>https://support.microsoft.com/kb/4488536</v>
      </c>
      <c r="D33" s="17">
        <v>43543</v>
      </c>
      <c r="E33" s="3" t="s">
        <v>2350</v>
      </c>
      <c r="F33" s="3" t="s">
        <v>71</v>
      </c>
      <c r="G33" s="3" t="s">
        <v>32</v>
      </c>
    </row>
    <row r="34" spans="1:8" x14ac:dyDescent="0.3">
      <c r="A34" s="3" t="s">
        <v>2383</v>
      </c>
      <c r="B34" s="11">
        <v>4488535</v>
      </c>
      <c r="C34" s="10" t="str">
        <f t="shared" si="1"/>
        <v>https://support.microsoft.com/kb/4488535</v>
      </c>
      <c r="D34" s="17">
        <v>43543</v>
      </c>
      <c r="E34" s="3" t="s">
        <v>2376</v>
      </c>
      <c r="F34" s="3" t="s">
        <v>31</v>
      </c>
      <c r="G34" s="3" t="s">
        <v>32</v>
      </c>
    </row>
    <row r="35" spans="1:8" x14ac:dyDescent="0.3">
      <c r="A35" s="3" t="s">
        <v>2384</v>
      </c>
      <c r="B35" s="11">
        <v>4475776</v>
      </c>
      <c r="C35" s="10" t="str">
        <f t="shared" si="1"/>
        <v>https://support.microsoft.com/kb/4475776</v>
      </c>
      <c r="D35" s="17">
        <v>43488</v>
      </c>
      <c r="E35" s="3" t="s">
        <v>2350</v>
      </c>
      <c r="F35" s="3" t="s">
        <v>74</v>
      </c>
      <c r="G35" s="3" t="s">
        <v>32</v>
      </c>
    </row>
    <row r="36" spans="1:8" x14ac:dyDescent="0.3">
      <c r="A36" s="3" t="s">
        <v>2385</v>
      </c>
      <c r="B36" s="11">
        <v>4475775</v>
      </c>
      <c r="C36" s="10" t="str">
        <f t="shared" si="1"/>
        <v>https://support.microsoft.com/kb/4475775</v>
      </c>
      <c r="D36" s="17">
        <v>43488</v>
      </c>
      <c r="E36" s="3" t="s">
        <v>2376</v>
      </c>
      <c r="F36" s="3" t="s">
        <v>41</v>
      </c>
      <c r="G36" s="3" t="s">
        <v>32</v>
      </c>
    </row>
    <row r="37" spans="1:8" x14ac:dyDescent="0.3">
      <c r="A37" s="3" t="s">
        <v>2386</v>
      </c>
      <c r="B37" s="11">
        <v>4464106</v>
      </c>
      <c r="C37" s="10" t="str">
        <f t="shared" si="1"/>
        <v>https://support.microsoft.com/kb/4464106</v>
      </c>
      <c r="D37" s="17">
        <v>43417</v>
      </c>
      <c r="E37" s="3" t="s">
        <v>2350</v>
      </c>
      <c r="F37" s="3" t="s">
        <v>77</v>
      </c>
      <c r="G37" s="3" t="s">
        <v>32</v>
      </c>
    </row>
    <row r="38" spans="1:8" x14ac:dyDescent="0.3">
      <c r="A38" s="3" t="s">
        <v>2387</v>
      </c>
      <c r="B38" s="11">
        <v>4464343</v>
      </c>
      <c r="C38" s="10" t="str">
        <f t="shared" si="1"/>
        <v>https://support.microsoft.com/kb/4464343</v>
      </c>
      <c r="D38" s="17">
        <v>43417</v>
      </c>
      <c r="E38" s="3" t="s">
        <v>2376</v>
      </c>
      <c r="F38" s="3" t="s">
        <v>47</v>
      </c>
      <c r="G38" s="3" t="s">
        <v>32</v>
      </c>
    </row>
    <row r="39" spans="1:8" x14ac:dyDescent="0.3">
      <c r="A39" s="3" t="s">
        <v>2388</v>
      </c>
      <c r="B39" s="11">
        <v>4458871</v>
      </c>
      <c r="C39" s="10" t="str">
        <f t="shared" si="1"/>
        <v>https://support.microsoft.com/kb/4458871</v>
      </c>
      <c r="D39" s="17">
        <v>43363</v>
      </c>
      <c r="E39" s="3" t="s">
        <v>2350</v>
      </c>
      <c r="F39" s="3" t="s">
        <v>80</v>
      </c>
      <c r="G39" s="3" t="s">
        <v>32</v>
      </c>
    </row>
    <row r="40" spans="1:8" x14ac:dyDescent="0.3">
      <c r="A40" s="3" t="s">
        <v>2389</v>
      </c>
      <c r="B40" s="11">
        <v>4459676</v>
      </c>
      <c r="C40" s="10" t="str">
        <f t="shared" si="1"/>
        <v>https://support.microsoft.com/kb/4459676</v>
      </c>
      <c r="D40" s="17">
        <v>43360</v>
      </c>
      <c r="E40" s="3" t="s">
        <v>2376</v>
      </c>
      <c r="F40" s="3" t="s">
        <v>50</v>
      </c>
      <c r="G40" s="3" t="s">
        <v>32</v>
      </c>
    </row>
    <row r="41" spans="1:8" x14ac:dyDescent="0.3">
      <c r="A41" s="3" t="s">
        <v>2390</v>
      </c>
      <c r="B41" s="11">
        <v>4458842</v>
      </c>
      <c r="C41" s="10" t="str">
        <f t="shared" si="1"/>
        <v>https://support.microsoft.com/kb/4458842</v>
      </c>
      <c r="D41" s="17">
        <v>43334</v>
      </c>
      <c r="E41" s="3" t="s">
        <v>2376</v>
      </c>
      <c r="F41" s="3" t="s">
        <v>38</v>
      </c>
      <c r="G41" s="3" t="s">
        <v>38</v>
      </c>
      <c r="H41" s="16" t="s">
        <v>2391</v>
      </c>
    </row>
    <row r="42" spans="1:8" x14ac:dyDescent="0.3">
      <c r="A42" s="3" t="s">
        <v>2392</v>
      </c>
      <c r="B42" s="11">
        <v>4458621</v>
      </c>
      <c r="C42" s="10" t="str">
        <f t="shared" ref="C42:C74" si="2">HYPERLINK("https://support.microsoft.com/kb/"&amp;B42)</f>
        <v>https://support.microsoft.com/kb/4458621</v>
      </c>
      <c r="D42" s="17">
        <v>43333</v>
      </c>
      <c r="E42" s="3" t="s">
        <v>2350</v>
      </c>
      <c r="F42" s="3" t="s">
        <v>2393</v>
      </c>
      <c r="G42" s="3" t="s">
        <v>35</v>
      </c>
      <c r="H42" s="16" t="s">
        <v>2394</v>
      </c>
    </row>
    <row r="43" spans="1:8" x14ac:dyDescent="0.3">
      <c r="A43" s="3" t="s">
        <v>2395</v>
      </c>
      <c r="B43" s="11">
        <v>4293802</v>
      </c>
      <c r="C43" s="10" t="str">
        <f t="shared" si="2"/>
        <v>https://support.microsoft.com/kb/4293802</v>
      </c>
      <c r="D43" s="17">
        <v>43326</v>
      </c>
      <c r="E43" s="3" t="s">
        <v>2350</v>
      </c>
      <c r="F43" s="3" t="s">
        <v>2353</v>
      </c>
      <c r="G43" s="3" t="s">
        <v>2337</v>
      </c>
    </row>
    <row r="44" spans="1:8" x14ac:dyDescent="0.3">
      <c r="A44" s="3" t="s">
        <v>2396</v>
      </c>
      <c r="B44" s="11">
        <v>4293808</v>
      </c>
      <c r="C44" s="10" t="str">
        <f t="shared" si="2"/>
        <v>https://support.microsoft.com/kb/4293808</v>
      </c>
      <c r="D44" s="17">
        <v>43326</v>
      </c>
      <c r="E44" s="3" t="s">
        <v>2376</v>
      </c>
      <c r="F44" s="3" t="s">
        <v>52</v>
      </c>
      <c r="G44" s="3" t="s">
        <v>35</v>
      </c>
    </row>
    <row r="45" spans="1:8" x14ac:dyDescent="0.3">
      <c r="A45" s="3" t="s">
        <v>2397</v>
      </c>
      <c r="B45" s="11">
        <v>4340355</v>
      </c>
      <c r="C45" s="10" t="str">
        <f t="shared" si="2"/>
        <v>https://support.microsoft.com/kb/4340355</v>
      </c>
      <c r="D45" s="17">
        <v>43298</v>
      </c>
      <c r="E45" s="3" t="s">
        <v>2350</v>
      </c>
      <c r="F45" s="3" t="s">
        <v>83</v>
      </c>
      <c r="G45" s="3" t="s">
        <v>32</v>
      </c>
    </row>
    <row r="46" spans="1:8" x14ac:dyDescent="0.3">
      <c r="A46" s="3" t="s">
        <v>2398</v>
      </c>
      <c r="B46" s="11">
        <v>4341569</v>
      </c>
      <c r="C46" s="10" t="str">
        <f t="shared" si="2"/>
        <v>https://support.microsoft.com/kb/4341569</v>
      </c>
      <c r="D46" s="17">
        <v>43298</v>
      </c>
      <c r="E46" s="3" t="s">
        <v>2376</v>
      </c>
      <c r="F46" s="3" t="s">
        <v>56</v>
      </c>
      <c r="G46" s="3" t="s">
        <v>32</v>
      </c>
    </row>
    <row r="47" spans="1:8" x14ac:dyDescent="0.3">
      <c r="A47" s="3" t="s">
        <v>2399</v>
      </c>
      <c r="B47" s="11">
        <v>4135048</v>
      </c>
      <c r="C47" s="10" t="str">
        <f t="shared" si="2"/>
        <v>https://support.microsoft.com/kb/4135048</v>
      </c>
      <c r="D47" s="17">
        <v>43250</v>
      </c>
      <c r="E47" s="3" t="s">
        <v>2350</v>
      </c>
      <c r="F47" s="3" t="s">
        <v>86</v>
      </c>
      <c r="G47" s="3" t="s">
        <v>32</v>
      </c>
    </row>
    <row r="48" spans="1:8" x14ac:dyDescent="0.3">
      <c r="A48" s="3" t="s">
        <v>2400</v>
      </c>
      <c r="B48" s="11">
        <v>4100997</v>
      </c>
      <c r="C48" s="10" t="str">
        <f t="shared" si="2"/>
        <v>https://support.microsoft.com/kb/4100997</v>
      </c>
      <c r="D48" s="17">
        <v>43250</v>
      </c>
      <c r="E48" s="3" t="s">
        <v>2376</v>
      </c>
      <c r="F48" s="3" t="s">
        <v>59</v>
      </c>
      <c r="G48" s="3" t="s">
        <v>32</v>
      </c>
    </row>
    <row r="49" spans="1:8" x14ac:dyDescent="0.3">
      <c r="A49" s="3" t="s">
        <v>2401</v>
      </c>
      <c r="B49" s="11">
        <v>4052908</v>
      </c>
      <c r="C49" s="10" t="str">
        <f t="shared" si="2"/>
        <v>https://support.microsoft.com/kb/4052908</v>
      </c>
      <c r="D49" s="17">
        <v>43214</v>
      </c>
      <c r="E49" s="3" t="s">
        <v>2350</v>
      </c>
      <c r="F49" s="3" t="s">
        <v>30</v>
      </c>
      <c r="G49" s="3" t="s">
        <v>2356</v>
      </c>
    </row>
    <row r="50" spans="1:8" x14ac:dyDescent="0.3">
      <c r="A50" s="3" t="s">
        <v>2402</v>
      </c>
      <c r="B50" s="11">
        <v>4077064</v>
      </c>
      <c r="C50" s="10" t="str">
        <f t="shared" si="2"/>
        <v>https://support.microsoft.com/kb/4077064</v>
      </c>
      <c r="D50" s="17">
        <v>43178</v>
      </c>
      <c r="E50" s="3" t="s">
        <v>2376</v>
      </c>
      <c r="F50" s="3" t="s">
        <v>65</v>
      </c>
      <c r="G50" s="3" t="s">
        <v>32</v>
      </c>
    </row>
    <row r="51" spans="1:8" x14ac:dyDescent="0.3">
      <c r="A51" s="3" t="s">
        <v>2403</v>
      </c>
      <c r="B51" s="11">
        <v>4058559</v>
      </c>
      <c r="C51" s="10" t="str">
        <f t="shared" si="2"/>
        <v>https://support.microsoft.com/kb/4058559</v>
      </c>
      <c r="D51" s="17">
        <v>43116</v>
      </c>
      <c r="E51" s="3" t="s">
        <v>89</v>
      </c>
      <c r="F51" s="23" t="s">
        <v>2404</v>
      </c>
      <c r="G51" s="3" t="s">
        <v>32</v>
      </c>
    </row>
    <row r="52" spans="1:8" x14ac:dyDescent="0.3">
      <c r="A52" s="3" t="s">
        <v>2405</v>
      </c>
      <c r="B52" s="11">
        <v>4058560</v>
      </c>
      <c r="C52" s="10" t="str">
        <f t="shared" si="2"/>
        <v>https://support.microsoft.com/kb/4058560</v>
      </c>
      <c r="D52" s="17">
        <v>43116</v>
      </c>
      <c r="E52" s="4" t="s">
        <v>89</v>
      </c>
      <c r="F52" s="23" t="s">
        <v>1492</v>
      </c>
      <c r="G52" s="4" t="s">
        <v>38</v>
      </c>
    </row>
    <row r="53" spans="1:8" x14ac:dyDescent="0.3">
      <c r="A53" s="3" t="s">
        <v>2406</v>
      </c>
      <c r="B53" s="11">
        <v>4057119</v>
      </c>
      <c r="C53" s="10" t="str">
        <f t="shared" si="2"/>
        <v>https://support.microsoft.com/kb/4057119</v>
      </c>
      <c r="D53" s="17">
        <v>43115</v>
      </c>
      <c r="E53" s="3" t="s">
        <v>2376</v>
      </c>
      <c r="F53" s="23" t="s">
        <v>2407</v>
      </c>
      <c r="G53" s="3" t="s">
        <v>32</v>
      </c>
      <c r="H53" s="3"/>
    </row>
    <row r="54" spans="1:8" x14ac:dyDescent="0.3">
      <c r="A54" s="3" t="s">
        <v>2408</v>
      </c>
      <c r="B54" s="11">
        <v>4057118</v>
      </c>
      <c r="C54" s="10" t="str">
        <f t="shared" si="2"/>
        <v>https://support.microsoft.com/kb/4057118</v>
      </c>
      <c r="D54" s="17">
        <v>43115</v>
      </c>
      <c r="E54" s="3" t="s">
        <v>2376</v>
      </c>
      <c r="F54" s="23" t="s">
        <v>1492</v>
      </c>
      <c r="G54" s="4" t="s">
        <v>38</v>
      </c>
    </row>
    <row r="55" spans="1:8" x14ac:dyDescent="0.3">
      <c r="A55" s="3" t="s">
        <v>2409</v>
      </c>
      <c r="B55" s="11">
        <v>4037354</v>
      </c>
      <c r="C55" s="10" t="str">
        <f t="shared" si="2"/>
        <v>https://support.microsoft.com/kb/4037354</v>
      </c>
      <c r="D55" s="17">
        <v>43069</v>
      </c>
      <c r="E55" s="3" t="s">
        <v>2376</v>
      </c>
      <c r="F55" s="4" t="s">
        <v>71</v>
      </c>
      <c r="G55" s="3" t="s">
        <v>32</v>
      </c>
      <c r="H55" s="3"/>
    </row>
    <row r="56" spans="1:8" x14ac:dyDescent="0.3">
      <c r="A56" s="4" t="s">
        <v>2410</v>
      </c>
      <c r="B56" s="11">
        <v>4037357</v>
      </c>
      <c r="C56" s="10" t="str">
        <f t="shared" si="2"/>
        <v>https://support.microsoft.com/kb/4037357</v>
      </c>
      <c r="D56" s="17">
        <v>43069</v>
      </c>
      <c r="E56" s="3" t="s">
        <v>89</v>
      </c>
      <c r="F56" s="3" t="s">
        <v>59</v>
      </c>
      <c r="G56" s="3" t="s">
        <v>32</v>
      </c>
    </row>
    <row r="57" spans="1:8" x14ac:dyDescent="0.3">
      <c r="A57" s="4" t="s">
        <v>2411</v>
      </c>
      <c r="B57" s="11">
        <v>4040714</v>
      </c>
      <c r="C57" s="10" t="str">
        <f t="shared" si="2"/>
        <v>https://support.microsoft.com/kb/4040714</v>
      </c>
      <c r="D57" s="17">
        <v>42996</v>
      </c>
      <c r="E57" s="3" t="s">
        <v>2376</v>
      </c>
      <c r="F57" s="4" t="s">
        <v>74</v>
      </c>
      <c r="G57" s="3" t="s">
        <v>32</v>
      </c>
    </row>
    <row r="58" spans="1:8" x14ac:dyDescent="0.3">
      <c r="A58" s="4" t="s">
        <v>2412</v>
      </c>
      <c r="B58" s="6">
        <v>4040713</v>
      </c>
      <c r="C58" s="10" t="str">
        <f t="shared" si="2"/>
        <v>https://support.microsoft.com/kb/4040713</v>
      </c>
      <c r="D58" s="17">
        <v>42996</v>
      </c>
      <c r="E58" s="3" t="s">
        <v>89</v>
      </c>
      <c r="F58" s="4" t="s">
        <v>65</v>
      </c>
      <c r="G58" s="3" t="s">
        <v>32</v>
      </c>
    </row>
    <row r="59" spans="1:8" x14ac:dyDescent="0.3">
      <c r="A59" s="4" t="s">
        <v>2413</v>
      </c>
      <c r="B59" s="11">
        <v>4024305</v>
      </c>
      <c r="C59" s="10" t="str">
        <f t="shared" si="2"/>
        <v>https://support.microsoft.com/kb/4024305</v>
      </c>
      <c r="D59" s="17">
        <v>42955</v>
      </c>
      <c r="E59" s="3" t="s">
        <v>2376</v>
      </c>
      <c r="F59" s="4" t="s">
        <v>77</v>
      </c>
      <c r="G59" s="3" t="s">
        <v>32</v>
      </c>
    </row>
    <row r="60" spans="1:8" x14ac:dyDescent="0.3">
      <c r="A60" s="4" t="s">
        <v>2414</v>
      </c>
      <c r="B60" s="11">
        <v>4019089</v>
      </c>
      <c r="C60" s="10" t="str">
        <f t="shared" si="2"/>
        <v>https://support.microsoft.com/kb/4019089</v>
      </c>
      <c r="D60" s="17">
        <v>42955</v>
      </c>
      <c r="E60" s="3" t="s">
        <v>2376</v>
      </c>
      <c r="F60" s="3" t="s">
        <v>2378</v>
      </c>
      <c r="G60" s="4" t="s">
        <v>2337</v>
      </c>
    </row>
    <row r="61" spans="1:8" x14ac:dyDescent="0.3">
      <c r="A61" s="4" t="s">
        <v>2415</v>
      </c>
      <c r="B61" s="11">
        <v>4024304</v>
      </c>
      <c r="C61" s="10" t="str">
        <f t="shared" si="2"/>
        <v>https://support.microsoft.com/kb/4024304</v>
      </c>
      <c r="D61" s="17">
        <v>42955</v>
      </c>
      <c r="E61" s="3" t="s">
        <v>89</v>
      </c>
      <c r="F61" s="4" t="s">
        <v>68</v>
      </c>
      <c r="G61" s="3" t="s">
        <v>32</v>
      </c>
    </row>
    <row r="62" spans="1:8" x14ac:dyDescent="0.3">
      <c r="A62" s="4" t="s">
        <v>2416</v>
      </c>
      <c r="B62" s="11">
        <v>3164398</v>
      </c>
      <c r="C62" s="10" t="str">
        <f t="shared" si="2"/>
        <v>https://support.microsoft.com/kb/3164398</v>
      </c>
      <c r="D62" s="17">
        <v>42955</v>
      </c>
      <c r="E62" s="4" t="s">
        <v>89</v>
      </c>
      <c r="F62" s="4" t="s">
        <v>30</v>
      </c>
      <c r="G62" s="4" t="s">
        <v>38</v>
      </c>
    </row>
    <row r="63" spans="1:8" x14ac:dyDescent="0.3">
      <c r="A63" s="4" t="s">
        <v>2417</v>
      </c>
      <c r="B63" s="19">
        <v>4019916</v>
      </c>
      <c r="C63" s="10" t="str">
        <f t="shared" si="2"/>
        <v>https://support.microsoft.com/kb/4019916</v>
      </c>
      <c r="D63" s="17">
        <v>42871</v>
      </c>
      <c r="E63" s="3" t="s">
        <v>2376</v>
      </c>
      <c r="F63" s="4" t="s">
        <v>80</v>
      </c>
      <c r="G63" s="3" t="s">
        <v>32</v>
      </c>
    </row>
    <row r="64" spans="1:8" x14ac:dyDescent="0.3">
      <c r="A64" s="4" t="s">
        <v>2418</v>
      </c>
      <c r="B64" s="19">
        <v>4019914</v>
      </c>
      <c r="C64" s="10" t="str">
        <f t="shared" si="2"/>
        <v>https://support.microsoft.com/kb/4019914</v>
      </c>
      <c r="D64" s="17">
        <v>42870</v>
      </c>
      <c r="E64" s="3" t="s">
        <v>89</v>
      </c>
      <c r="F64" s="4" t="s">
        <v>71</v>
      </c>
      <c r="G64" s="3" t="s">
        <v>32</v>
      </c>
    </row>
    <row r="65" spans="1:8" ht="15" x14ac:dyDescent="0.35">
      <c r="A65" s="4" t="s">
        <v>2419</v>
      </c>
      <c r="B65" s="11">
        <v>4013106</v>
      </c>
      <c r="C65" s="10" t="str">
        <f t="shared" si="2"/>
        <v>https://support.microsoft.com/kb/4013106</v>
      </c>
      <c r="D65" s="17">
        <v>42814</v>
      </c>
      <c r="E65" s="3" t="s">
        <v>2376</v>
      </c>
      <c r="F65" s="4" t="s">
        <v>83</v>
      </c>
      <c r="G65" s="3" t="s">
        <v>32</v>
      </c>
      <c r="H65" s="18"/>
    </row>
    <row r="66" spans="1:8" x14ac:dyDescent="0.3">
      <c r="A66" s="4" t="s">
        <v>2420</v>
      </c>
      <c r="B66" s="11">
        <v>4013105</v>
      </c>
      <c r="C66" s="10" t="str">
        <f t="shared" si="2"/>
        <v>https://support.microsoft.com/kb/4013105</v>
      </c>
      <c r="D66" s="17">
        <v>42814</v>
      </c>
      <c r="E66" s="3" t="s">
        <v>89</v>
      </c>
      <c r="F66" s="4" t="s">
        <v>74</v>
      </c>
      <c r="G66" s="3" t="s">
        <v>32</v>
      </c>
    </row>
    <row r="67" spans="1:8" ht="15" x14ac:dyDescent="0.35">
      <c r="A67" s="4" t="s">
        <v>2421</v>
      </c>
      <c r="B67" s="11">
        <v>3208177</v>
      </c>
      <c r="C67" s="10" t="str">
        <f t="shared" si="2"/>
        <v>https://support.microsoft.com/kb/3208177</v>
      </c>
      <c r="D67" s="17">
        <v>42753</v>
      </c>
      <c r="E67" s="3" t="s">
        <v>2376</v>
      </c>
      <c r="F67" s="4" t="s">
        <v>86</v>
      </c>
      <c r="G67" s="3" t="s">
        <v>32</v>
      </c>
      <c r="H67" s="18"/>
    </row>
    <row r="68" spans="1:8" x14ac:dyDescent="0.3">
      <c r="A68" s="4" t="s">
        <v>2422</v>
      </c>
      <c r="B68" s="11">
        <v>3205052</v>
      </c>
      <c r="C68" s="10" t="str">
        <f t="shared" si="2"/>
        <v>https://support.microsoft.com/kb/3205052</v>
      </c>
      <c r="D68" s="17">
        <v>42753</v>
      </c>
      <c r="E68" s="3" t="s">
        <v>89</v>
      </c>
      <c r="F68" s="4" t="s">
        <v>77</v>
      </c>
      <c r="G68" s="3" t="s">
        <v>32</v>
      </c>
    </row>
    <row r="69" spans="1:8" x14ac:dyDescent="0.3">
      <c r="A69" s="4" t="s">
        <v>2423</v>
      </c>
      <c r="B69" s="11">
        <v>3210089</v>
      </c>
      <c r="C69" s="10" t="str">
        <f t="shared" si="2"/>
        <v>https://support.microsoft.com/kb/3210089</v>
      </c>
      <c r="D69" s="17">
        <v>42720</v>
      </c>
      <c r="E69" s="3" t="s">
        <v>2376</v>
      </c>
      <c r="F69" s="3" t="s">
        <v>2378</v>
      </c>
      <c r="G69" s="4" t="s">
        <v>2337</v>
      </c>
    </row>
    <row r="70" spans="1:8" x14ac:dyDescent="0.3">
      <c r="A70" s="4" t="s">
        <v>2424</v>
      </c>
      <c r="B70" s="11">
        <v>3210111</v>
      </c>
      <c r="C70" s="10" t="str">
        <f t="shared" si="2"/>
        <v>https://support.microsoft.com/kb/3210111</v>
      </c>
      <c r="D70" s="17">
        <v>42720</v>
      </c>
      <c r="E70" s="3" t="s">
        <v>89</v>
      </c>
      <c r="F70" s="4" t="s">
        <v>80</v>
      </c>
      <c r="G70" s="4" t="s">
        <v>38</v>
      </c>
    </row>
    <row r="71" spans="1:8" x14ac:dyDescent="0.3">
      <c r="A71" s="4" t="s">
        <v>2425</v>
      </c>
      <c r="B71" s="11">
        <v>3205413</v>
      </c>
      <c r="C71" s="10" t="str">
        <f t="shared" si="2"/>
        <v>https://support.microsoft.com/kb/3205413</v>
      </c>
      <c r="D71" s="17">
        <v>42691</v>
      </c>
      <c r="E71" s="3" t="s">
        <v>89</v>
      </c>
      <c r="F71" s="4" t="s">
        <v>80</v>
      </c>
      <c r="G71" s="3" t="s">
        <v>32</v>
      </c>
    </row>
    <row r="72" spans="1:8" x14ac:dyDescent="0.3">
      <c r="A72" s="4" t="s">
        <v>2426</v>
      </c>
      <c r="B72" s="11">
        <v>3182545</v>
      </c>
      <c r="C72" s="10" t="str">
        <f t="shared" si="2"/>
        <v>https://support.microsoft.com/kb/3182545</v>
      </c>
      <c r="D72" s="17">
        <v>42689</v>
      </c>
      <c r="E72" s="3" t="s">
        <v>2376</v>
      </c>
      <c r="F72" s="3" t="s">
        <v>30</v>
      </c>
      <c r="G72" s="3" t="s">
        <v>2356</v>
      </c>
    </row>
    <row r="73" spans="1:8" x14ac:dyDescent="0.3">
      <c r="A73" s="4" t="s">
        <v>2425</v>
      </c>
      <c r="B73" s="11">
        <v>3194717</v>
      </c>
      <c r="C73" s="10" t="str">
        <f t="shared" si="2"/>
        <v>https://support.microsoft.com/kb/3194717</v>
      </c>
      <c r="D73" s="17">
        <v>42682</v>
      </c>
      <c r="E73" s="3" t="s">
        <v>89</v>
      </c>
      <c r="F73" s="25" t="s">
        <v>2427</v>
      </c>
      <c r="G73" s="4" t="s">
        <v>2428</v>
      </c>
    </row>
    <row r="74" spans="1:8" x14ac:dyDescent="0.3">
      <c r="A74" s="4" t="s">
        <v>2429</v>
      </c>
      <c r="B74" s="11">
        <v>3194716</v>
      </c>
      <c r="C74" s="10" t="str">
        <f t="shared" si="2"/>
        <v>https://support.microsoft.com/kb/3194716</v>
      </c>
      <c r="D74" s="17">
        <v>42682</v>
      </c>
      <c r="E74" s="3" t="s">
        <v>89</v>
      </c>
      <c r="F74" s="25" t="s">
        <v>2430</v>
      </c>
      <c r="G74" s="4" t="s">
        <v>38</v>
      </c>
    </row>
    <row r="75" spans="1:8" x14ac:dyDescent="0.3">
      <c r="A75" s="4" t="s">
        <v>2431</v>
      </c>
      <c r="B75" s="11">
        <v>3182270</v>
      </c>
      <c r="C75" s="10" t="str">
        <f t="shared" ref="C75:C77" si="3">HYPERLINK("https://support.microsoft.com/kb/"&amp;B75)</f>
        <v>https://support.microsoft.com/kb/3182270</v>
      </c>
      <c r="D75" s="17">
        <v>42635</v>
      </c>
      <c r="E75" s="3" t="s">
        <v>89</v>
      </c>
      <c r="F75" s="4" t="s">
        <v>83</v>
      </c>
      <c r="G75" s="3" t="s">
        <v>32</v>
      </c>
    </row>
    <row r="76" spans="1:8" x14ac:dyDescent="0.3">
      <c r="A76" s="4" t="s">
        <v>2432</v>
      </c>
      <c r="B76" s="11">
        <v>3164398</v>
      </c>
      <c r="C76" s="10" t="str">
        <f t="shared" si="3"/>
        <v>https://support.microsoft.com/kb/3164398</v>
      </c>
      <c r="D76" s="17">
        <v>42524</v>
      </c>
      <c r="E76" s="4" t="s">
        <v>89</v>
      </c>
      <c r="F76" s="4" t="s">
        <v>37</v>
      </c>
      <c r="G76" s="4" t="s">
        <v>38</v>
      </c>
      <c r="H76" s="8"/>
    </row>
    <row r="77" spans="1:8" x14ac:dyDescent="0.3">
      <c r="A77" s="4" t="s">
        <v>2433</v>
      </c>
      <c r="B77" s="11">
        <v>3164674</v>
      </c>
      <c r="C77" s="10" t="str">
        <f t="shared" si="3"/>
        <v>https://support.microsoft.com/kb/3164674</v>
      </c>
      <c r="D77" s="17">
        <v>42522</v>
      </c>
      <c r="E77" s="3" t="s">
        <v>89</v>
      </c>
      <c r="F77" s="4" t="s">
        <v>86</v>
      </c>
      <c r="G77" s="3" t="s">
        <v>32</v>
      </c>
    </row>
    <row r="78" spans="1:8" x14ac:dyDescent="0.3">
      <c r="A78" s="4" t="s">
        <v>2434</v>
      </c>
      <c r="B78" s="20" t="s">
        <v>2435</v>
      </c>
      <c r="D78" s="17">
        <v>42522</v>
      </c>
      <c r="E78" s="3" t="s">
        <v>89</v>
      </c>
      <c r="F78" s="4" t="s">
        <v>30</v>
      </c>
      <c r="G78" s="3" t="s">
        <v>89</v>
      </c>
    </row>
  </sheetData>
  <dataValidations disablePrompts="1" count="1">
    <dataValidation type="list" allowBlank="1" showInputMessage="1" showErrorMessage="1" sqref="H18" xr:uid="{D253B1E1-1855-407F-81DF-225E527B3EA6}">
      <formula1>#REF!</formula1>
    </dataValidation>
  </dataValidations>
  <hyperlinks>
    <hyperlink ref="F74" r:id="rId1" xr:uid="{58ACA28D-4181-4FFB-9261-75F91210CFC2}"/>
    <hyperlink ref="F73" r:id="rId2" display="MS16-136" xr:uid="{EB57049B-4726-42EA-AD85-AB60A203A78B}"/>
    <hyperlink ref="F52" r:id="rId3" display="https://portal.msrc.microsoft.com/en-us/security-guidance/advisory/ADV180002" xr:uid="{AAE92D1A-1FDD-4E6A-8825-3FC3A5D1E101}"/>
    <hyperlink ref="F54" r:id="rId4" display="https://portal.msrc.microsoft.com/en-us/security-guidance/advisory/ADV180002" xr:uid="{07061BD7-5E82-46AD-96C3-ED4128EE623B}"/>
    <hyperlink ref="F53" r:id="rId5" display="https://portal.msrc.microsoft.com/en-us/security-guidance/advisory/ADV180002" xr:uid="{4A969188-4486-42F6-A25D-8EF5A5F0C49E}"/>
    <hyperlink ref="F51" r:id="rId6" display="https://portal.msrc.microsoft.com/en-us/security-guidance/advisory/ADV180002" xr:uid="{408E68E6-A852-47BE-B215-B65ED9AD32F0}"/>
    <hyperlink ref="A44" r:id="rId7" display="\\Bld-fs-ds-mm-03\tfs\SQL16_SP1_QFE-CU\3559241" xr:uid="{6F21166C-DFB8-4766-AE96-6F833610C04C}"/>
    <hyperlink ref="C2" r:id="rId8" xr:uid="{267CDAAA-9E2F-4A67-AE50-1DA00D2C040A}"/>
    <hyperlink ref="C3" r:id="rId9" xr:uid="{C15A249B-A0E5-4EFC-9B51-14CF9B28AA0E}"/>
  </hyperlinks>
  <pageMargins left="0.7" right="0.7" top="0.75" bottom="0.75" header="0.3" footer="0.3"/>
  <pageSetup orientation="portrait" r:id="rId10"/>
  <customProperties>
    <customPr name="EpmWorksheetKeyString_GUID" r:id="rId11"/>
  </customProperties>
  <tableParts count="1">
    <tablePart r:id="rId12"/>
  </tablePart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09AD7B-5DFE-46D4-8649-0110F04D570C}">
  <sheetPr>
    <tabColor rgb="FF00B050"/>
  </sheetPr>
  <dimension ref="A1:H80"/>
  <sheetViews>
    <sheetView workbookViewId="0">
      <pane ySplit="1" topLeftCell="A2" activePane="bottomLeft" state="frozen"/>
      <selection pane="bottomLeft"/>
    </sheetView>
  </sheetViews>
  <sheetFormatPr defaultRowHeight="15" customHeight="1" x14ac:dyDescent="0.3"/>
  <cols>
    <col min="1" max="1" width="15.44140625" customWidth="1"/>
    <col min="2" max="2" width="12.33203125" customWidth="1"/>
    <col min="3" max="3" width="40" customWidth="1"/>
    <col min="4" max="4" width="15" customWidth="1"/>
    <col min="5" max="5" width="21.5546875" customWidth="1"/>
    <col min="6" max="6" width="33.44140625" customWidth="1"/>
    <col min="7" max="7" width="19.5546875" customWidth="1"/>
    <col min="8" max="8" width="38.5546875" customWidth="1"/>
  </cols>
  <sheetData>
    <row r="1" spans="1:8" ht="15" customHeight="1" x14ac:dyDescent="0.3">
      <c r="A1" s="78" t="s">
        <v>20</v>
      </c>
      <c r="B1" s="79" t="s">
        <v>21</v>
      </c>
      <c r="C1" s="79" t="s">
        <v>22</v>
      </c>
      <c r="D1" s="80" t="s">
        <v>23</v>
      </c>
      <c r="E1" s="80" t="s">
        <v>24</v>
      </c>
      <c r="F1" s="79" t="s">
        <v>25</v>
      </c>
      <c r="G1" s="79" t="s">
        <v>26</v>
      </c>
      <c r="H1" s="81" t="s">
        <v>27</v>
      </c>
    </row>
    <row r="2" spans="1:8" ht="15" customHeight="1" x14ac:dyDescent="0.3">
      <c r="A2" s="34" t="s">
        <v>2436</v>
      </c>
      <c r="B2" s="11">
        <v>5029185</v>
      </c>
      <c r="C2" s="49" t="str">
        <f t="shared" ref="C2:C3" si="0">HYPERLINK("https://support.microsoft.com/kb/"&amp;B2)</f>
        <v>https://support.microsoft.com/kb/5029185</v>
      </c>
      <c r="D2" s="17">
        <v>45209</v>
      </c>
      <c r="E2" s="53" t="s">
        <v>2335</v>
      </c>
      <c r="F2" s="57" t="s">
        <v>2437</v>
      </c>
      <c r="G2" s="53" t="s">
        <v>35</v>
      </c>
      <c r="H2" s="34"/>
    </row>
    <row r="3" spans="1:8" ht="15" customHeight="1" x14ac:dyDescent="0.3">
      <c r="A3" s="34" t="s">
        <v>2438</v>
      </c>
      <c r="B3" s="11">
        <v>5029184</v>
      </c>
      <c r="C3" s="49" t="str">
        <f t="shared" si="0"/>
        <v>https://support.microsoft.com/kb/5029184</v>
      </c>
      <c r="D3" s="17">
        <v>45209</v>
      </c>
      <c r="E3" s="53" t="s">
        <v>2335</v>
      </c>
      <c r="F3" s="13" t="s">
        <v>2336</v>
      </c>
      <c r="G3" s="3" t="s">
        <v>2337</v>
      </c>
      <c r="H3" s="34"/>
    </row>
    <row r="4" spans="1:8" ht="15" customHeight="1" x14ac:dyDescent="0.3">
      <c r="A4" s="47" t="s">
        <v>2439</v>
      </c>
      <c r="B4" s="48">
        <v>5021045</v>
      </c>
      <c r="C4" s="49" t="str">
        <f>HYPERLINK("https://support.microsoft.com/kb/"&amp;B4)</f>
        <v>https://support.microsoft.com/kb/5021045</v>
      </c>
      <c r="D4" s="56">
        <v>44971</v>
      </c>
      <c r="E4" s="53" t="s">
        <v>2335</v>
      </c>
      <c r="F4" s="57" t="s">
        <v>2437</v>
      </c>
      <c r="G4" s="53" t="s">
        <v>35</v>
      </c>
      <c r="H4" s="47"/>
    </row>
    <row r="5" spans="1:8" ht="15" customHeight="1" x14ac:dyDescent="0.3">
      <c r="A5" s="34" t="s">
        <v>2440</v>
      </c>
      <c r="B5" s="11">
        <v>5021037</v>
      </c>
      <c r="C5" s="9" t="str">
        <f>HYPERLINK("https://support.microsoft.com/kb/"&amp;B5)</f>
        <v>https://support.microsoft.com/kb/5021037</v>
      </c>
      <c r="D5" s="17">
        <v>44971</v>
      </c>
      <c r="E5" s="3" t="s">
        <v>2335</v>
      </c>
      <c r="F5" s="13" t="s">
        <v>2336</v>
      </c>
      <c r="G5" s="3" t="s">
        <v>2337</v>
      </c>
      <c r="H5" s="34"/>
    </row>
    <row r="6" spans="1:8" ht="15" customHeight="1" x14ac:dyDescent="0.3">
      <c r="A6" s="3" t="s">
        <v>2441</v>
      </c>
      <c r="B6" s="11">
        <v>5014164</v>
      </c>
      <c r="C6" s="10" t="s">
        <v>2442</v>
      </c>
      <c r="D6" s="17">
        <v>44726</v>
      </c>
      <c r="E6" s="3" t="s">
        <v>2335</v>
      </c>
      <c r="F6" s="13" t="s">
        <v>2437</v>
      </c>
      <c r="G6" s="3" t="s">
        <v>35</v>
      </c>
      <c r="H6" s="3"/>
    </row>
    <row r="7" spans="1:8" ht="15" customHeight="1" x14ac:dyDescent="0.3">
      <c r="A7" s="3" t="s">
        <v>2443</v>
      </c>
      <c r="B7" s="11">
        <v>5014165</v>
      </c>
      <c r="C7" s="10" t="s">
        <v>2444</v>
      </c>
      <c r="D7" s="17">
        <v>44726</v>
      </c>
      <c r="E7" s="3" t="s">
        <v>2335</v>
      </c>
      <c r="F7" s="13" t="s">
        <v>2336</v>
      </c>
      <c r="G7" s="3" t="s">
        <v>2337</v>
      </c>
      <c r="H7" s="3"/>
    </row>
    <row r="8" spans="1:8" ht="15" customHeight="1" x14ac:dyDescent="0.3">
      <c r="A8" s="3" t="s">
        <v>2445</v>
      </c>
      <c r="B8" s="11">
        <v>4583462</v>
      </c>
      <c r="C8" s="10" t="s">
        <v>2446</v>
      </c>
      <c r="D8" s="17">
        <v>44208</v>
      </c>
      <c r="E8" s="3" t="s">
        <v>2335</v>
      </c>
      <c r="F8" s="3" t="s">
        <v>2437</v>
      </c>
      <c r="G8" s="3" t="s">
        <v>35</v>
      </c>
      <c r="H8" s="3"/>
    </row>
    <row r="9" spans="1:8" ht="15" customHeight="1" x14ac:dyDescent="0.3">
      <c r="A9" s="3" t="s">
        <v>2447</v>
      </c>
      <c r="B9" s="11">
        <v>4583463</v>
      </c>
      <c r="C9" s="10" t="s">
        <v>2448</v>
      </c>
      <c r="D9" s="17">
        <v>44208</v>
      </c>
      <c r="E9" s="3" t="s">
        <v>2335</v>
      </c>
      <c r="F9" s="3" t="s">
        <v>2336</v>
      </c>
      <c r="G9" s="3" t="s">
        <v>2337</v>
      </c>
      <c r="H9" s="3"/>
    </row>
    <row r="10" spans="1:8" ht="15" customHeight="1" x14ac:dyDescent="0.3">
      <c r="A10" s="3" t="s">
        <v>2449</v>
      </c>
      <c r="B10" s="11">
        <v>4535288</v>
      </c>
      <c r="C10" s="10" t="s">
        <v>2450</v>
      </c>
      <c r="D10" s="17">
        <v>43872</v>
      </c>
      <c r="E10" s="3" t="s">
        <v>2335</v>
      </c>
      <c r="F10" s="3" t="s">
        <v>2437</v>
      </c>
      <c r="G10" s="3" t="s">
        <v>35</v>
      </c>
      <c r="H10" s="3"/>
    </row>
    <row r="11" spans="1:8" ht="15" customHeight="1" x14ac:dyDescent="0.3">
      <c r="A11" s="3" t="s">
        <v>2451</v>
      </c>
      <c r="B11" s="11">
        <v>4532095</v>
      </c>
      <c r="C11" s="10" t="s">
        <v>2452</v>
      </c>
      <c r="D11" s="17">
        <v>43872</v>
      </c>
      <c r="E11" s="3" t="s">
        <v>2335</v>
      </c>
      <c r="F11" s="3" t="s">
        <v>2336</v>
      </c>
      <c r="G11" s="3" t="s">
        <v>2337</v>
      </c>
      <c r="H11" s="3"/>
    </row>
    <row r="12" spans="1:8" ht="15" customHeight="1" x14ac:dyDescent="0.3">
      <c r="A12" s="3" t="s">
        <v>2453</v>
      </c>
      <c r="B12" s="11">
        <v>4500181</v>
      </c>
      <c r="C12" s="10" t="s">
        <v>2454</v>
      </c>
      <c r="D12" s="17">
        <v>43675</v>
      </c>
      <c r="E12" s="3" t="s">
        <v>2335</v>
      </c>
      <c r="F12" s="3" t="s">
        <v>77</v>
      </c>
      <c r="G12" s="3" t="s">
        <v>32</v>
      </c>
      <c r="H12" s="3"/>
    </row>
    <row r="13" spans="1:8" ht="15" customHeight="1" x14ac:dyDescent="0.3">
      <c r="A13" s="3" t="s">
        <v>2455</v>
      </c>
      <c r="B13" s="11">
        <v>4500180</v>
      </c>
      <c r="C13" s="10" t="s">
        <v>2456</v>
      </c>
      <c r="D13" s="17">
        <v>43675</v>
      </c>
      <c r="E13" s="3" t="s">
        <v>2350</v>
      </c>
      <c r="F13" s="3" t="s">
        <v>515</v>
      </c>
      <c r="G13" s="3" t="s">
        <v>32</v>
      </c>
      <c r="H13" s="3"/>
    </row>
    <row r="14" spans="1:8" ht="15" customHeight="1" x14ac:dyDescent="0.3">
      <c r="A14" s="3" t="s">
        <v>2457</v>
      </c>
      <c r="B14" s="11">
        <v>4505422</v>
      </c>
      <c r="C14" s="10" t="s">
        <v>2458</v>
      </c>
      <c r="D14" s="17">
        <v>43655</v>
      </c>
      <c r="E14" s="3" t="s">
        <v>2335</v>
      </c>
      <c r="F14" s="3" t="s">
        <v>1491</v>
      </c>
      <c r="G14" s="3" t="s">
        <v>35</v>
      </c>
      <c r="H14" s="3"/>
    </row>
    <row r="15" spans="1:8" ht="15" customHeight="1" x14ac:dyDescent="0.3">
      <c r="A15" s="3" t="s">
        <v>2459</v>
      </c>
      <c r="B15" s="11">
        <v>4505218</v>
      </c>
      <c r="C15" s="10" t="s">
        <v>2460</v>
      </c>
      <c r="D15" s="17">
        <v>43655</v>
      </c>
      <c r="E15" s="3" t="s">
        <v>2335</v>
      </c>
      <c r="F15" s="3" t="s">
        <v>2336</v>
      </c>
      <c r="G15" s="3" t="s">
        <v>2337</v>
      </c>
      <c r="H15" s="3"/>
    </row>
    <row r="16" spans="1:8" ht="15" customHeight="1" x14ac:dyDescent="0.3">
      <c r="A16" s="3" t="s">
        <v>2461</v>
      </c>
      <c r="B16" s="11">
        <v>4505419</v>
      </c>
      <c r="C16" s="10" t="s">
        <v>2462</v>
      </c>
      <c r="D16" s="17">
        <v>43655</v>
      </c>
      <c r="E16" s="3" t="s">
        <v>2350</v>
      </c>
      <c r="F16" s="3" t="s">
        <v>2351</v>
      </c>
      <c r="G16" s="3" t="s">
        <v>35</v>
      </c>
      <c r="H16" s="3"/>
    </row>
    <row r="17" spans="1:8" ht="15" customHeight="1" x14ac:dyDescent="0.3">
      <c r="A17" s="3" t="s">
        <v>2463</v>
      </c>
      <c r="B17" s="11">
        <v>4505217</v>
      </c>
      <c r="C17" s="10" t="s">
        <v>2464</v>
      </c>
      <c r="D17" s="17">
        <v>43655</v>
      </c>
      <c r="E17" s="3" t="s">
        <v>2350</v>
      </c>
      <c r="F17" s="3" t="s">
        <v>2353</v>
      </c>
      <c r="G17" s="3" t="s">
        <v>2337</v>
      </c>
      <c r="H17" s="3"/>
    </row>
    <row r="18" spans="1:8" ht="15" customHeight="1" x14ac:dyDescent="0.3">
      <c r="A18" s="3" t="s">
        <v>2465</v>
      </c>
      <c r="B18" s="11">
        <v>4491539</v>
      </c>
      <c r="C18" s="10" t="s">
        <v>2466</v>
      </c>
      <c r="D18" s="17">
        <v>43571</v>
      </c>
      <c r="E18" s="3" t="s">
        <v>2335</v>
      </c>
      <c r="F18" s="3" t="s">
        <v>80</v>
      </c>
      <c r="G18" s="3" t="s">
        <v>32</v>
      </c>
      <c r="H18" s="3"/>
    </row>
    <row r="19" spans="1:8" ht="15" customHeight="1" x14ac:dyDescent="0.3">
      <c r="A19" s="3" t="s">
        <v>2467</v>
      </c>
      <c r="B19" s="11">
        <v>4491540</v>
      </c>
      <c r="C19" s="10" t="s">
        <v>2468</v>
      </c>
      <c r="D19" s="17">
        <v>43571</v>
      </c>
      <c r="E19" s="3" t="s">
        <v>2350</v>
      </c>
      <c r="F19" s="3" t="s">
        <v>517</v>
      </c>
      <c r="G19" s="3" t="s">
        <v>32</v>
      </c>
      <c r="H19" s="3"/>
    </row>
    <row r="20" spans="1:8" ht="15" customHeight="1" x14ac:dyDescent="0.3">
      <c r="A20" s="3" t="s">
        <v>2469</v>
      </c>
      <c r="B20" s="11">
        <v>4482960</v>
      </c>
      <c r="C20" s="10" t="s">
        <v>2470</v>
      </c>
      <c r="D20" s="17">
        <v>43515</v>
      </c>
      <c r="E20" s="3" t="s">
        <v>2335</v>
      </c>
      <c r="F20" s="3" t="s">
        <v>83</v>
      </c>
      <c r="G20" s="3" t="s">
        <v>32</v>
      </c>
      <c r="H20" s="3"/>
    </row>
    <row r="21" spans="1:8" ht="15" customHeight="1" x14ac:dyDescent="0.3">
      <c r="A21" s="3" t="s">
        <v>2471</v>
      </c>
      <c r="B21" s="11">
        <v>4482967</v>
      </c>
      <c r="C21" s="10" t="s">
        <v>2472</v>
      </c>
      <c r="D21" s="17">
        <v>43515</v>
      </c>
      <c r="E21" s="3" t="s">
        <v>2350</v>
      </c>
      <c r="F21" s="3" t="s">
        <v>522</v>
      </c>
      <c r="G21" s="3" t="s">
        <v>32</v>
      </c>
      <c r="H21" s="3"/>
    </row>
    <row r="22" spans="1:8" ht="15" customHeight="1" x14ac:dyDescent="0.3">
      <c r="A22" s="3" t="s">
        <v>2473</v>
      </c>
      <c r="B22" s="11">
        <v>4470220</v>
      </c>
      <c r="C22" s="10" t="s">
        <v>2474</v>
      </c>
      <c r="D22" s="17">
        <v>43446</v>
      </c>
      <c r="E22" s="3" t="s">
        <v>2335</v>
      </c>
      <c r="F22" s="3" t="s">
        <v>86</v>
      </c>
      <c r="G22" s="3" t="s">
        <v>32</v>
      </c>
      <c r="H22" s="3"/>
    </row>
    <row r="23" spans="1:8" ht="15" customHeight="1" x14ac:dyDescent="0.3">
      <c r="A23" s="3" t="s">
        <v>2475</v>
      </c>
      <c r="B23" s="11">
        <v>4469137</v>
      </c>
      <c r="C23" s="10" t="s">
        <v>2476</v>
      </c>
      <c r="D23" s="17">
        <v>43446</v>
      </c>
      <c r="E23" s="3" t="s">
        <v>2350</v>
      </c>
      <c r="F23" s="3" t="s">
        <v>524</v>
      </c>
      <c r="G23" s="3" t="s">
        <v>32</v>
      </c>
      <c r="H23" s="3"/>
    </row>
    <row r="24" spans="1:8" ht="15" customHeight="1" x14ac:dyDescent="0.3">
      <c r="A24" s="3" t="s">
        <v>2477</v>
      </c>
      <c r="B24" s="11">
        <v>4022619</v>
      </c>
      <c r="C24" s="10" t="s">
        <v>2478</v>
      </c>
      <c r="D24" s="17">
        <v>43403</v>
      </c>
      <c r="E24" s="3" t="s">
        <v>2335</v>
      </c>
      <c r="F24" s="3" t="s">
        <v>30</v>
      </c>
      <c r="G24" s="3" t="s">
        <v>2356</v>
      </c>
      <c r="H24" s="3"/>
    </row>
    <row r="25" spans="1:8" ht="15" customHeight="1" x14ac:dyDescent="0.3">
      <c r="A25" s="3" t="s">
        <v>2479</v>
      </c>
      <c r="B25" s="11">
        <v>4459860</v>
      </c>
      <c r="C25" s="10" t="s">
        <v>2480</v>
      </c>
      <c r="D25" s="17">
        <v>43388</v>
      </c>
      <c r="E25" s="3" t="s">
        <v>2350</v>
      </c>
      <c r="F25" s="3" t="s">
        <v>31</v>
      </c>
      <c r="G25" s="3" t="s">
        <v>32</v>
      </c>
      <c r="H25" s="3"/>
    </row>
    <row r="26" spans="1:8" ht="15" customHeight="1" x14ac:dyDescent="0.3">
      <c r="A26" s="3" t="s">
        <v>2481</v>
      </c>
      <c r="B26" s="11">
        <v>4456287</v>
      </c>
      <c r="C26" s="10" t="s">
        <v>2482</v>
      </c>
      <c r="D26" s="17">
        <v>43339</v>
      </c>
      <c r="E26" s="3" t="s">
        <v>2350</v>
      </c>
      <c r="F26" s="3" t="s">
        <v>41</v>
      </c>
      <c r="G26" s="3" t="s">
        <v>32</v>
      </c>
      <c r="H26" s="3"/>
    </row>
    <row r="27" spans="1:8" ht="15" customHeight="1" x14ac:dyDescent="0.3">
      <c r="A27" s="3" t="s">
        <v>2483</v>
      </c>
      <c r="B27" s="11">
        <v>4130489</v>
      </c>
      <c r="C27" s="10" t="s">
        <v>2484</v>
      </c>
      <c r="D27" s="17">
        <v>43270</v>
      </c>
      <c r="E27" s="3" t="s">
        <v>2350</v>
      </c>
      <c r="F27" s="3" t="s">
        <v>47</v>
      </c>
      <c r="G27" s="3" t="s">
        <v>32</v>
      </c>
      <c r="H27" s="3"/>
    </row>
    <row r="28" spans="1:8" ht="15" customHeight="1" x14ac:dyDescent="0.3">
      <c r="A28" s="3" t="s">
        <v>2485</v>
      </c>
      <c r="B28" s="11">
        <v>4077063</v>
      </c>
      <c r="C28" s="10" t="s">
        <v>2486</v>
      </c>
      <c r="D28" s="17">
        <v>43178</v>
      </c>
      <c r="E28" s="3" t="s">
        <v>2350</v>
      </c>
      <c r="F28" s="3" t="s">
        <v>50</v>
      </c>
      <c r="G28" s="3" t="s">
        <v>32</v>
      </c>
      <c r="H28" s="3"/>
    </row>
    <row r="29" spans="1:8" ht="15" customHeight="1" x14ac:dyDescent="0.3">
      <c r="A29" s="3" t="s">
        <v>2487</v>
      </c>
      <c r="B29" s="11">
        <v>4052725</v>
      </c>
      <c r="C29" s="10" t="s">
        <v>2488</v>
      </c>
      <c r="D29" s="21">
        <v>43116</v>
      </c>
      <c r="E29" s="3" t="s">
        <v>2350</v>
      </c>
      <c r="F29" s="23" t="s">
        <v>2489</v>
      </c>
      <c r="G29" s="3" t="s">
        <v>35</v>
      </c>
      <c r="H29" s="3"/>
    </row>
    <row r="30" spans="1:8" ht="15" customHeight="1" x14ac:dyDescent="0.3">
      <c r="A30" s="3" t="s">
        <v>2490</v>
      </c>
      <c r="B30" s="11">
        <v>4057120</v>
      </c>
      <c r="C30" s="10" t="s">
        <v>2491</v>
      </c>
      <c r="D30" s="17">
        <v>43116</v>
      </c>
      <c r="E30" s="3" t="s">
        <v>2350</v>
      </c>
      <c r="F30" s="23" t="s">
        <v>1492</v>
      </c>
      <c r="G30" s="3" t="s">
        <v>38</v>
      </c>
      <c r="H30" s="3"/>
    </row>
    <row r="31" spans="1:8" ht="15" customHeight="1" x14ac:dyDescent="0.3">
      <c r="A31" s="3" t="s">
        <v>2492</v>
      </c>
      <c r="B31" s="11">
        <v>4055557</v>
      </c>
      <c r="C31" s="10" t="s">
        <v>2493</v>
      </c>
      <c r="D31" s="21">
        <v>43093</v>
      </c>
      <c r="E31" s="3" t="s">
        <v>2350</v>
      </c>
      <c r="F31" s="3" t="s">
        <v>59</v>
      </c>
      <c r="G31" s="3" t="s">
        <v>32</v>
      </c>
      <c r="H31" s="3"/>
    </row>
    <row r="32" spans="1:8" ht="15" customHeight="1" x14ac:dyDescent="0.3">
      <c r="A32" s="3" t="s">
        <v>2494</v>
      </c>
      <c r="B32" s="11">
        <v>4037356</v>
      </c>
      <c r="C32" s="10" t="s">
        <v>2495</v>
      </c>
      <c r="D32" s="21">
        <v>43024</v>
      </c>
      <c r="E32" s="3" t="s">
        <v>2350</v>
      </c>
      <c r="F32" s="26" t="s">
        <v>65</v>
      </c>
      <c r="G32" s="3" t="s">
        <v>32</v>
      </c>
      <c r="H32" s="3"/>
    </row>
    <row r="33" spans="1:8" ht="15" customHeight="1" x14ac:dyDescent="0.3">
      <c r="A33" s="3" t="s">
        <v>2496</v>
      </c>
      <c r="B33" s="11">
        <v>4032541</v>
      </c>
      <c r="C33" s="10" t="s">
        <v>2497</v>
      </c>
      <c r="D33" s="17">
        <v>42975</v>
      </c>
      <c r="E33" s="3" t="s">
        <v>2350</v>
      </c>
      <c r="F33" s="26" t="s">
        <v>68</v>
      </c>
      <c r="G33" s="3" t="s">
        <v>32</v>
      </c>
      <c r="H33" s="3"/>
    </row>
    <row r="34" spans="1:8" ht="15" customHeight="1" x14ac:dyDescent="0.3">
      <c r="A34" s="3" t="s">
        <v>2498</v>
      </c>
      <c r="B34" s="11">
        <v>4019094</v>
      </c>
      <c r="C34" s="10" t="s">
        <v>2499</v>
      </c>
      <c r="D34" s="21">
        <v>42955</v>
      </c>
      <c r="E34" s="3" t="s">
        <v>2350</v>
      </c>
      <c r="F34" s="26" t="s">
        <v>71</v>
      </c>
      <c r="G34" s="3" t="s">
        <v>32</v>
      </c>
      <c r="H34" s="3"/>
    </row>
    <row r="35" spans="1:8" ht="15" customHeight="1" x14ac:dyDescent="0.3">
      <c r="A35" s="3" t="s">
        <v>2500</v>
      </c>
      <c r="B35" s="11">
        <v>4019093</v>
      </c>
      <c r="C35" s="10" t="s">
        <v>2501</v>
      </c>
      <c r="D35" s="21">
        <v>42955</v>
      </c>
      <c r="E35" s="3" t="s">
        <v>2350</v>
      </c>
      <c r="F35" s="27" t="s">
        <v>2353</v>
      </c>
      <c r="G35" s="3" t="s">
        <v>2337</v>
      </c>
      <c r="H35" s="3"/>
    </row>
    <row r="36" spans="1:8" ht="15" customHeight="1" x14ac:dyDescent="0.3">
      <c r="A36" s="3" t="s">
        <v>2502</v>
      </c>
      <c r="B36" s="11">
        <v>4019099</v>
      </c>
      <c r="C36" s="10" t="s">
        <v>2503</v>
      </c>
      <c r="D36" s="21">
        <v>42955</v>
      </c>
      <c r="E36" s="3" t="s">
        <v>2376</v>
      </c>
      <c r="F36" s="28" t="s">
        <v>41</v>
      </c>
      <c r="G36" s="3" t="s">
        <v>32</v>
      </c>
      <c r="H36" s="3"/>
    </row>
    <row r="37" spans="1:8" ht="15" customHeight="1" x14ac:dyDescent="0.3">
      <c r="A37" s="3" t="s">
        <v>2504</v>
      </c>
      <c r="B37" s="11">
        <v>4019091</v>
      </c>
      <c r="C37" s="10" t="s">
        <v>2505</v>
      </c>
      <c r="D37" s="21">
        <v>42955</v>
      </c>
      <c r="E37" s="3" t="s">
        <v>2376</v>
      </c>
      <c r="F37" s="27" t="s">
        <v>2378</v>
      </c>
      <c r="G37" s="29" t="s">
        <v>2337</v>
      </c>
      <c r="H37" s="3"/>
    </row>
    <row r="38" spans="1:8" ht="15" customHeight="1" x14ac:dyDescent="0.3">
      <c r="A38" s="3" t="s">
        <v>2506</v>
      </c>
      <c r="B38" s="11">
        <v>4017793</v>
      </c>
      <c r="C38" s="10" t="s">
        <v>2507</v>
      </c>
      <c r="D38" s="21">
        <v>42842</v>
      </c>
      <c r="E38" s="3" t="s">
        <v>2376</v>
      </c>
      <c r="F38" s="28" t="s">
        <v>47</v>
      </c>
      <c r="G38" s="3" t="s">
        <v>32</v>
      </c>
      <c r="H38" s="3"/>
    </row>
    <row r="39" spans="1:8" ht="15" customHeight="1" x14ac:dyDescent="0.3">
      <c r="A39" s="3" t="s">
        <v>2508</v>
      </c>
      <c r="B39" s="11">
        <v>4013098</v>
      </c>
      <c r="C39" s="10" t="s">
        <v>2509</v>
      </c>
      <c r="D39" s="17">
        <v>42787</v>
      </c>
      <c r="E39" s="3" t="s">
        <v>2350</v>
      </c>
      <c r="F39" s="26" t="s">
        <v>74</v>
      </c>
      <c r="G39" s="3" t="s">
        <v>32</v>
      </c>
      <c r="H39" s="3"/>
    </row>
    <row r="40" spans="1:8" ht="15" customHeight="1" x14ac:dyDescent="0.3">
      <c r="A40" s="3" t="s">
        <v>2510</v>
      </c>
      <c r="B40" s="11">
        <v>4010394</v>
      </c>
      <c r="C40" s="10" t="s">
        <v>2511</v>
      </c>
      <c r="D40" s="17">
        <v>42787</v>
      </c>
      <c r="E40" s="3" t="s">
        <v>2350</v>
      </c>
      <c r="F40" s="26" t="s">
        <v>77</v>
      </c>
      <c r="G40" s="3" t="s">
        <v>32</v>
      </c>
      <c r="H40" s="3"/>
    </row>
    <row r="41" spans="1:8" ht="15" customHeight="1" x14ac:dyDescent="0.3">
      <c r="A41" s="3" t="s">
        <v>2512</v>
      </c>
      <c r="B41" s="11">
        <v>4010392</v>
      </c>
      <c r="C41" s="10" t="s">
        <v>2513</v>
      </c>
      <c r="D41" s="21">
        <v>42787</v>
      </c>
      <c r="E41" s="3" t="s">
        <v>2376</v>
      </c>
      <c r="F41" s="28" t="s">
        <v>50</v>
      </c>
      <c r="G41" s="3" t="s">
        <v>32</v>
      </c>
      <c r="H41" s="3"/>
    </row>
    <row r="42" spans="1:8" ht="15" customHeight="1" x14ac:dyDescent="0.3">
      <c r="A42" s="3" t="s">
        <v>2514</v>
      </c>
      <c r="B42" s="11">
        <v>3204388</v>
      </c>
      <c r="C42" s="10" t="s">
        <v>2515</v>
      </c>
      <c r="D42" s="21">
        <v>42732</v>
      </c>
      <c r="E42" s="3" t="s">
        <v>2350</v>
      </c>
      <c r="F42" s="26" t="s">
        <v>80</v>
      </c>
      <c r="G42" s="3" t="s">
        <v>32</v>
      </c>
      <c r="H42" s="3"/>
    </row>
    <row r="43" spans="1:8" ht="15" customHeight="1" x14ac:dyDescent="0.3">
      <c r="A43" s="3" t="s">
        <v>2516</v>
      </c>
      <c r="B43" s="11">
        <v>3204399</v>
      </c>
      <c r="C43" s="10" t="s">
        <v>2517</v>
      </c>
      <c r="D43" s="21">
        <v>42731</v>
      </c>
      <c r="E43" s="3" t="s">
        <v>2376</v>
      </c>
      <c r="F43" s="28" t="s">
        <v>56</v>
      </c>
      <c r="G43" s="3" t="s">
        <v>32</v>
      </c>
      <c r="H43" s="3"/>
    </row>
    <row r="44" spans="1:8" ht="15" customHeight="1" x14ac:dyDescent="0.3">
      <c r="A44" s="3" t="s">
        <v>2518</v>
      </c>
      <c r="B44" s="11">
        <v>3194718</v>
      </c>
      <c r="C44" s="10" t="s">
        <v>2519</v>
      </c>
      <c r="D44" s="21">
        <v>42682</v>
      </c>
      <c r="E44" s="3" t="s">
        <v>2350</v>
      </c>
      <c r="F44" s="25" t="s">
        <v>2430</v>
      </c>
      <c r="G44" s="3" t="s">
        <v>2428</v>
      </c>
      <c r="H44" s="3"/>
    </row>
    <row r="45" spans="1:8" ht="15" customHeight="1" x14ac:dyDescent="0.3">
      <c r="A45" s="3" t="s">
        <v>2520</v>
      </c>
      <c r="B45" s="11">
        <v>3194714</v>
      </c>
      <c r="C45" s="10" t="s">
        <v>2521</v>
      </c>
      <c r="D45" s="21">
        <v>42682</v>
      </c>
      <c r="E45" s="3" t="s">
        <v>2350</v>
      </c>
      <c r="F45" s="25" t="s">
        <v>2430</v>
      </c>
      <c r="G45" s="3" t="s">
        <v>2522</v>
      </c>
      <c r="H45" s="3"/>
    </row>
    <row r="46" spans="1:8" ht="15" customHeight="1" x14ac:dyDescent="0.3">
      <c r="A46" s="3" t="s">
        <v>2523</v>
      </c>
      <c r="B46" s="11">
        <v>3194722</v>
      </c>
      <c r="C46" s="10" t="s">
        <v>2524</v>
      </c>
      <c r="D46" s="21">
        <v>42682</v>
      </c>
      <c r="E46" s="3" t="s">
        <v>2376</v>
      </c>
      <c r="F46" s="25" t="s">
        <v>2430</v>
      </c>
      <c r="G46" s="3" t="s">
        <v>2428</v>
      </c>
      <c r="H46" s="3"/>
    </row>
    <row r="47" spans="1:8" ht="15" customHeight="1" x14ac:dyDescent="0.3">
      <c r="A47" s="3" t="s">
        <v>2525</v>
      </c>
      <c r="B47" s="11">
        <v>3194720</v>
      </c>
      <c r="C47" s="10" t="s">
        <v>2526</v>
      </c>
      <c r="D47" s="21">
        <v>42682</v>
      </c>
      <c r="E47" s="3" t="s">
        <v>2376</v>
      </c>
      <c r="F47" s="25" t="s">
        <v>2430</v>
      </c>
      <c r="G47" s="3" t="s">
        <v>2522</v>
      </c>
      <c r="H47" s="3"/>
    </row>
    <row r="48" spans="1:8" ht="15" customHeight="1" x14ac:dyDescent="0.3">
      <c r="A48" s="3" t="s">
        <v>2527</v>
      </c>
      <c r="B48" s="11">
        <v>3188778</v>
      </c>
      <c r="C48" s="10" t="s">
        <v>2528</v>
      </c>
      <c r="D48" s="21">
        <v>42661</v>
      </c>
      <c r="E48" s="3" t="s">
        <v>2350</v>
      </c>
      <c r="F48" s="28" t="s">
        <v>83</v>
      </c>
      <c r="G48" s="3" t="s">
        <v>32</v>
      </c>
      <c r="H48" s="3"/>
    </row>
    <row r="49" spans="1:8" ht="15" customHeight="1" x14ac:dyDescent="0.3">
      <c r="A49" s="3" t="s">
        <v>2529</v>
      </c>
      <c r="B49" s="11">
        <v>3186964</v>
      </c>
      <c r="C49" s="10" t="s">
        <v>2530</v>
      </c>
      <c r="D49" s="21">
        <v>42661</v>
      </c>
      <c r="E49" s="3" t="s">
        <v>2376</v>
      </c>
      <c r="F49" s="28" t="s">
        <v>59</v>
      </c>
      <c r="G49" s="3" t="s">
        <v>32</v>
      </c>
      <c r="H49" s="3"/>
    </row>
    <row r="50" spans="1:8" ht="15" customHeight="1" x14ac:dyDescent="0.3">
      <c r="A50" s="3" t="s">
        <v>2531</v>
      </c>
      <c r="B50" s="11">
        <v>3178925</v>
      </c>
      <c r="C50" s="10" t="s">
        <v>2532</v>
      </c>
      <c r="D50" s="21">
        <v>42607</v>
      </c>
      <c r="E50" s="3" t="s">
        <v>2350</v>
      </c>
      <c r="F50" s="28" t="s">
        <v>86</v>
      </c>
      <c r="G50" s="3" t="s">
        <v>32</v>
      </c>
      <c r="H50" s="3"/>
    </row>
    <row r="51" spans="1:8" ht="15" customHeight="1" x14ac:dyDescent="0.3">
      <c r="A51" s="3" t="s">
        <v>2533</v>
      </c>
      <c r="B51" s="11">
        <v>3174038</v>
      </c>
      <c r="C51" s="10" t="s">
        <v>2534</v>
      </c>
      <c r="D51" s="21">
        <v>42598</v>
      </c>
      <c r="E51" s="3" t="s">
        <v>2376</v>
      </c>
      <c r="F51" s="28" t="s">
        <v>65</v>
      </c>
      <c r="G51" s="3" t="s">
        <v>32</v>
      </c>
      <c r="H51" s="3"/>
    </row>
    <row r="52" spans="1:8" ht="15" customHeight="1" x14ac:dyDescent="0.3">
      <c r="A52" s="3" t="s">
        <v>2535</v>
      </c>
      <c r="B52" s="11">
        <v>3171021</v>
      </c>
      <c r="C52" s="10" t="s">
        <v>2536</v>
      </c>
      <c r="D52" s="21">
        <v>42562</v>
      </c>
      <c r="E52" s="3" t="s">
        <v>2350</v>
      </c>
      <c r="F52" s="28" t="s">
        <v>30</v>
      </c>
      <c r="G52" s="3" t="s">
        <v>2356</v>
      </c>
      <c r="H52" s="3"/>
    </row>
    <row r="53" spans="1:8" ht="15" customHeight="1" x14ac:dyDescent="0.3">
      <c r="A53" s="3" t="s">
        <v>2537</v>
      </c>
      <c r="B53" s="11">
        <v>3162659</v>
      </c>
      <c r="C53" s="10" t="s">
        <v>2538</v>
      </c>
      <c r="D53" s="21">
        <v>42541</v>
      </c>
      <c r="E53" s="3" t="s">
        <v>2376</v>
      </c>
      <c r="F53" s="28" t="s">
        <v>68</v>
      </c>
      <c r="G53" s="3" t="s">
        <v>32</v>
      </c>
      <c r="H53" s="3"/>
    </row>
    <row r="54" spans="1:8" ht="15" customHeight="1" x14ac:dyDescent="0.3">
      <c r="A54" s="3" t="s">
        <v>2539</v>
      </c>
      <c r="B54" s="11">
        <v>3158271</v>
      </c>
      <c r="C54" s="10" t="s">
        <v>2540</v>
      </c>
      <c r="D54" s="21">
        <v>42541</v>
      </c>
      <c r="E54" s="3" t="s">
        <v>89</v>
      </c>
      <c r="F54" s="28" t="s">
        <v>31</v>
      </c>
      <c r="G54" s="3" t="s">
        <v>32</v>
      </c>
      <c r="H54" s="3"/>
    </row>
    <row r="55" spans="1:8" ht="15" customHeight="1" x14ac:dyDescent="0.3">
      <c r="A55" s="3" t="s">
        <v>2541</v>
      </c>
      <c r="B55" s="11">
        <v>3167392</v>
      </c>
      <c r="C55" s="10" t="s">
        <v>2542</v>
      </c>
      <c r="D55" s="21">
        <v>42478</v>
      </c>
      <c r="E55" s="3" t="s">
        <v>2376</v>
      </c>
      <c r="F55" s="28" t="s">
        <v>2543</v>
      </c>
      <c r="G55" s="3" t="s">
        <v>32</v>
      </c>
      <c r="H55" s="3"/>
    </row>
    <row r="56" spans="1:8" ht="15" customHeight="1" x14ac:dyDescent="0.3">
      <c r="A56" s="3" t="s">
        <v>2544</v>
      </c>
      <c r="B56" s="11">
        <v>3144517</v>
      </c>
      <c r="C56" s="10" t="s">
        <v>2545</v>
      </c>
      <c r="D56" s="21">
        <v>42478</v>
      </c>
      <c r="E56" s="3" t="s">
        <v>89</v>
      </c>
      <c r="F56" s="28" t="s">
        <v>2546</v>
      </c>
      <c r="G56" s="3" t="s">
        <v>32</v>
      </c>
      <c r="H56" s="3"/>
    </row>
    <row r="57" spans="1:8" ht="15" customHeight="1" x14ac:dyDescent="0.3">
      <c r="A57" s="3" t="s">
        <v>2547</v>
      </c>
      <c r="B57" s="11">
        <v>3130926</v>
      </c>
      <c r="C57" s="10" t="s">
        <v>2548</v>
      </c>
      <c r="D57" s="21">
        <v>42422</v>
      </c>
      <c r="E57" s="3" t="s">
        <v>2376</v>
      </c>
      <c r="F57" s="28" t="s">
        <v>74</v>
      </c>
      <c r="G57" s="3" t="s">
        <v>32</v>
      </c>
      <c r="H57" s="3"/>
    </row>
    <row r="58" spans="1:8" ht="15" customHeight="1" x14ac:dyDescent="0.3">
      <c r="A58" s="3" t="s">
        <v>2549</v>
      </c>
      <c r="B58" s="11">
        <v>3130923</v>
      </c>
      <c r="C58" s="10" t="s">
        <v>2550</v>
      </c>
      <c r="D58" s="21">
        <v>42422</v>
      </c>
      <c r="E58" s="3" t="s">
        <v>89</v>
      </c>
      <c r="F58" s="28" t="s">
        <v>47</v>
      </c>
      <c r="G58" s="3" t="s">
        <v>32</v>
      </c>
      <c r="H58" s="3"/>
    </row>
    <row r="59" spans="1:8" ht="15" customHeight="1" x14ac:dyDescent="0.3">
      <c r="A59" s="3" t="s">
        <v>2551</v>
      </c>
      <c r="B59" s="11">
        <v>3106660</v>
      </c>
      <c r="C59" s="10" t="s">
        <v>2552</v>
      </c>
      <c r="D59" s="21">
        <v>42359</v>
      </c>
      <c r="E59" s="3" t="s">
        <v>2376</v>
      </c>
      <c r="F59" s="28" t="s">
        <v>77</v>
      </c>
      <c r="G59" s="3" t="s">
        <v>32</v>
      </c>
      <c r="H59" s="3"/>
    </row>
    <row r="60" spans="1:8" ht="15" customHeight="1" x14ac:dyDescent="0.3">
      <c r="A60" s="3" t="s">
        <v>2553</v>
      </c>
      <c r="B60" s="11">
        <v>3106659</v>
      </c>
      <c r="C60" s="10" t="s">
        <v>2554</v>
      </c>
      <c r="D60" s="21">
        <v>42359</v>
      </c>
      <c r="E60" s="3" t="s">
        <v>89</v>
      </c>
      <c r="F60" s="28" t="s">
        <v>50</v>
      </c>
      <c r="G60" s="3" t="s">
        <v>32</v>
      </c>
      <c r="H60" s="3"/>
    </row>
    <row r="61" spans="1:8" ht="15" customHeight="1" x14ac:dyDescent="0.3">
      <c r="A61" s="3" t="s">
        <v>2555</v>
      </c>
      <c r="B61" s="11">
        <v>3094221</v>
      </c>
      <c r="C61" s="10" t="s">
        <v>2556</v>
      </c>
      <c r="D61" s="21">
        <v>42296</v>
      </c>
      <c r="E61" s="3" t="s">
        <v>2376</v>
      </c>
      <c r="F61" s="28" t="s">
        <v>80</v>
      </c>
      <c r="G61" s="3" t="s">
        <v>32</v>
      </c>
      <c r="H61" s="3"/>
    </row>
    <row r="62" spans="1:8" ht="15" customHeight="1" x14ac:dyDescent="0.3">
      <c r="A62" s="3" t="s">
        <v>2557</v>
      </c>
      <c r="B62" s="11">
        <v>3094220</v>
      </c>
      <c r="C62" s="10" t="s">
        <v>2558</v>
      </c>
      <c r="D62" s="21">
        <v>42296</v>
      </c>
      <c r="E62" s="3" t="s">
        <v>89</v>
      </c>
      <c r="F62" s="28" t="s">
        <v>56</v>
      </c>
      <c r="G62" s="3" t="s">
        <v>32</v>
      </c>
      <c r="H62" s="3"/>
    </row>
    <row r="63" spans="1:8" ht="15" customHeight="1" x14ac:dyDescent="0.3">
      <c r="A63" s="3" t="s">
        <v>2559</v>
      </c>
      <c r="B63" s="11">
        <v>3075950</v>
      </c>
      <c r="C63" s="10" t="s">
        <v>2560</v>
      </c>
      <c r="D63" s="21">
        <v>42233</v>
      </c>
      <c r="E63" s="3" t="s">
        <v>2376</v>
      </c>
      <c r="F63" s="28" t="s">
        <v>83</v>
      </c>
      <c r="G63" s="3" t="s">
        <v>32</v>
      </c>
      <c r="H63" s="3"/>
    </row>
    <row r="64" spans="1:8" ht="15" customHeight="1" x14ac:dyDescent="0.3">
      <c r="A64" s="3" t="s">
        <v>2561</v>
      </c>
      <c r="B64" s="11">
        <v>3075949</v>
      </c>
      <c r="C64" s="10" t="s">
        <v>2562</v>
      </c>
      <c r="D64" s="21">
        <v>42233</v>
      </c>
      <c r="E64" s="3" t="s">
        <v>89</v>
      </c>
      <c r="F64" s="28" t="s">
        <v>59</v>
      </c>
      <c r="G64" s="3" t="s">
        <v>32</v>
      </c>
      <c r="H64" s="3"/>
    </row>
    <row r="65" spans="1:8" ht="15" customHeight="1" x14ac:dyDescent="0.3">
      <c r="A65" s="3" t="s">
        <v>2563</v>
      </c>
      <c r="B65" s="11">
        <v>3070446</v>
      </c>
      <c r="C65" s="10" t="s">
        <v>2564</v>
      </c>
      <c r="D65" s="21">
        <v>42199</v>
      </c>
      <c r="E65" s="3" t="s">
        <v>2376</v>
      </c>
      <c r="F65" s="28" t="s">
        <v>2565</v>
      </c>
      <c r="G65" s="3" t="s">
        <v>2566</v>
      </c>
      <c r="H65" s="3"/>
    </row>
    <row r="66" spans="1:8" ht="15" customHeight="1" x14ac:dyDescent="0.3">
      <c r="A66" s="3" t="s">
        <v>2567</v>
      </c>
      <c r="B66" s="11">
        <v>3045323</v>
      </c>
      <c r="C66" s="10" t="s">
        <v>2568</v>
      </c>
      <c r="D66" s="21">
        <v>42199</v>
      </c>
      <c r="E66" s="3" t="s">
        <v>89</v>
      </c>
      <c r="F66" s="28" t="s">
        <v>2565</v>
      </c>
      <c r="G66" s="3" t="s">
        <v>2569</v>
      </c>
      <c r="H66" s="3"/>
    </row>
    <row r="67" spans="1:8" ht="15" customHeight="1" x14ac:dyDescent="0.3">
      <c r="A67" s="3" t="s">
        <v>2570</v>
      </c>
      <c r="B67" s="11">
        <v>3045324</v>
      </c>
      <c r="C67" s="10" t="s">
        <v>2571</v>
      </c>
      <c r="D67" s="21">
        <v>42199</v>
      </c>
      <c r="E67" s="3" t="s">
        <v>89</v>
      </c>
      <c r="F67" s="28" t="s">
        <v>2565</v>
      </c>
      <c r="G67" s="3" t="s">
        <v>2566</v>
      </c>
      <c r="H67" s="3"/>
    </row>
    <row r="68" spans="1:8" ht="15" customHeight="1" x14ac:dyDescent="0.3">
      <c r="A68" s="3" t="s">
        <v>2572</v>
      </c>
      <c r="B68" s="11">
        <v>3067839</v>
      </c>
      <c r="C68" s="10" t="s">
        <v>2573</v>
      </c>
      <c r="D68" s="21">
        <v>42174</v>
      </c>
      <c r="E68" s="3" t="s">
        <v>2376</v>
      </c>
      <c r="F68" s="28" t="s">
        <v>86</v>
      </c>
      <c r="G68" s="3" t="s">
        <v>32</v>
      </c>
      <c r="H68" s="3"/>
    </row>
    <row r="69" spans="1:8" ht="15" customHeight="1" x14ac:dyDescent="0.3">
      <c r="A69" s="3" t="s">
        <v>2574</v>
      </c>
      <c r="B69" s="11">
        <v>3067836</v>
      </c>
      <c r="C69" s="10" t="s">
        <v>2575</v>
      </c>
      <c r="D69" s="21">
        <v>42174</v>
      </c>
      <c r="E69" s="3" t="s">
        <v>89</v>
      </c>
      <c r="F69" s="28" t="s">
        <v>65</v>
      </c>
      <c r="G69" s="3" t="s">
        <v>32</v>
      </c>
      <c r="H69" s="3"/>
    </row>
    <row r="70" spans="1:8" ht="15" customHeight="1" x14ac:dyDescent="0.3">
      <c r="A70" s="3" t="s">
        <v>2576</v>
      </c>
      <c r="B70" s="11">
        <v>3058865</v>
      </c>
      <c r="C70" s="10" t="s">
        <v>2577</v>
      </c>
      <c r="D70" s="21">
        <v>42128</v>
      </c>
      <c r="E70" s="3" t="s">
        <v>2376</v>
      </c>
      <c r="F70" s="28" t="s">
        <v>30</v>
      </c>
      <c r="G70" s="3" t="s">
        <v>2356</v>
      </c>
      <c r="H70" s="3"/>
    </row>
    <row r="71" spans="1:8" ht="15" customHeight="1" x14ac:dyDescent="0.3">
      <c r="A71" s="3" t="s">
        <v>2578</v>
      </c>
      <c r="B71" s="11">
        <v>3046038</v>
      </c>
      <c r="C71" s="10" t="s">
        <v>2579</v>
      </c>
      <c r="D71" s="21">
        <v>42114</v>
      </c>
      <c r="E71" s="3" t="s">
        <v>89</v>
      </c>
      <c r="F71" s="28" t="s">
        <v>68</v>
      </c>
      <c r="G71" s="3" t="s">
        <v>32</v>
      </c>
      <c r="H71" s="3"/>
    </row>
    <row r="72" spans="1:8" ht="15" customHeight="1" x14ac:dyDescent="0.3">
      <c r="A72" s="3" t="s">
        <v>2580</v>
      </c>
      <c r="B72" s="11">
        <v>3031047</v>
      </c>
      <c r="C72" s="10" t="s">
        <v>2581</v>
      </c>
      <c r="D72" s="21">
        <v>42051</v>
      </c>
      <c r="E72" s="3" t="s">
        <v>89</v>
      </c>
      <c r="F72" s="28" t="s">
        <v>71</v>
      </c>
      <c r="G72" s="3" t="s">
        <v>32</v>
      </c>
      <c r="H72" s="3"/>
    </row>
    <row r="73" spans="1:8" ht="15" customHeight="1" x14ac:dyDescent="0.3">
      <c r="A73" s="3" t="s">
        <v>2582</v>
      </c>
      <c r="B73" s="11">
        <v>3011055</v>
      </c>
      <c r="C73" s="10" t="s">
        <v>2583</v>
      </c>
      <c r="D73" s="21">
        <v>41990</v>
      </c>
      <c r="E73" s="3" t="s">
        <v>89</v>
      </c>
      <c r="F73" s="28" t="s">
        <v>74</v>
      </c>
      <c r="G73" s="3" t="s">
        <v>32</v>
      </c>
      <c r="H73" s="3"/>
    </row>
    <row r="74" spans="1:8" ht="15" customHeight="1" x14ac:dyDescent="0.3">
      <c r="A74" s="3" t="s">
        <v>2584</v>
      </c>
      <c r="B74" s="11">
        <v>2999197</v>
      </c>
      <c r="C74" s="10" t="s">
        <v>2585</v>
      </c>
      <c r="D74" s="21">
        <v>41933</v>
      </c>
      <c r="E74" s="3" t="s">
        <v>89</v>
      </c>
      <c r="F74" s="28" t="s">
        <v>77</v>
      </c>
      <c r="G74" s="3" t="s">
        <v>32</v>
      </c>
      <c r="H74" s="3"/>
    </row>
    <row r="75" spans="1:8" ht="15" customHeight="1" x14ac:dyDescent="0.3">
      <c r="A75" s="3" t="s">
        <v>2586</v>
      </c>
      <c r="B75" s="11">
        <v>2984923</v>
      </c>
      <c r="C75" s="10" t="s">
        <v>2587</v>
      </c>
      <c r="D75" s="21">
        <v>41869</v>
      </c>
      <c r="E75" s="3" t="s">
        <v>89</v>
      </c>
      <c r="F75" s="28" t="s">
        <v>80</v>
      </c>
      <c r="G75" s="3" t="s">
        <v>32</v>
      </c>
      <c r="H75" s="3"/>
    </row>
    <row r="76" spans="1:8" ht="15" customHeight="1" x14ac:dyDescent="0.3">
      <c r="A76" s="3" t="s">
        <v>2588</v>
      </c>
      <c r="B76" s="11">
        <v>2977316</v>
      </c>
      <c r="C76" s="10" t="s">
        <v>2589</v>
      </c>
      <c r="D76" s="21">
        <v>41863</v>
      </c>
      <c r="E76" s="3" t="s">
        <v>89</v>
      </c>
      <c r="F76" s="28" t="s">
        <v>2590</v>
      </c>
      <c r="G76" s="3" t="s">
        <v>2569</v>
      </c>
      <c r="H76" s="3"/>
    </row>
    <row r="77" spans="1:8" ht="15" customHeight="1" x14ac:dyDescent="0.3">
      <c r="A77" s="3" t="s">
        <v>2591</v>
      </c>
      <c r="B77" s="11">
        <v>2977315</v>
      </c>
      <c r="C77" s="10" t="s">
        <v>2592</v>
      </c>
      <c r="D77" s="21">
        <v>41863</v>
      </c>
      <c r="E77" s="3" t="s">
        <v>89</v>
      </c>
      <c r="F77" s="28" t="s">
        <v>2590</v>
      </c>
      <c r="G77" s="3" t="s">
        <v>2566</v>
      </c>
      <c r="H77" s="3"/>
    </row>
    <row r="78" spans="1:8" ht="15" customHeight="1" x14ac:dyDescent="0.3">
      <c r="A78" s="3" t="s">
        <v>2593</v>
      </c>
      <c r="B78" s="11">
        <v>2967546</v>
      </c>
      <c r="C78" s="10" t="s">
        <v>2594</v>
      </c>
      <c r="D78" s="21">
        <v>41817</v>
      </c>
      <c r="E78" s="3" t="s">
        <v>89</v>
      </c>
      <c r="F78" s="28" t="s">
        <v>83</v>
      </c>
      <c r="G78" s="3" t="s">
        <v>32</v>
      </c>
      <c r="H78" s="3"/>
    </row>
    <row r="79" spans="1:8" ht="15" customHeight="1" x14ac:dyDescent="0.3">
      <c r="A79" s="3" t="s">
        <v>2595</v>
      </c>
      <c r="B79" s="11">
        <v>2931693</v>
      </c>
      <c r="C79" s="10" t="s">
        <v>2596</v>
      </c>
      <c r="D79" s="21">
        <v>41750</v>
      </c>
      <c r="E79" s="3" t="s">
        <v>89</v>
      </c>
      <c r="F79" s="30" t="s">
        <v>86</v>
      </c>
      <c r="G79" s="3" t="s">
        <v>32</v>
      </c>
      <c r="H79" s="3"/>
    </row>
    <row r="80" spans="1:8" ht="15" customHeight="1" x14ac:dyDescent="0.3">
      <c r="A80" s="3" t="s">
        <v>2597</v>
      </c>
      <c r="B80" s="11" t="s">
        <v>2435</v>
      </c>
      <c r="D80" s="21">
        <v>41730</v>
      </c>
      <c r="E80" s="3" t="s">
        <v>89</v>
      </c>
      <c r="F80" s="28" t="s">
        <v>2435</v>
      </c>
      <c r="G80" s="3" t="s">
        <v>89</v>
      </c>
      <c r="H80" s="3"/>
    </row>
  </sheetData>
  <hyperlinks>
    <hyperlink ref="C79" r:id="rId1" xr:uid="{54EA4F86-473B-4708-9DDF-5A528008B72D}"/>
    <hyperlink ref="C78" r:id="rId2" xr:uid="{4EFEF2C2-CF5D-466F-A9A7-77D61F86833B}"/>
    <hyperlink ref="C77" r:id="rId3" xr:uid="{379D164F-035F-4DE6-9A0F-87D0441615FB}"/>
    <hyperlink ref="C76" r:id="rId4" xr:uid="{71A4F06D-D661-4856-A1DB-BA0611829E09}"/>
    <hyperlink ref="C6" r:id="rId5" xr:uid="{D5CCF014-84C6-4481-8156-0098321898B3}"/>
    <hyperlink ref="C7" r:id="rId6" xr:uid="{7751337E-5E24-4AEE-AE47-456C5F537822}"/>
    <hyperlink ref="C75" r:id="rId7" xr:uid="{22A2383E-5D3B-4EAF-99C8-CD890746D940}"/>
    <hyperlink ref="C74" r:id="rId8" xr:uid="{DF6DAEA2-4D2E-4A97-A2F6-767669156836}"/>
    <hyperlink ref="C73" r:id="rId9" xr:uid="{36570167-6EE9-4728-8EB6-9864C9DBE063}"/>
    <hyperlink ref="C72" r:id="rId10" xr:uid="{00E1FDC3-BA2D-4312-8FF4-865FC6D0C0B2}"/>
    <hyperlink ref="C71" r:id="rId11" xr:uid="{FB8FE8E7-A36A-4E48-A38E-BFF6353C5060}"/>
    <hyperlink ref="C70" r:id="rId12" xr:uid="{EE7C1AE0-25BF-46F6-999D-D2E93F26867A}"/>
    <hyperlink ref="C69" r:id="rId13" xr:uid="{75ADED12-6ECA-48E9-8AFF-4C5B4014E102}"/>
    <hyperlink ref="C68" r:id="rId14" xr:uid="{7824E54F-6C3B-4D42-86B7-D329906C459D}"/>
    <hyperlink ref="C67" r:id="rId15" xr:uid="{58620395-3020-45A9-A2FA-626469049196}"/>
    <hyperlink ref="C66" r:id="rId16" xr:uid="{0C29A7FE-16F5-4EBA-AC68-A9763077746E}"/>
    <hyperlink ref="C65" r:id="rId17" xr:uid="{E23213DA-3977-4F2B-883B-02986F5C15B5}"/>
    <hyperlink ref="C64" r:id="rId18" xr:uid="{A9F6B33D-8DFC-4288-AD2C-0A5A5AB7C282}"/>
    <hyperlink ref="C63" r:id="rId19" xr:uid="{983B7D2C-033A-4A43-812E-CBF0820FFDD4}"/>
    <hyperlink ref="C62" r:id="rId20" xr:uid="{02BF417F-FCCC-4316-A27F-1DBAB1DF8BA3}"/>
    <hyperlink ref="C61" r:id="rId21" xr:uid="{7A0D750D-9D70-49DB-AFCD-25FFB2B89D51}"/>
    <hyperlink ref="C60" r:id="rId22" xr:uid="{80634AA1-C082-4748-95B2-7C0B87A47860}"/>
    <hyperlink ref="C59" r:id="rId23" xr:uid="{27FB3C3F-FBFB-4D5F-91FE-CD51E0BA899B}"/>
    <hyperlink ref="C58" r:id="rId24" xr:uid="{E7ADBC8A-5EF8-41C5-9188-914B025E8585}"/>
    <hyperlink ref="C57" r:id="rId25" xr:uid="{1E770F2E-C4E7-4E20-A334-B2165DFA7655}"/>
    <hyperlink ref="C56" r:id="rId26" xr:uid="{A9C9BA8D-6F43-445C-86C6-E921FDF7AFBF}"/>
    <hyperlink ref="C55" r:id="rId27" xr:uid="{C2BE5600-5B53-40FA-9CB0-2F4BD95A0418}"/>
    <hyperlink ref="C54" r:id="rId28" xr:uid="{A6213C74-F295-45AC-9DCF-01DE30C9D5E9}"/>
    <hyperlink ref="C53" r:id="rId29" xr:uid="{C87C869C-243B-4515-BE0E-CB9DDFFCEEFB}"/>
    <hyperlink ref="C52" r:id="rId30" xr:uid="{D9376F97-A090-4C7C-8AD9-B29D535B1316}"/>
    <hyperlink ref="C51" r:id="rId31" xr:uid="{AFCEB898-7A96-4110-AE00-41E59F0F0FCF}"/>
    <hyperlink ref="C50" r:id="rId32" xr:uid="{55702F1E-3350-418D-B6E6-C9F3890E8967}"/>
    <hyperlink ref="C49" r:id="rId33" xr:uid="{16058013-0142-4722-95C8-3F0100D416A0}"/>
    <hyperlink ref="C48" r:id="rId34" xr:uid="{8A9D3D3E-1F18-47AD-93DA-DFF4A2331341}"/>
    <hyperlink ref="C47" r:id="rId35" xr:uid="{763F061C-6AF7-409D-AB26-57AA33FAD80B}"/>
    <hyperlink ref="C8" r:id="rId36" xr:uid="{8E7DAD40-07B8-4798-82D0-72E4F32B39DF}"/>
    <hyperlink ref="C9" r:id="rId37" xr:uid="{98992ABA-2C7D-4278-B80D-EB41BD617A2E}"/>
    <hyperlink ref="C10" r:id="rId38" xr:uid="{A133CD5B-7373-45AB-B6DF-2896ABD21221}"/>
    <hyperlink ref="C11" r:id="rId39" xr:uid="{0F407963-67E0-4257-AA62-A3438368FC7F}"/>
    <hyperlink ref="C12" r:id="rId40" xr:uid="{EAEBCDCE-7354-4A64-91E6-F02EC09BA97C}"/>
    <hyperlink ref="C13" r:id="rId41" xr:uid="{68A93430-4F3E-4686-8128-7DF7CF7DF6B8}"/>
    <hyperlink ref="C14" r:id="rId42" xr:uid="{96FA90BD-1D34-4568-B913-6C521C538DA5}"/>
    <hyperlink ref="C15" r:id="rId43" xr:uid="{9E817043-EA6E-446F-93BB-129FEBBA8896}"/>
    <hyperlink ref="C16" r:id="rId44" xr:uid="{0DE66385-7D21-413C-989A-599DADD25DEE}"/>
    <hyperlink ref="C17" r:id="rId45" xr:uid="{E82603E1-7C9B-49F7-9FEA-5E5F9CBD1726}"/>
    <hyperlink ref="C18" r:id="rId46" xr:uid="{4326ADB1-CEBD-4A3F-8B98-FF6AAAC9F3FA}"/>
    <hyperlink ref="C19" r:id="rId47" xr:uid="{6C8EA019-DFC6-4C37-A5FC-6A52414D62DE}"/>
    <hyperlink ref="C20" r:id="rId48" xr:uid="{9E0D3B0F-7160-46F5-8AD7-1C494E2C58B0}"/>
    <hyperlink ref="C21" r:id="rId49" xr:uid="{80ED6EDE-9BB7-4F3C-91F5-2D5FE5F76904}"/>
    <hyperlink ref="C22" r:id="rId50" xr:uid="{1EED5FCC-343D-4D42-BFC2-66017ACC2B77}"/>
    <hyperlink ref="C23" r:id="rId51" xr:uid="{63D412F8-BABF-45D4-8258-54491EC91429}"/>
    <hyperlink ref="C24" r:id="rId52" xr:uid="{B800F92F-FE6B-42FD-9182-02C116CF6B86}"/>
    <hyperlink ref="C25" r:id="rId53" xr:uid="{1059FE6B-B28B-43A4-B9DC-645DA61CB6BC}"/>
    <hyperlink ref="C26" r:id="rId54" xr:uid="{0734D783-BC4A-4812-B7FC-EC782F6C6C4C}"/>
    <hyperlink ref="C27" r:id="rId55" xr:uid="{5B27F31F-6303-4A85-BD20-A2E81204FDF4}"/>
    <hyperlink ref="C28" r:id="rId56" xr:uid="{ABB3423B-65D1-4D00-9D50-1ECC90101FA2}"/>
    <hyperlink ref="C29" r:id="rId57" xr:uid="{979EB6C3-15B6-42F2-8F91-2B8797849D23}"/>
    <hyperlink ref="C30" r:id="rId58" xr:uid="{DC82F2E3-F713-409C-826C-6ED6448C41C1}"/>
    <hyperlink ref="C31" r:id="rId59" xr:uid="{7B8639A4-A6FA-48F7-9E85-A8F608AB7E5F}"/>
    <hyperlink ref="C32" r:id="rId60" xr:uid="{0059341A-562A-45CF-BA46-C279EDFD22C4}"/>
    <hyperlink ref="C33" r:id="rId61" xr:uid="{B6480DFB-92B2-4A32-B81F-AA2D75D034E0}"/>
    <hyperlink ref="C35" r:id="rId62" xr:uid="{CAFB2565-1E37-4668-A970-DA827B927A31}"/>
    <hyperlink ref="C34" r:id="rId63" xr:uid="{A0ACCE92-B6E3-452D-B6C2-BE018F00E785}"/>
    <hyperlink ref="C36" r:id="rId64" xr:uid="{F65A2BF7-960C-4DCA-8230-B02B668A17D4}"/>
    <hyperlink ref="C37" r:id="rId65" xr:uid="{609DCF1A-98AA-4E33-BC5E-337ADE1D8908}"/>
    <hyperlink ref="C38" r:id="rId66" xr:uid="{CEDBEC8A-9306-4F1B-AC20-300D1C6FC349}"/>
    <hyperlink ref="C41" r:id="rId67" xr:uid="{954297AA-7583-4657-9EE8-38C9EF285624}"/>
    <hyperlink ref="C39" r:id="rId68" xr:uid="{FA85989E-6D98-46B9-8227-BAE53984A732}"/>
    <hyperlink ref="C40" r:id="rId69" xr:uid="{8BE0B0E1-82E1-4818-8894-41A88A2DC50A}"/>
    <hyperlink ref="C42" r:id="rId70" xr:uid="{51AD4BFA-A2AA-4AC4-A5C9-78E513F4EF79}"/>
    <hyperlink ref="C43" r:id="rId71" xr:uid="{771D0F5C-87D2-492A-B63C-635493DCBF96}"/>
    <hyperlink ref="C46" r:id="rId72" xr:uid="{D1AAA9FE-6D47-43AB-A72A-B35F7B1A0E00}"/>
    <hyperlink ref="C45" r:id="rId73" xr:uid="{95348AFA-CDAB-4F17-8F74-BF2B426BDD0F}"/>
    <hyperlink ref="C44" r:id="rId74" xr:uid="{6E49D2D0-B7BF-46D7-8A82-E806FD3CC143}"/>
    <hyperlink ref="F44" r:id="rId75" xr:uid="{087E7C18-C3A7-4940-8D25-3CAE24ECA41E}"/>
    <hyperlink ref="F45" r:id="rId76" xr:uid="{E8ADB928-BF6C-4761-AD5C-DAB29EDDE5D2}"/>
    <hyperlink ref="F47" r:id="rId77" xr:uid="{4332E44A-5CFC-475D-9375-D2BACCE01BA2}"/>
    <hyperlink ref="F46" r:id="rId78" xr:uid="{8D73C693-8D55-4D21-801E-B805FB4F93BF}"/>
    <hyperlink ref="F30" r:id="rId79" display="https://portal.msrc.microsoft.com/en-us/security-guidance/advisory/ADV180002" xr:uid="{2FA4F63E-6739-42FB-8C38-1D7F14C6D38D}"/>
    <hyperlink ref="F29" r:id="rId80" display="https://portal.msrc.microsoft.com/en-us/security-guidance/advisory/ADV180002" xr:uid="{91AF07AD-5394-435D-8C02-C2B7920CA9BF}"/>
  </hyperlinks>
  <pageMargins left="0.7" right="0.7" top="0.75" bottom="0.75" header="0.3" footer="0.3"/>
  <pageSetup orientation="portrait" r:id="rId81"/>
  <customProperties>
    <customPr name="EpmWorksheetKeyString_GUID" r:id="rId82"/>
  </customProperties>
  <tableParts count="1">
    <tablePart r:id="rId83"/>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112C4A0EC257714EA037E2954587F772" ma:contentTypeVersion="19" ma:contentTypeDescription="Create a new document." ma:contentTypeScope="" ma:versionID="e4125fc455b9b0b2b0698a0dcd402c89">
  <xsd:schema xmlns:xsd="http://www.w3.org/2001/XMLSchema" xmlns:xs="http://www.w3.org/2001/XMLSchema" xmlns:p="http://schemas.microsoft.com/office/2006/metadata/properties" xmlns:ns1="http://schemas.microsoft.com/sharepoint/v3" xmlns:ns2="4ef747da-2ce0-4796-9d77-77311ee8727a" xmlns:ns3="dd86fd30-1810-4d86-b7a3-a70515464f67" xmlns:ns4="230e9df3-be65-4c73-a93b-d1236ebd677e" targetNamespace="http://schemas.microsoft.com/office/2006/metadata/properties" ma:root="true" ma:fieldsID="88aa489d50eebf27d17127f23a6b9752" ns1:_="" ns2:_="" ns3:_="" ns4:_="">
    <xsd:import namespace="http://schemas.microsoft.com/sharepoint/v3"/>
    <xsd:import namespace="4ef747da-2ce0-4796-9d77-77311ee8727a"/>
    <xsd:import namespace="dd86fd30-1810-4d86-b7a3-a70515464f67"/>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1:_ip_UnifiedCompliancePolicyProperties" minOccurs="0"/>
                <xsd:element ref="ns1:_ip_UnifiedCompliancePolicyUIAction" minOccurs="0"/>
                <xsd:element ref="ns2:MediaLengthInSeconds" minOccurs="0"/>
                <xsd:element ref="ns2:MediaServiceDateTaken" minOccurs="0"/>
                <xsd:element ref="ns2:MediaServiceSearchProperties" minOccurs="0"/>
                <xsd:element ref="ns2:MediaServiceDocTags" minOccurs="0"/>
                <xsd:element ref="ns2:MediaServiceOCR" minOccurs="0"/>
                <xsd:element ref="ns2:MediaServiceGenerationTime" minOccurs="0"/>
                <xsd:element ref="ns2:MediaServiceEventHashCode"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4" nillable="true" ma:displayName="Unified Compliance Policy Properties" ma:hidden="true" ma:internalName="_ip_UnifiedCompliancePolicyProperties">
      <xsd:simpleType>
        <xsd:restriction base="dms:Note"/>
      </xsd:simpleType>
    </xsd:element>
    <xsd:element name="_ip_UnifiedCompliancePolicyUIAction" ma:index="15"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ef747da-2ce0-4796-9d77-77311ee8727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LengthInSeconds" ma:index="16" nillable="true" ma:displayName="MediaLengthInSeconds" ma:hidden="true" ma:internalName="MediaLengthInSeconds" ma:readOnly="true">
      <xsd:simpleType>
        <xsd:restriction base="dms:Unknown"/>
      </xsd:simpleType>
    </xsd:element>
    <xsd:element name="MediaServiceDateTaken" ma:index="17" nillable="true" ma:displayName="MediaServiceDateTaken" ma:hidden="true" ma:internalName="MediaServiceDateTaken"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element name="MediaServiceDocTags" ma:index="19" nillable="true" ma:displayName="MediaServiceDocTags" ma:hidden="true" ma:internalName="MediaServiceDocTags" ma:readOnly="true">
      <xsd:simpleType>
        <xsd:restriction base="dms:Note"/>
      </xsd:simpleType>
    </xsd:element>
    <xsd:element name="MediaServiceOCR" ma:index="20" nillable="true" ma:displayName="Extracted Text" ma:internalName="MediaServiceOCR" ma:readOnly="true">
      <xsd:simpleType>
        <xsd:restriction base="dms:Note">
          <xsd:maxLength value="255"/>
        </xsd:restriction>
      </xsd:simpleType>
    </xsd:element>
    <xsd:element name="MediaServiceGenerationTime" ma:index="21" nillable="true" ma:displayName="MediaServiceGenerationTime" ma:hidden="true" ma:internalName="MediaServiceGenerationTime" ma:readOnly="true">
      <xsd:simpleType>
        <xsd:restriction base="dms:Text"/>
      </xsd:simpleType>
    </xsd:element>
    <xsd:element name="MediaServiceEventHashCode" ma:index="22" nillable="true" ma:displayName="MediaServiceEventHashCode" ma:hidden="true" ma:internalName="MediaServiceEventHashCode" ma:readOnly="true">
      <xsd:simpleType>
        <xsd:restriction base="dms:Text"/>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e385fb40-52d4-4fae-9c5b-3e8ff8a5878e"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dd86fd30-1810-4d86-b7a3-a70515464f6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0f2945b-b9ad-45de-921f-4ed1a1ed8242}" ma:internalName="TaxCatchAll" ma:showField="CatchAllData" ma:web="dd86fd30-1810-4d86-b7a3-a70515464f67">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1 6 " ? > < W o r k b o o k S t a t e   x m l n s : i = " h t t p : / / w w w . w 3 . o r g / 2 0 0 1 / X M L S c h e m a - i n s t a n c e "   x m l n s = " h t t p : / / s c h e m a s . m i c r o s o f t . c o m / P o w e r B I A d d I n " > < L a s t P r o v i d e d R a n g e N a m e I d > 0 < / L a s t P r o v i d e d R a n g e N a m e I d > < L a s t U s e d G r o u p O b j e c t I d > < / L a s t U s e d G r o u p O b j e c t I d > < T i l e s L i s t > < T i l e s / > < / T i l e s L i s t > < / W o r k b o o k S t a t e > 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TaxCatchAll xmlns="230e9df3-be65-4c73-a93b-d1236ebd677e" xsi:nil="true"/>
    <lcf76f155ced4ddcb4097134ff3c332f xmlns="4ef747da-2ce0-4796-9d77-77311ee8727a">
      <Terms xmlns="http://schemas.microsoft.com/office/infopath/2007/PartnerControls"/>
    </lcf76f155ced4ddcb4097134ff3c332f>
    <SharedWithUsers xmlns="dd86fd30-1810-4d86-b7a3-a70515464f67">
      <UserInfo>
        <DisplayName>Srinivas Kandibanda</DisplayName>
        <AccountId>10618</AccountId>
        <AccountType/>
      </UserInfo>
      <UserInfo>
        <DisplayName>Ashish Bandel (Quadrant Resource LLC)</DisplayName>
        <AccountId>54140</AccountId>
        <AccountType/>
      </UserInfo>
      <UserInfo>
        <DisplayName>Deepak Khare</DisplayName>
        <AccountId>23858</AccountId>
        <AccountType/>
      </UserInfo>
      <UserInfo>
        <DisplayName>Marcia Ma (Shanghai Wicresoft Co,.Ltd.)</DisplayName>
        <AccountId>32360</AccountId>
        <AccountType/>
      </UserInfo>
      <UserInfo>
        <DisplayName>Lena Chen (Shanghai Wicresoft Co,.Ltd.)</DisplayName>
        <AccountId>9326</AccountId>
        <AccountType/>
      </UserInfo>
      <UserInfo>
        <DisplayName>Jeff Wilson</DisplayName>
        <AccountId>10486</AccountId>
        <AccountType/>
      </UserInfo>
      <UserInfo>
        <DisplayName>Suresh Kandoth</DisplayName>
        <AccountId>11</AccountId>
        <AccountType/>
      </UserInfo>
      <UserInfo>
        <DisplayName>Harvey Mora</DisplayName>
        <AccountId>30531</AccountId>
        <AccountType/>
      </UserInfo>
      <UserInfo>
        <DisplayName>Jerry Sitser (AQUENT LLC)</DisplayName>
        <AccountId>19475</AccountId>
        <AccountType/>
      </UserInfo>
      <UserInfo>
        <DisplayName>Joseph Pilov</DisplayName>
        <AccountId>14</AccountId>
        <AccountType/>
      </UserInfo>
      <UserInfo>
        <DisplayName>Brian Lu (Shanghai Wicresoft Co,.Ltd.)</DisplayName>
        <AccountId>32453</AccountId>
        <AccountType/>
      </UserInfo>
      <UserInfo>
        <DisplayName>Aarti Goyle</DisplayName>
        <AccountId>30027</AccountId>
        <AccountType/>
      </UserInfo>
      <UserInfo>
        <DisplayName>Christy Su</DisplayName>
        <AccountId>12001</AccountId>
        <AccountType/>
      </UserInfo>
      <UserInfo>
        <DisplayName>Venus Mi (Shanghai Wicresoft Co,.Ltd.)</DisplayName>
        <AccountId>21889</AccountId>
        <AccountType/>
      </UserInfo>
      <UserInfo>
        <DisplayName>Debra Hyland (AQUENT LLC)</DisplayName>
        <AccountId>10430</AccountId>
        <AccountType/>
      </UserInfo>
      <UserInfo>
        <DisplayName>Mike Ray (SQL)</DisplayName>
        <AccountId>3473</AccountId>
        <AccountType/>
      </UserInfo>
      <UserInfo>
        <DisplayName>Qian Li (Shanghai Wicresoft Co,.Ltd.)</DisplayName>
        <AccountId>30845</AccountId>
        <AccountType/>
      </UserInfo>
      <UserInfo>
        <DisplayName>Jesse Rowe (AQUENT LLC)</DisplayName>
        <AccountId>41631</AccountId>
        <AccountType/>
      </UserInfo>
      <UserInfo>
        <DisplayName>Simonx Xu (Shanghai Wicresoft Co,.Ltd.)</DisplayName>
        <AccountId>7891</AccountId>
        <AccountType/>
      </UserInfo>
      <UserInfo>
        <DisplayName>Lucy Zou (Shanghai Wicresoft Co,.Ltd.)</DisplayName>
        <AccountId>32518</AccountId>
        <AccountType/>
      </UserInfo>
      <UserInfo>
        <DisplayName>Cuiying Chen (Shanghai Wicresoft Co,.Ltd.)</DisplayName>
        <AccountId>33765</AccountId>
        <AccountType/>
      </UserInfo>
      <UserInfo>
        <DisplayName>Randolph West (THEY/THEM)</DisplayName>
        <AccountId>35474</AccountId>
        <AccountType/>
      </UserInfo>
      <UserInfo>
        <DisplayName>Asha Iyengar (Aquent LLC)</DisplayName>
        <AccountId>66382</AccountId>
        <AccountType/>
      </UserInfo>
      <UserInfo>
        <DisplayName>Mark Ghanayem</DisplayName>
        <AccountId>3451</AccountId>
        <AccountType/>
      </UserInfo>
      <UserInfo>
        <DisplayName>Ken Van Hyning</DisplayName>
        <AccountId>4749</AccountId>
        <AccountType/>
      </UserInfo>
      <UserInfo>
        <DisplayName>Evelyn Cascante</DisplayName>
        <AccountId>38949</AccountId>
        <AccountType/>
      </UserInfo>
      <UserInfo>
        <DisplayName>Saaketh Muppana</DisplayName>
        <AccountId>24658</AccountId>
        <AccountType/>
      </UserInfo>
      <UserInfo>
        <DisplayName>Darryl Gittins (AQUENT LLC)</DisplayName>
        <AccountId>32701</AccountId>
        <AccountType/>
      </UserInfo>
      <UserInfo>
        <DisplayName>Pauline Coffey</DisplayName>
        <AccountId>1824</AccountId>
        <AccountType/>
      </UserInfo>
      <UserInfo>
        <DisplayName>Karan Bajwa</DisplayName>
        <AccountId>32085</AccountId>
        <AccountType/>
      </UserInfo>
      <UserInfo>
        <DisplayName>Jason Hoffman</DisplayName>
        <AccountId>33291</AccountId>
        <AccountType/>
      </UserInfo>
      <UserInfo>
        <DisplayName>Matteo Taveggia</DisplayName>
        <AccountId>5167</AccountId>
        <AccountType/>
      </UserInfo>
      <UserInfo>
        <DisplayName>Lisa Olson</DisplayName>
        <AccountId>12783</AccountId>
        <AccountType/>
      </UserInfo>
      <UserInfo>
        <DisplayName>Anthony Johnson</DisplayName>
        <AccountId>23698</AccountId>
        <AccountType/>
      </UserInfo>
      <UserInfo>
        <DisplayName>Michael Cook (CSS)</DisplayName>
        <AccountId>28617</AccountId>
        <AccountType/>
      </UserInfo>
      <UserInfo>
        <DisplayName>Sachin Gupta</DisplayName>
        <AccountId>32801</AccountId>
        <AccountType/>
      </UserInfo>
      <UserInfo>
        <DisplayName>Justin Mourfield</DisplayName>
        <AccountId>34705</AccountId>
        <AccountType/>
      </UserInfo>
      <UserInfo>
        <DisplayName>Masashi Asao</DisplayName>
        <AccountId>19775</AccountId>
        <AccountType/>
      </UserInfo>
      <UserInfo>
        <DisplayName>Amarjot Singh Dhaliwal</DisplayName>
        <AccountId>11367</AccountId>
        <AccountType/>
      </UserInfo>
      <UserInfo>
        <DisplayName>Terence Chen</DisplayName>
        <AccountId>15716</AccountId>
        <AccountType/>
      </UserInfo>
      <UserInfo>
        <DisplayName>Jeff Papiez (SQL)</DisplayName>
        <AccountId>6391</AccountId>
        <AccountType/>
      </UserInfo>
      <UserInfo>
        <DisplayName>Yogesh Birla</DisplayName>
        <AccountId>26010</AccountId>
        <AccountType/>
      </UserInfo>
      <UserInfo>
        <DisplayName>Sharon Sears</DisplayName>
        <AccountId>12824</AccountId>
        <AccountType/>
      </UserInfo>
      <UserInfo>
        <DisplayName>Pat Schaefer</DisplayName>
        <AccountId>12155</AccountId>
        <AccountType/>
      </UserInfo>
      <UserInfo>
        <DisplayName>David Engel (SIMBA TECHNOLOGIES INC)</DisplayName>
        <AccountId>14856</AccountId>
        <AccountType/>
      </UserInfo>
      <UserInfo>
        <DisplayName>Li Zhang (SQL)</DisplayName>
        <AccountId>3677</AccountId>
        <AccountType/>
      </UserInfo>
      <UserInfo>
        <DisplayName>Milos Cimfl</DisplayName>
        <AccountId>8084</AccountId>
        <AccountType/>
      </UserInfo>
      <UserInfo>
        <DisplayName>Colton Lammers</DisplayName>
        <AccountId>67288</AccountId>
        <AccountType/>
      </UserInfo>
      <UserInfo>
        <DisplayName>Daniela Morales Solano</DisplayName>
        <AccountId>67289</AccountId>
        <AccountType/>
      </UserInfo>
      <UserInfo>
        <DisplayName>Yvette Benjamin</DisplayName>
        <AccountId>67290</AccountId>
        <AccountType/>
      </UserInfo>
      <UserInfo>
        <DisplayName>Duncan Chalmers</DisplayName>
        <AccountId>67291</AccountId>
        <AccountType/>
      </UserInfo>
      <UserInfo>
        <DisplayName>Ju Youn Chae</DisplayName>
        <AccountId>67318</AccountId>
        <AccountType/>
      </UserInfo>
      <UserInfo>
        <DisplayName>Chunliang Leng</DisplayName>
        <AccountId>28674</AccountId>
        <AccountType/>
      </UserInfo>
      <UserInfo>
        <DisplayName>Rafid Lafta</DisplayName>
        <AccountId>630</AccountId>
        <AccountType/>
      </UserInfo>
      <UserInfo>
        <DisplayName>Tori Michel</DisplayName>
        <AccountId>15715</AccountId>
        <AccountType/>
      </UserInfo>
      <UserInfo>
        <DisplayName>Nathan Schoenack</DisplayName>
        <AccountId>27</AccountId>
        <AccountType/>
      </UserInfo>
      <UserInfo>
        <DisplayName>Shaun Beasley</DisplayName>
        <AccountId>13</AccountId>
        <AccountType/>
      </UserInfo>
      <UserInfo>
        <DisplayName>Eric Burgess</DisplayName>
        <AccountId>66</AccountId>
        <AccountType/>
      </UserInfo>
      <UserInfo>
        <DisplayName>Jordon Riel</DisplayName>
        <AccountId>26</AccountId>
        <AccountType/>
      </UserInfo>
      <UserInfo>
        <DisplayName>Ujjwal Patel</DisplayName>
        <AccountId>3731</AccountId>
        <AccountType/>
      </UserInfo>
      <UserInfo>
        <DisplayName>Charles (Curt) Mathews</DisplayName>
        <AccountId>17</AccountId>
        <AccountType/>
      </UserInfo>
      <UserInfo>
        <DisplayName>Malcolm Stewart</DisplayName>
        <AccountId>6895</AccountId>
        <AccountType/>
      </UserInfo>
      <UserInfo>
        <DisplayName>Guillaume Fourrat</DisplayName>
        <AccountId>30</AccountId>
        <AccountType/>
      </UserInfo>
      <UserInfo>
        <DisplayName>Taiyeb Zakir</DisplayName>
        <AccountId>41</AccountId>
        <AccountType/>
      </UserInfo>
      <UserInfo>
        <DisplayName>Masha Thomas (SQL)</DisplayName>
        <AccountId>374</AccountId>
        <AccountType/>
      </UserInfo>
      <UserInfo>
        <DisplayName>Troy Moen</DisplayName>
        <AccountId>12</AccountId>
        <AccountType/>
      </UserInfo>
      <UserInfo>
        <DisplayName>William Assaf</DisplayName>
        <AccountId>16335</AccountId>
        <AccountType/>
      </UserInfo>
      <UserInfo>
        <DisplayName>Hemin Shah</DisplayName>
        <AccountId>542</AccountId>
        <AccountType/>
      </UserInfo>
      <UserInfo>
        <DisplayName>Tom Michaels</DisplayName>
        <AccountId>4748</AccountId>
        <AccountType/>
      </UserInfo>
      <UserInfo>
        <DisplayName>Ling Duan</DisplayName>
        <AccountId>139</AccountId>
        <AccountType/>
      </UserInfo>
      <UserInfo>
        <DisplayName>Santhosh Reddy Vootukuri (SUNNY)</DisplayName>
        <AccountId>15713</AccountId>
        <AccountType/>
      </UserInfo>
      <UserInfo>
        <DisplayName>Collin Benkler</DisplayName>
        <AccountId>55</AccountId>
        <AccountType/>
      </UserInfo>
      <UserInfo>
        <DisplayName>Eboh Ajeroh</DisplayName>
        <AccountId>38885</AccountId>
        <AccountType/>
      </UserInfo>
      <UserInfo>
        <DisplayName>Levi Broderick</DisplayName>
        <AccountId>10489</AccountId>
        <AccountType/>
      </UserInfo>
      <UserInfo>
        <DisplayName>Microsoft Vulnerability Research</DisplayName>
        <AccountId>68910</AccountId>
        <AccountType/>
      </UserInfo>
      <UserInfo>
        <DisplayName>Michael Howard (CYBER SECURITY)</DisplayName>
        <AccountId>5402</AccountId>
        <AccountType/>
      </UserInfo>
    </SharedWithUsers>
  </documentManagement>
</p:properties>
</file>

<file path=customXml/itemProps1.xml><?xml version="1.0" encoding="utf-8"?>
<ds:datastoreItem xmlns:ds="http://schemas.openxmlformats.org/officeDocument/2006/customXml" ds:itemID="{C0730B3E-9BA5-4F8E-BD03-904C45E3C8A1}">
  <ds:schemaRefs>
    <ds:schemaRef ds:uri="http://schemas.microsoft.com/sharepoint/v3/contenttype/forms"/>
  </ds:schemaRefs>
</ds:datastoreItem>
</file>

<file path=customXml/itemProps2.xml><?xml version="1.0" encoding="utf-8"?>
<ds:datastoreItem xmlns:ds="http://schemas.openxmlformats.org/officeDocument/2006/customXml" ds:itemID="{91533295-F0BC-4D13-A8F5-BCE1343FE6F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ef747da-2ce0-4796-9d77-77311ee8727a"/>
    <ds:schemaRef ds:uri="dd86fd30-1810-4d86-b7a3-a70515464f67"/>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AB9E604-1BD8-4FB3-ACEC-51E307A9D162}">
  <ds:schemaRefs>
    <ds:schemaRef ds:uri="http://schemas.microsoft.com/PowerBIAddIn"/>
  </ds:schemaRefs>
</ds:datastoreItem>
</file>

<file path=customXml/itemProps4.xml><?xml version="1.0" encoding="utf-8"?>
<ds:datastoreItem xmlns:ds="http://schemas.openxmlformats.org/officeDocument/2006/customXml" ds:itemID="{7C40E46E-3706-468A-868D-8BDE6ABD35BB}">
  <ds:schemaRefs>
    <ds:schemaRef ds:uri="http://schemas.microsoft.com/office/2006/metadata/properties"/>
    <ds:schemaRef ds:uri="http://schemas.microsoft.com/office/infopath/2007/PartnerControls"/>
    <ds:schemaRef ds:uri="http://schemas.microsoft.com/sharepoint/v3"/>
    <ds:schemaRef ds:uri="230e9df3-be65-4c73-a93b-d1236ebd677e"/>
    <ds:schemaRef ds:uri="4ef747da-2ce0-4796-9d77-77311ee8727a"/>
    <ds:schemaRef ds:uri="dd86fd30-1810-4d86-b7a3-a70515464f67"/>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5</vt:i4>
      </vt:variant>
    </vt:vector>
  </HeadingPairs>
  <TitlesOfParts>
    <vt:vector size="15" baseType="lpstr">
      <vt:lpstr>General info</vt:lpstr>
      <vt:lpstr>2022</vt:lpstr>
      <vt:lpstr>2022 Detailed Fixlist</vt:lpstr>
      <vt:lpstr>2019</vt:lpstr>
      <vt:lpstr>2019 Detailed Fixlist</vt:lpstr>
      <vt:lpstr>2017</vt:lpstr>
      <vt:lpstr>2017 Detailed Fixlist</vt:lpstr>
      <vt:lpstr>2016</vt:lpstr>
      <vt:lpstr>2014</vt:lpstr>
      <vt:lpstr>2012</vt:lpstr>
      <vt:lpstr>2008 R2</vt:lpstr>
      <vt:lpstr>2008</vt:lpstr>
      <vt:lpstr>2005</vt:lpstr>
      <vt:lpstr>Feature</vt:lpstr>
      <vt:lpstr>Component</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revision/>
  <dcterms:created xsi:type="dcterms:W3CDTF">2015-11-04T22:17:08Z</dcterms:created>
  <dcterms:modified xsi:type="dcterms:W3CDTF">2024-08-01T17:25:4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12C4A0EC257714EA037E2954587F772</vt:lpwstr>
  </property>
  <property fmtid="{D5CDD505-2E9C-101B-9397-08002B2CF9AE}" pid="3" name="TaxKeyword">
    <vt:lpwstr/>
  </property>
  <property fmtid="{D5CDD505-2E9C-101B-9397-08002B2CF9AE}" pid="4" name="TaxCatchAll">
    <vt:lpwstr/>
  </property>
  <property fmtid="{D5CDD505-2E9C-101B-9397-08002B2CF9AE}" pid="5" name="TaxKeywordTaxHTField">
    <vt:lpwstr/>
  </property>
  <property fmtid="{D5CDD505-2E9C-101B-9397-08002B2CF9AE}" pid="6" name="MSIP_Label_f42aa342-8706-4288-bd11-ebb85995028c_Enabled">
    <vt:lpwstr>True</vt:lpwstr>
  </property>
  <property fmtid="{D5CDD505-2E9C-101B-9397-08002B2CF9AE}" pid="7" name="MSIP_Label_f42aa342-8706-4288-bd11-ebb85995028c_SiteId">
    <vt:lpwstr>72f988bf-86f1-41af-91ab-2d7cd011db47</vt:lpwstr>
  </property>
  <property fmtid="{D5CDD505-2E9C-101B-9397-08002B2CF9AE}" pid="8" name="MSIP_Label_f42aa342-8706-4288-bd11-ebb85995028c_Ref">
    <vt:lpwstr>https://api.informationprotection.azure.com/api/72f988bf-86f1-41af-91ab-2d7cd011db47</vt:lpwstr>
  </property>
  <property fmtid="{D5CDD505-2E9C-101B-9397-08002B2CF9AE}" pid="9" name="MSIP_Label_f42aa342-8706-4288-bd11-ebb85995028c_SetDate">
    <vt:lpwstr>2017-08-09T17:46:36.8465459-07:00</vt:lpwstr>
  </property>
  <property fmtid="{D5CDD505-2E9C-101B-9397-08002B2CF9AE}" pid="10" name="MSIP_Label_f42aa342-8706-4288-bd11-ebb85995028c_Name">
    <vt:lpwstr>General</vt:lpwstr>
  </property>
  <property fmtid="{D5CDD505-2E9C-101B-9397-08002B2CF9AE}" pid="11" name="MSIP_Label_f42aa342-8706-4288-bd11-ebb85995028c_Extended_MSFT_Method">
    <vt:lpwstr>Automatic</vt:lpwstr>
  </property>
  <property fmtid="{D5CDD505-2E9C-101B-9397-08002B2CF9AE}" pid="12" name="Sensitivity">
    <vt:lpwstr>General</vt:lpwstr>
  </property>
  <property fmtid="{D5CDD505-2E9C-101B-9397-08002B2CF9AE}" pid="13" name="MediaServiceImageTags">
    <vt:lpwstr/>
  </property>
</Properties>
</file>